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i4052718\Desktop\国籍調査HP\平成17年国勢調査結果（済）\平成17年国勢調査　小地域集計\男女別15歳以上就業者数・延べ週間就業時間\"/>
    </mc:Choice>
  </mc:AlternateContent>
  <bookViews>
    <workbookView xWindow="-345" yWindow="300" windowWidth="6555" windowHeight="9120" tabRatio="842"/>
  </bookViews>
  <sheets>
    <sheet name="目次" sheetId="2" r:id="rId1"/>
    <sheet name="北区　抽出結果" sheetId="99" r:id="rId2"/>
    <sheet name="都島区　抽出結果" sheetId="100" r:id="rId3"/>
    <sheet name="福島区　抽出結果" sheetId="101" r:id="rId4"/>
    <sheet name="此花区　抽出結果" sheetId="102" r:id="rId5"/>
    <sheet name="中央区　抽出結果" sheetId="104" r:id="rId6"/>
    <sheet name="西区　抽出結果" sheetId="103" r:id="rId7"/>
    <sheet name="港区　抽出結果" sheetId="105" r:id="rId8"/>
    <sheet name="大正区　抽出結果" sheetId="106" r:id="rId9"/>
    <sheet name="天王寺区　抽出結果" sheetId="107" r:id="rId10"/>
    <sheet name="浪速区　抽出結果" sheetId="108" r:id="rId11"/>
    <sheet name="西淀川区　抽出結果" sheetId="109" r:id="rId12"/>
    <sheet name="淀川区　抽出結果" sheetId="110" r:id="rId13"/>
    <sheet name="東淀川区　抽出結果" sheetId="111" r:id="rId14"/>
    <sheet name="東成区　抽出結果" sheetId="112" r:id="rId15"/>
    <sheet name="生野区　抽出結果" sheetId="113" r:id="rId16"/>
    <sheet name="旭区　抽出結果" sheetId="114" r:id="rId17"/>
    <sheet name="城東区　抽出結果" sheetId="115" r:id="rId18"/>
    <sheet name="鶴見区　抽出結果" sheetId="116" r:id="rId19"/>
    <sheet name="阿倍野区　抽出結果" sheetId="117" r:id="rId20"/>
    <sheet name="住之江区　抽出結果" sheetId="118" r:id="rId21"/>
    <sheet name="住吉区　抽出結果" sheetId="119" r:id="rId22"/>
    <sheet name="東住吉区　抽出結果" sheetId="120" r:id="rId23"/>
    <sheet name="平野区　抽出結果" sheetId="121" r:id="rId24"/>
    <sheet name="西成区　抽出結果" sheetId="122" r:id="rId25"/>
  </sheets>
  <definedNames>
    <definedName name="_xlnm.Print_Area" localSheetId="19">'阿倍野区　抽出結果'!$A$2:$R$95</definedName>
    <definedName name="_xlnm.Print_Area" localSheetId="16">'旭区　抽出結果'!$A$2:$R$64</definedName>
    <definedName name="_xlnm.Print_Area" localSheetId="7">'港区　抽出結果'!$A$2:$R$83</definedName>
    <definedName name="_xlnm.Print_Area" localSheetId="4">'此花区　抽出結果'!$A$2:$R$86</definedName>
    <definedName name="_xlnm.Print_Area" localSheetId="21">'住吉区　抽出結果'!$A$2:$R$139</definedName>
    <definedName name="_xlnm.Print_Area" localSheetId="20">'住之江区　抽出結果'!$A$2:$R$134</definedName>
    <definedName name="_xlnm.Print_Area" localSheetId="17">'城東区　抽出結果'!$A$2:$R$103</definedName>
    <definedName name="_xlnm.Print_Area" localSheetId="15">'生野区　抽出結果'!$A$2:$R$118</definedName>
    <definedName name="_xlnm.Print_Area" localSheetId="6">'西区　抽出結果'!$A$2:$R$85</definedName>
    <definedName name="_xlnm.Print_Area" localSheetId="24">'西成区　抽出結果'!$A$2:$R$124</definedName>
    <definedName name="_xlnm.Print_Area" localSheetId="8">'大正区　抽出結果'!$A$2:$R$70</definedName>
    <definedName name="_xlnm.Print_Area" localSheetId="5">'中央区　抽出結果'!$A$2:$R$249</definedName>
    <definedName name="_xlnm.Print_Area" localSheetId="18">'鶴見区　抽出結果'!$A$2:$R$81</definedName>
    <definedName name="_xlnm.Print_Area" localSheetId="9">'天王寺区　抽出結果'!$A$2:$R$89</definedName>
    <definedName name="_xlnm.Print_Area" localSheetId="2">'都島区　抽出結果'!$A$2:$R$69</definedName>
    <definedName name="_xlnm.Print_Area" localSheetId="22">'東住吉区　抽出結果'!$A$2:$R$129</definedName>
    <definedName name="_xlnm.Print_Area" localSheetId="14">'東成区　抽出結果'!$A$2:$R$64</definedName>
    <definedName name="_xlnm.Print_Area" localSheetId="13">'東淀川区　抽出結果'!$A$2:$R$114</definedName>
    <definedName name="_xlnm.Print_Area" localSheetId="3">'福島区　抽出結果'!$A$2:$R$56</definedName>
    <definedName name="_xlnm.Print_Area" localSheetId="23">'平野区　抽出結果'!$A$2:$R$179</definedName>
    <definedName name="_xlnm.Print_Area" localSheetId="1">'北区　抽出結果'!$A$2:$R$159</definedName>
    <definedName name="_xlnm.Print_Area" localSheetId="0">目次!#REF!</definedName>
    <definedName name="_xlnm.Print_Area" localSheetId="12">'淀川区　抽出結果'!$A$2:$R$119</definedName>
    <definedName name="_xlnm.Print_Area" localSheetId="10">'浪速区　抽出結果'!$A$2:$R$93</definedName>
    <definedName name="_xlnm.Print_Titles" localSheetId="19">'阿倍野区　抽出結果'!$A:$B,'阿倍野区　抽出結果'!$3:$7</definedName>
    <definedName name="_xlnm.Print_Titles" localSheetId="16">'旭区　抽出結果'!$A:$B,'旭区　抽出結果'!$3:$7</definedName>
    <definedName name="_xlnm.Print_Titles" localSheetId="7">'港区　抽出結果'!$A:$C,'港区　抽出結果'!$3:$7</definedName>
    <definedName name="_xlnm.Print_Titles" localSheetId="4">'此花区　抽出結果'!$A:$C,'此花区　抽出結果'!$3:$7</definedName>
    <definedName name="_xlnm.Print_Titles" localSheetId="21">'住吉区　抽出結果'!$A:$C,'住吉区　抽出結果'!$3:$7</definedName>
    <definedName name="_xlnm.Print_Titles" localSheetId="20">'住之江区　抽出結果'!$A:$C,'住之江区　抽出結果'!$3:$7</definedName>
    <definedName name="_xlnm.Print_Titles" localSheetId="17">'城東区　抽出結果'!$A:$C,'城東区　抽出結果'!$3:$7</definedName>
    <definedName name="_xlnm.Print_Titles" localSheetId="15">'生野区　抽出結果'!$A:$A,'生野区　抽出結果'!$3:$7</definedName>
    <definedName name="_xlnm.Print_Titles" localSheetId="6">'西区　抽出結果'!$A:$C,'西区　抽出結果'!$3:$7</definedName>
    <definedName name="_xlnm.Print_Titles" localSheetId="24">'西成区　抽出結果'!$A:$C,'西成区　抽出結果'!$3:$7</definedName>
    <definedName name="_xlnm.Print_Titles" localSheetId="11">'西淀川区　抽出結果'!$A:$C,'西淀川区　抽出結果'!$3:$7</definedName>
    <definedName name="_xlnm.Print_Titles" localSheetId="8">'大正区　抽出結果'!$A:$C,'大正区　抽出結果'!$3:$7</definedName>
    <definedName name="_xlnm.Print_Titles" localSheetId="5">'中央区　抽出結果'!$A:$C,'中央区　抽出結果'!$3:$7</definedName>
    <definedName name="_xlnm.Print_Titles" localSheetId="18">'鶴見区　抽出結果'!$A:$B,'鶴見区　抽出結果'!$3:$7</definedName>
    <definedName name="_xlnm.Print_Titles" localSheetId="9">'天王寺区　抽出結果'!$A:$C,'天王寺区　抽出結果'!$3:$7</definedName>
    <definedName name="_xlnm.Print_Titles" localSheetId="2">'都島区　抽出結果'!$A:$C,'都島区　抽出結果'!$3:$7</definedName>
    <definedName name="_xlnm.Print_Titles" localSheetId="22">'東住吉区　抽出結果'!$A:$C,'東住吉区　抽出結果'!$3:$7</definedName>
    <definedName name="_xlnm.Print_Titles" localSheetId="14">'東成区　抽出結果'!$A:$A,'東成区　抽出結果'!$3:$7</definedName>
    <definedName name="_xlnm.Print_Titles" localSheetId="13">'東淀川区　抽出結果'!$A:$A,'東淀川区　抽出結果'!$3:$7</definedName>
    <definedName name="_xlnm.Print_Titles" localSheetId="3">'福島区　抽出結果'!$A:$C,'福島区　抽出結果'!$3:$7</definedName>
    <definedName name="_xlnm.Print_Titles" localSheetId="23">'平野区　抽出結果'!$A:$B,'平野区　抽出結果'!$3:$7</definedName>
    <definedName name="_xlnm.Print_Titles" localSheetId="1">'北区　抽出結果'!$A:$C,'北区　抽出結果'!$3:$6</definedName>
    <definedName name="_xlnm.Print_Titles" localSheetId="0">目次!#REF!</definedName>
    <definedName name="_xlnm.Print_Titles" localSheetId="12">'淀川区　抽出結果'!$A:$C,'淀川区　抽出結果'!$3:$7</definedName>
    <definedName name="_xlnm.Print_Titles" localSheetId="10">'浪速区　抽出結果'!$A:$C,'浪速区　抽出結果'!$3:$7</definedName>
  </definedNames>
  <calcPr calcId="92512"/>
</workbook>
</file>

<file path=xl/sharedStrings.xml><?xml version="1.0" encoding="utf-8"?>
<sst xmlns="http://schemas.openxmlformats.org/spreadsheetml/2006/main" count="9323" uniqueCount="2473">
  <si>
    <t>＜＜目次</t>
    <rPh sb="2" eb="4">
      <t>モクジ</t>
    </rPh>
    <phoneticPr fontId="3"/>
  </si>
  <si>
    <t>・北区</t>
    <rPh sb="1" eb="3">
      <t>キタク</t>
    </rPh>
    <phoneticPr fontId="8"/>
  </si>
  <si>
    <t>・天王寺区</t>
    <rPh sb="1" eb="5">
      <t>テンノウジク</t>
    </rPh>
    <phoneticPr fontId="8"/>
  </si>
  <si>
    <t>・城東区</t>
    <rPh sb="1" eb="4">
      <t>ジョウトウク</t>
    </rPh>
    <phoneticPr fontId="8"/>
  </si>
  <si>
    <t>・都島区</t>
    <rPh sb="1" eb="4">
      <t>ミヤコシマク</t>
    </rPh>
    <phoneticPr fontId="8"/>
  </si>
  <si>
    <t>・浪速区</t>
    <rPh sb="1" eb="4">
      <t>ナニワク</t>
    </rPh>
    <phoneticPr fontId="8"/>
  </si>
  <si>
    <t>・鶴見区</t>
    <rPh sb="1" eb="4">
      <t>ツルミク</t>
    </rPh>
    <phoneticPr fontId="8"/>
  </si>
  <si>
    <t>・福島区</t>
    <rPh sb="1" eb="4">
      <t>フクシマク</t>
    </rPh>
    <phoneticPr fontId="8"/>
  </si>
  <si>
    <t>・西淀川区</t>
    <rPh sb="1" eb="5">
      <t>ニシヨドガワク</t>
    </rPh>
    <phoneticPr fontId="8"/>
  </si>
  <si>
    <t>・阿倍野区</t>
    <rPh sb="1" eb="5">
      <t>アベノク</t>
    </rPh>
    <phoneticPr fontId="8"/>
  </si>
  <si>
    <t>・此花区</t>
    <rPh sb="1" eb="4">
      <t>コノハナク</t>
    </rPh>
    <phoneticPr fontId="8"/>
  </si>
  <si>
    <t>・淀川区</t>
    <rPh sb="1" eb="4">
      <t>ヨドガワク</t>
    </rPh>
    <phoneticPr fontId="8"/>
  </si>
  <si>
    <t>・住之江区</t>
    <rPh sb="1" eb="5">
      <t>スミノエク</t>
    </rPh>
    <phoneticPr fontId="8"/>
  </si>
  <si>
    <t>・中央区</t>
    <rPh sb="1" eb="4">
      <t>チュウオウク</t>
    </rPh>
    <phoneticPr fontId="8"/>
  </si>
  <si>
    <t>・東淀川区</t>
    <rPh sb="1" eb="5">
      <t>ヒガシヨドガワク</t>
    </rPh>
    <phoneticPr fontId="8"/>
  </si>
  <si>
    <t>・住吉区</t>
    <rPh sb="1" eb="4">
      <t>スミヨシク</t>
    </rPh>
    <phoneticPr fontId="8"/>
  </si>
  <si>
    <t>・西区</t>
    <rPh sb="1" eb="3">
      <t>ニシク</t>
    </rPh>
    <phoneticPr fontId="8"/>
  </si>
  <si>
    <t>・東成区</t>
    <rPh sb="1" eb="4">
      <t>ヒガシナリク</t>
    </rPh>
    <phoneticPr fontId="8"/>
  </si>
  <si>
    <t>・東住吉区</t>
    <rPh sb="1" eb="5">
      <t>ヒガシスミヨシク</t>
    </rPh>
    <phoneticPr fontId="8"/>
  </si>
  <si>
    <t>・港区</t>
    <rPh sb="1" eb="3">
      <t>ミナトク</t>
    </rPh>
    <phoneticPr fontId="8"/>
  </si>
  <si>
    <t>・生野区</t>
    <rPh sb="1" eb="4">
      <t>イクノク</t>
    </rPh>
    <phoneticPr fontId="8"/>
  </si>
  <si>
    <t>・平野区</t>
    <rPh sb="1" eb="4">
      <t>ヒラノク</t>
    </rPh>
    <phoneticPr fontId="8"/>
  </si>
  <si>
    <t>・大正区</t>
    <rPh sb="1" eb="4">
      <t>タイショウク</t>
    </rPh>
    <phoneticPr fontId="8"/>
  </si>
  <si>
    <t>・旭区</t>
    <rPh sb="1" eb="3">
      <t>アサヒク</t>
    </rPh>
    <phoneticPr fontId="8"/>
  </si>
  <si>
    <t>・西成区</t>
    <rPh sb="1" eb="4">
      <t>ニシナリク</t>
    </rPh>
    <phoneticPr fontId="8"/>
  </si>
  <si>
    <t/>
  </si>
  <si>
    <t>地域名</t>
  </si>
  <si>
    <t>秘匿   区分</t>
    <rPh sb="0" eb="2">
      <t>ヒトク</t>
    </rPh>
    <rPh sb="5" eb="7">
      <t>クブン</t>
    </rPh>
    <phoneticPr fontId="8"/>
  </si>
  <si>
    <t>北区</t>
    <phoneticPr fontId="8"/>
  </si>
  <si>
    <t>池田町</t>
    <phoneticPr fontId="8"/>
  </si>
  <si>
    <t>浮田</t>
    <phoneticPr fontId="8"/>
  </si>
  <si>
    <t>浮田１丁目</t>
    <phoneticPr fontId="8"/>
  </si>
  <si>
    <t>浮田２丁目</t>
    <phoneticPr fontId="8"/>
  </si>
  <si>
    <t>梅田</t>
    <phoneticPr fontId="8"/>
  </si>
  <si>
    <t>梅田１丁目</t>
    <phoneticPr fontId="8"/>
  </si>
  <si>
    <t>-</t>
  </si>
  <si>
    <t>梅田２丁目</t>
    <phoneticPr fontId="8"/>
  </si>
  <si>
    <t>梅田３丁目</t>
    <phoneticPr fontId="8"/>
  </si>
  <si>
    <t>扇町</t>
    <phoneticPr fontId="8"/>
  </si>
  <si>
    <t>扇町１丁目</t>
    <phoneticPr fontId="8"/>
  </si>
  <si>
    <t>扇町２丁目</t>
    <phoneticPr fontId="8"/>
  </si>
  <si>
    <t>大深町</t>
    <phoneticPr fontId="8"/>
  </si>
  <si>
    <t>大淀北</t>
    <phoneticPr fontId="8"/>
  </si>
  <si>
    <t>大淀北１丁目</t>
    <phoneticPr fontId="8"/>
  </si>
  <si>
    <t>大淀北２丁目</t>
    <phoneticPr fontId="8"/>
  </si>
  <si>
    <t>大淀中</t>
    <phoneticPr fontId="8"/>
  </si>
  <si>
    <t>大淀中１丁目</t>
    <phoneticPr fontId="8"/>
  </si>
  <si>
    <t>大淀中２丁目</t>
    <phoneticPr fontId="8"/>
  </si>
  <si>
    <t>大淀中３丁目</t>
    <phoneticPr fontId="8"/>
  </si>
  <si>
    <t>大淀中４丁目</t>
    <phoneticPr fontId="8"/>
  </si>
  <si>
    <t>大淀中５丁目</t>
    <phoneticPr fontId="8"/>
  </si>
  <si>
    <t>大淀南</t>
    <phoneticPr fontId="8"/>
  </si>
  <si>
    <t>＠</t>
    <phoneticPr fontId="8"/>
  </si>
  <si>
    <t>１</t>
    <phoneticPr fontId="8"/>
  </si>
  <si>
    <t>大淀南１丁目</t>
    <phoneticPr fontId="8"/>
  </si>
  <si>
    <t>大淀南２丁目</t>
    <phoneticPr fontId="8"/>
  </si>
  <si>
    <t>大淀南３丁目</t>
    <phoneticPr fontId="8"/>
  </si>
  <si>
    <t>角田町</t>
    <phoneticPr fontId="8"/>
  </si>
  <si>
    <t>＊</t>
    <phoneticPr fontId="8"/>
  </si>
  <si>
    <t>X</t>
    <phoneticPr fontId="8"/>
  </si>
  <si>
    <t>神山町</t>
    <phoneticPr fontId="8"/>
  </si>
  <si>
    <t>菅栄町</t>
    <phoneticPr fontId="8"/>
  </si>
  <si>
    <t>黒崎町</t>
    <phoneticPr fontId="8"/>
  </si>
  <si>
    <t>紅梅町</t>
    <phoneticPr fontId="8"/>
  </si>
  <si>
    <t>国分寺</t>
    <phoneticPr fontId="8"/>
  </si>
  <si>
    <t>国分寺１丁目</t>
    <phoneticPr fontId="8"/>
  </si>
  <si>
    <t>国分寺２丁目</t>
    <phoneticPr fontId="8"/>
  </si>
  <si>
    <t>小松原町</t>
    <phoneticPr fontId="8"/>
  </si>
  <si>
    <t>芝田</t>
    <phoneticPr fontId="8"/>
  </si>
  <si>
    <t>芝田１丁目</t>
    <phoneticPr fontId="8"/>
  </si>
  <si>
    <t>芝田２丁目</t>
    <phoneticPr fontId="8"/>
  </si>
  <si>
    <t>末広町</t>
    <phoneticPr fontId="8"/>
  </si>
  <si>
    <t>菅原町</t>
    <phoneticPr fontId="8"/>
  </si>
  <si>
    <t>曽根崎</t>
    <phoneticPr fontId="8"/>
  </si>
  <si>
    <t>曽根崎１丁目</t>
    <phoneticPr fontId="8"/>
  </si>
  <si>
    <t>曽根崎２丁目</t>
    <phoneticPr fontId="8"/>
  </si>
  <si>
    <t>曽根崎新地</t>
    <phoneticPr fontId="8"/>
  </si>
  <si>
    <t>曽根崎新地１丁目</t>
    <phoneticPr fontId="8"/>
  </si>
  <si>
    <t>曽根崎新地２丁目</t>
    <phoneticPr fontId="8"/>
  </si>
  <si>
    <t>太融寺町</t>
    <phoneticPr fontId="8"/>
  </si>
  <si>
    <t>茶屋町</t>
    <phoneticPr fontId="8"/>
  </si>
  <si>
    <t>鶴野町</t>
    <phoneticPr fontId="8"/>
  </si>
  <si>
    <t>天神西町</t>
    <phoneticPr fontId="8"/>
  </si>
  <si>
    <t>天神橋</t>
    <phoneticPr fontId="8"/>
  </si>
  <si>
    <t>天神橋１丁目</t>
    <phoneticPr fontId="8"/>
  </si>
  <si>
    <t>天神橋２丁目</t>
    <phoneticPr fontId="8"/>
  </si>
  <si>
    <t>天神橋３丁目</t>
    <phoneticPr fontId="8"/>
  </si>
  <si>
    <t>天神橋４丁目</t>
    <phoneticPr fontId="8"/>
  </si>
  <si>
    <t>天神橋５丁目</t>
    <phoneticPr fontId="8"/>
  </si>
  <si>
    <t>天神橋６丁目</t>
    <phoneticPr fontId="8"/>
  </si>
  <si>
    <t>天神橋７丁目</t>
    <phoneticPr fontId="8"/>
  </si>
  <si>
    <t>天神橋８丁目</t>
    <phoneticPr fontId="8"/>
  </si>
  <si>
    <t>天満</t>
    <phoneticPr fontId="8"/>
  </si>
  <si>
    <t>天満１丁目</t>
    <phoneticPr fontId="8"/>
  </si>
  <si>
    <t>天満２丁目</t>
    <phoneticPr fontId="8"/>
  </si>
  <si>
    <t>天満３丁目</t>
    <phoneticPr fontId="8"/>
  </si>
  <si>
    <t>天満４丁目</t>
    <phoneticPr fontId="8"/>
  </si>
  <si>
    <t>天満橋</t>
    <phoneticPr fontId="8"/>
  </si>
  <si>
    <t>天満橋１丁目</t>
    <phoneticPr fontId="8"/>
  </si>
  <si>
    <t>天満橋２丁目</t>
    <phoneticPr fontId="8"/>
  </si>
  <si>
    <t>天満橋３丁目</t>
    <phoneticPr fontId="8"/>
  </si>
  <si>
    <t>兎我野町</t>
    <phoneticPr fontId="8"/>
  </si>
  <si>
    <t>同心</t>
    <phoneticPr fontId="8"/>
  </si>
  <si>
    <t>同心１丁目</t>
    <phoneticPr fontId="8"/>
  </si>
  <si>
    <t>同心２丁目</t>
    <phoneticPr fontId="8"/>
  </si>
  <si>
    <t>堂島</t>
    <phoneticPr fontId="8"/>
  </si>
  <si>
    <t>２</t>
    <phoneticPr fontId="8"/>
  </si>
  <si>
    <t>堂島１丁目</t>
    <phoneticPr fontId="8"/>
  </si>
  <si>
    <t>堂島２丁目</t>
    <phoneticPr fontId="8"/>
  </si>
  <si>
    <t>堂島３丁目</t>
    <phoneticPr fontId="8"/>
  </si>
  <si>
    <t>堂島浜</t>
    <phoneticPr fontId="8"/>
  </si>
  <si>
    <t>堂島浜１丁目</t>
    <phoneticPr fontId="8"/>
  </si>
  <si>
    <t>堂島浜２丁目</t>
    <phoneticPr fontId="8"/>
  </si>
  <si>
    <t>堂山町</t>
    <phoneticPr fontId="8"/>
  </si>
  <si>
    <t>豊崎</t>
    <phoneticPr fontId="8"/>
  </si>
  <si>
    <t>豊崎１丁目</t>
    <phoneticPr fontId="8"/>
  </si>
  <si>
    <t>豊崎２丁目</t>
    <phoneticPr fontId="8"/>
  </si>
  <si>
    <t>豊崎３丁目</t>
    <phoneticPr fontId="8"/>
  </si>
  <si>
    <t>豊崎４丁目</t>
    <phoneticPr fontId="8"/>
  </si>
  <si>
    <t>豊崎５丁目</t>
    <phoneticPr fontId="8"/>
  </si>
  <si>
    <t>豊崎６丁目</t>
    <phoneticPr fontId="8"/>
  </si>
  <si>
    <t>豊崎７丁目</t>
    <phoneticPr fontId="8"/>
  </si>
  <si>
    <t>中崎</t>
    <phoneticPr fontId="8"/>
  </si>
  <si>
    <t>中崎１丁目</t>
    <phoneticPr fontId="8"/>
  </si>
  <si>
    <t>中崎２丁目</t>
    <phoneticPr fontId="8"/>
  </si>
  <si>
    <t>中崎３丁目</t>
    <phoneticPr fontId="8"/>
  </si>
  <si>
    <t>中崎西</t>
    <phoneticPr fontId="8"/>
  </si>
  <si>
    <t>中崎西１丁目</t>
    <phoneticPr fontId="8"/>
  </si>
  <si>
    <t>中崎西２丁目</t>
    <phoneticPr fontId="8"/>
  </si>
  <si>
    <t>中崎西３丁目</t>
    <phoneticPr fontId="8"/>
  </si>
  <si>
    <t>中崎西４丁目</t>
    <phoneticPr fontId="8"/>
  </si>
  <si>
    <t>中津</t>
    <phoneticPr fontId="8"/>
  </si>
  <si>
    <t>中津１丁目</t>
    <phoneticPr fontId="8"/>
  </si>
  <si>
    <t>中津２丁目</t>
    <phoneticPr fontId="8"/>
  </si>
  <si>
    <t>中津３丁目</t>
    <phoneticPr fontId="8"/>
  </si>
  <si>
    <t>中津４丁目</t>
    <phoneticPr fontId="8"/>
  </si>
  <si>
    <t>中津５丁目</t>
    <phoneticPr fontId="8"/>
  </si>
  <si>
    <t>中津６丁目</t>
    <phoneticPr fontId="8"/>
  </si>
  <si>
    <t>中津７丁目</t>
    <phoneticPr fontId="8"/>
  </si>
  <si>
    <t>中之島</t>
    <phoneticPr fontId="8"/>
  </si>
  <si>
    <t>中之島１丁目</t>
    <phoneticPr fontId="8"/>
  </si>
  <si>
    <t>中之島２丁目</t>
    <phoneticPr fontId="8"/>
  </si>
  <si>
    <t>中之島３丁目</t>
    <phoneticPr fontId="8"/>
  </si>
  <si>
    <t>中之島４丁目</t>
    <phoneticPr fontId="8"/>
  </si>
  <si>
    <t>中之島５丁目</t>
    <phoneticPr fontId="8"/>
  </si>
  <si>
    <t>中之島６丁目</t>
    <phoneticPr fontId="8"/>
  </si>
  <si>
    <t>長柄中</t>
    <phoneticPr fontId="8"/>
  </si>
  <si>
    <t>長柄中１丁目</t>
    <phoneticPr fontId="8"/>
  </si>
  <si>
    <t>長柄中２丁目</t>
    <phoneticPr fontId="8"/>
  </si>
  <si>
    <t>長柄中３丁目</t>
    <phoneticPr fontId="8"/>
  </si>
  <si>
    <t>長柄西</t>
    <phoneticPr fontId="8"/>
  </si>
  <si>
    <t>長柄西１丁目</t>
    <phoneticPr fontId="8"/>
  </si>
  <si>
    <t>長柄西２丁目</t>
    <phoneticPr fontId="8"/>
  </si>
  <si>
    <t>長柄東</t>
    <phoneticPr fontId="8"/>
  </si>
  <si>
    <t>長柄東１丁目</t>
    <phoneticPr fontId="8"/>
  </si>
  <si>
    <t>長柄東２丁目</t>
    <phoneticPr fontId="8"/>
  </si>
  <si>
    <t>長柄東３丁目</t>
    <phoneticPr fontId="8"/>
  </si>
  <si>
    <t>浪花町</t>
    <phoneticPr fontId="8"/>
  </si>
  <si>
    <t>西天満</t>
    <phoneticPr fontId="8"/>
  </si>
  <si>
    <t>西天満１丁目</t>
    <phoneticPr fontId="8"/>
  </si>
  <si>
    <t>西天満２丁目</t>
    <phoneticPr fontId="8"/>
  </si>
  <si>
    <t>西天満３丁目</t>
    <phoneticPr fontId="8"/>
  </si>
  <si>
    <t>西天満４丁目</t>
    <phoneticPr fontId="8"/>
  </si>
  <si>
    <t>西天満５丁目</t>
    <phoneticPr fontId="8"/>
  </si>
  <si>
    <t>西天満６丁目</t>
    <phoneticPr fontId="8"/>
  </si>
  <si>
    <t>錦町</t>
    <phoneticPr fontId="8"/>
  </si>
  <si>
    <t>野崎町</t>
    <phoneticPr fontId="8"/>
  </si>
  <si>
    <t>樋之口町</t>
    <phoneticPr fontId="8"/>
  </si>
  <si>
    <t>東天満</t>
    <phoneticPr fontId="8"/>
  </si>
  <si>
    <t>東天満１丁目</t>
    <phoneticPr fontId="8"/>
  </si>
  <si>
    <t>東天満２丁目</t>
    <phoneticPr fontId="8"/>
  </si>
  <si>
    <t>本庄西</t>
    <phoneticPr fontId="8"/>
  </si>
  <si>
    <t>本庄西１丁目</t>
    <phoneticPr fontId="8"/>
  </si>
  <si>
    <t>本庄西２丁目</t>
    <phoneticPr fontId="8"/>
  </si>
  <si>
    <t>本庄西３丁目</t>
    <phoneticPr fontId="8"/>
  </si>
  <si>
    <t>本庄東</t>
    <phoneticPr fontId="8"/>
  </si>
  <si>
    <t>本庄東１丁目</t>
    <phoneticPr fontId="8"/>
  </si>
  <si>
    <t>本庄東２丁目</t>
    <phoneticPr fontId="8"/>
  </si>
  <si>
    <t>本庄東３丁目</t>
    <phoneticPr fontId="8"/>
  </si>
  <si>
    <t>松ケ枝町</t>
    <phoneticPr fontId="8"/>
  </si>
  <si>
    <t>万歳町</t>
    <phoneticPr fontId="8"/>
  </si>
  <si>
    <t>南扇町</t>
    <phoneticPr fontId="8"/>
  </si>
  <si>
    <t>南森町</t>
    <phoneticPr fontId="8"/>
  </si>
  <si>
    <t>南森町１丁目</t>
    <phoneticPr fontId="8"/>
  </si>
  <si>
    <t>南森町２丁目</t>
    <phoneticPr fontId="8"/>
  </si>
  <si>
    <t>山崎町</t>
    <phoneticPr fontId="8"/>
  </si>
  <si>
    <t>与力町</t>
    <phoneticPr fontId="8"/>
  </si>
  <si>
    <t>都島区</t>
    <phoneticPr fontId="8"/>
  </si>
  <si>
    <t>片町</t>
    <phoneticPr fontId="8"/>
  </si>
  <si>
    <t>片町１丁目</t>
    <phoneticPr fontId="8"/>
  </si>
  <si>
    <t>片町２丁目</t>
    <phoneticPr fontId="8"/>
  </si>
  <si>
    <t>網島町</t>
    <phoneticPr fontId="8"/>
  </si>
  <si>
    <t>東野田町</t>
    <phoneticPr fontId="8"/>
  </si>
  <si>
    <t>東野田町１丁目</t>
    <phoneticPr fontId="8"/>
  </si>
  <si>
    <t>東野田町２丁目</t>
    <phoneticPr fontId="8"/>
  </si>
  <si>
    <t>東野田町３丁目</t>
    <phoneticPr fontId="8"/>
  </si>
  <si>
    <t>東野田町４丁目</t>
    <phoneticPr fontId="8"/>
  </si>
  <si>
    <t>東野田町５丁目</t>
    <phoneticPr fontId="8"/>
  </si>
  <si>
    <t>中野町</t>
    <phoneticPr fontId="8"/>
  </si>
  <si>
    <t>中野町１丁目</t>
    <phoneticPr fontId="8"/>
  </si>
  <si>
    <t>中野町２丁目</t>
    <phoneticPr fontId="8"/>
  </si>
  <si>
    <t>中野町３丁目</t>
    <phoneticPr fontId="8"/>
  </si>
  <si>
    <t>中野町４丁目</t>
    <phoneticPr fontId="8"/>
  </si>
  <si>
    <t>中野町５丁目</t>
    <phoneticPr fontId="8"/>
  </si>
  <si>
    <t>都島南通</t>
    <phoneticPr fontId="8"/>
  </si>
  <si>
    <t>都島南通１丁目</t>
    <phoneticPr fontId="8"/>
  </si>
  <si>
    <t>都島南通２丁目</t>
    <phoneticPr fontId="8"/>
  </si>
  <si>
    <t>都島中通</t>
    <phoneticPr fontId="8"/>
  </si>
  <si>
    <t>都島中通１丁目</t>
    <phoneticPr fontId="8"/>
  </si>
  <si>
    <t>都島中通２丁目</t>
    <phoneticPr fontId="8"/>
  </si>
  <si>
    <t>都島中通３丁目</t>
    <phoneticPr fontId="8"/>
  </si>
  <si>
    <t>都島本通</t>
    <phoneticPr fontId="8"/>
  </si>
  <si>
    <t>都島本通１丁目</t>
    <phoneticPr fontId="8"/>
  </si>
  <si>
    <t>都島本通２丁目</t>
    <phoneticPr fontId="8"/>
  </si>
  <si>
    <t>都島本通３丁目</t>
    <phoneticPr fontId="8"/>
  </si>
  <si>
    <t>都島本通４丁目</t>
    <phoneticPr fontId="8"/>
  </si>
  <si>
    <t>都島本通５丁目</t>
    <phoneticPr fontId="8"/>
  </si>
  <si>
    <t>都島北通</t>
    <phoneticPr fontId="8"/>
  </si>
  <si>
    <t>都島北通１丁目</t>
    <phoneticPr fontId="8"/>
  </si>
  <si>
    <t>都島北通２丁目</t>
    <phoneticPr fontId="8"/>
  </si>
  <si>
    <t>善源寺町</t>
    <phoneticPr fontId="8"/>
  </si>
  <si>
    <t>善源寺町１丁目</t>
    <phoneticPr fontId="8"/>
  </si>
  <si>
    <t>善源寺町２丁目</t>
    <phoneticPr fontId="8"/>
  </si>
  <si>
    <t>高倉町</t>
    <phoneticPr fontId="8"/>
  </si>
  <si>
    <t>高倉町１丁目</t>
    <phoneticPr fontId="8"/>
  </si>
  <si>
    <t>高倉町２丁目</t>
    <phoneticPr fontId="8"/>
  </si>
  <si>
    <t>高倉町３丁目</t>
    <phoneticPr fontId="8"/>
  </si>
  <si>
    <t>御幸町</t>
    <phoneticPr fontId="8"/>
  </si>
  <si>
    <t>御幸町１丁目</t>
    <phoneticPr fontId="8"/>
  </si>
  <si>
    <t>御幸町２丁目</t>
    <phoneticPr fontId="8"/>
  </si>
  <si>
    <t>内代町</t>
    <phoneticPr fontId="8"/>
  </si>
  <si>
    <t>内代町１丁目</t>
    <phoneticPr fontId="8"/>
  </si>
  <si>
    <t>内代町２丁目</t>
    <phoneticPr fontId="8"/>
  </si>
  <si>
    <t>内代町３丁目</t>
    <phoneticPr fontId="8"/>
  </si>
  <si>
    <t>内代町４丁目</t>
    <phoneticPr fontId="8"/>
  </si>
  <si>
    <t>友渕町</t>
    <phoneticPr fontId="8"/>
  </si>
  <si>
    <t>友渕町１丁目</t>
    <phoneticPr fontId="8"/>
  </si>
  <si>
    <t>友渕町２丁目</t>
    <phoneticPr fontId="8"/>
  </si>
  <si>
    <t>友渕町３丁目</t>
    <phoneticPr fontId="8"/>
  </si>
  <si>
    <t>大東町</t>
    <phoneticPr fontId="8"/>
  </si>
  <si>
    <t>大東町１丁目</t>
    <phoneticPr fontId="8"/>
  </si>
  <si>
    <t>大東町２丁目</t>
    <phoneticPr fontId="8"/>
  </si>
  <si>
    <t>大東町３丁目</t>
    <phoneticPr fontId="8"/>
  </si>
  <si>
    <t>毛馬町</t>
    <phoneticPr fontId="8"/>
  </si>
  <si>
    <t>毛馬町１丁目</t>
    <phoneticPr fontId="8"/>
  </si>
  <si>
    <t>毛馬町２丁目</t>
    <phoneticPr fontId="8"/>
  </si>
  <si>
    <t>毛馬町３丁目</t>
    <phoneticPr fontId="8"/>
  </si>
  <si>
    <t>毛馬町４丁目</t>
    <phoneticPr fontId="8"/>
  </si>
  <si>
    <t>毛馬町５丁目</t>
    <phoneticPr fontId="8"/>
  </si>
  <si>
    <t>福島区</t>
    <rPh sb="2" eb="3">
      <t>ク</t>
    </rPh>
    <phoneticPr fontId="8"/>
  </si>
  <si>
    <t>福島</t>
    <phoneticPr fontId="8"/>
  </si>
  <si>
    <t>福島１丁目</t>
    <phoneticPr fontId="8"/>
  </si>
  <si>
    <t>福島２丁目</t>
    <phoneticPr fontId="8"/>
  </si>
  <si>
    <t>福島３丁目</t>
    <phoneticPr fontId="8"/>
  </si>
  <si>
    <t>福島４丁目</t>
    <phoneticPr fontId="8"/>
  </si>
  <si>
    <t>福島５丁目</t>
    <phoneticPr fontId="8"/>
  </si>
  <si>
    <t>福島６丁目</t>
    <phoneticPr fontId="8"/>
  </si>
  <si>
    <t>福島７丁目</t>
    <phoneticPr fontId="8"/>
  </si>
  <si>
    <t>福島８丁目</t>
    <phoneticPr fontId="8"/>
  </si>
  <si>
    <t>玉川</t>
    <phoneticPr fontId="8"/>
  </si>
  <si>
    <t>玉川１丁目</t>
    <phoneticPr fontId="8"/>
  </si>
  <si>
    <t>玉川２丁目</t>
    <phoneticPr fontId="8"/>
  </si>
  <si>
    <t>玉川３丁目</t>
    <phoneticPr fontId="8"/>
  </si>
  <si>
    <t>玉川４丁目</t>
    <phoneticPr fontId="8"/>
  </si>
  <si>
    <t>野田</t>
    <phoneticPr fontId="8"/>
  </si>
  <si>
    <t>野田１丁目</t>
    <phoneticPr fontId="8"/>
  </si>
  <si>
    <t>野田２丁目</t>
    <phoneticPr fontId="8"/>
  </si>
  <si>
    <t>野田３丁目</t>
    <phoneticPr fontId="8"/>
  </si>
  <si>
    <t>野田４丁目</t>
    <phoneticPr fontId="8"/>
  </si>
  <si>
    <t>野田５丁目</t>
    <phoneticPr fontId="8"/>
  </si>
  <si>
    <t>野田６丁目</t>
    <phoneticPr fontId="8"/>
  </si>
  <si>
    <t>吉野</t>
    <phoneticPr fontId="8"/>
  </si>
  <si>
    <t>吉野１丁目</t>
    <phoneticPr fontId="8"/>
  </si>
  <si>
    <t>吉野２丁目</t>
    <phoneticPr fontId="8"/>
  </si>
  <si>
    <t>吉野３丁目</t>
    <phoneticPr fontId="8"/>
  </si>
  <si>
    <t>吉野４丁目</t>
    <phoneticPr fontId="8"/>
  </si>
  <si>
    <t>吉野５丁目</t>
    <phoneticPr fontId="8"/>
  </si>
  <si>
    <t>大開</t>
    <phoneticPr fontId="8"/>
  </si>
  <si>
    <t>大開１丁目</t>
    <phoneticPr fontId="8"/>
  </si>
  <si>
    <t>大開２丁目</t>
    <phoneticPr fontId="8"/>
  </si>
  <si>
    <t>大開３丁目</t>
    <phoneticPr fontId="8"/>
  </si>
  <si>
    <t>大開４丁目</t>
    <phoneticPr fontId="8"/>
  </si>
  <si>
    <t>鷺洲</t>
    <phoneticPr fontId="8"/>
  </si>
  <si>
    <t>鷺洲１丁目</t>
    <phoneticPr fontId="8"/>
  </si>
  <si>
    <t>鷺洲２丁目</t>
    <phoneticPr fontId="8"/>
  </si>
  <si>
    <t>鷺洲３丁目</t>
    <phoneticPr fontId="8"/>
  </si>
  <si>
    <t>鷺洲４丁目</t>
    <phoneticPr fontId="8"/>
  </si>
  <si>
    <t>鷺洲５丁目</t>
    <phoneticPr fontId="8"/>
  </si>
  <si>
    <t>鷺洲６丁目</t>
    <phoneticPr fontId="8"/>
  </si>
  <si>
    <t>海老江</t>
    <phoneticPr fontId="8"/>
  </si>
  <si>
    <t>海老江１丁目</t>
    <phoneticPr fontId="8"/>
  </si>
  <si>
    <t>海老江２丁目</t>
    <phoneticPr fontId="8"/>
  </si>
  <si>
    <t>海老江３丁目</t>
    <phoneticPr fontId="8"/>
  </si>
  <si>
    <t>海老江４丁目</t>
    <phoneticPr fontId="8"/>
  </si>
  <si>
    <t>海老江５丁目</t>
    <phoneticPr fontId="8"/>
  </si>
  <si>
    <t>海老江６丁目</t>
    <phoneticPr fontId="8"/>
  </si>
  <si>
    <t>海老江７丁目</t>
    <phoneticPr fontId="8"/>
  </si>
  <si>
    <t>海老江８丁目</t>
    <phoneticPr fontId="8"/>
  </si>
  <si>
    <t>此花区</t>
    <phoneticPr fontId="8"/>
  </si>
  <si>
    <t>西九条</t>
    <phoneticPr fontId="8"/>
  </si>
  <si>
    <t>西九条１丁目</t>
    <phoneticPr fontId="8"/>
  </si>
  <si>
    <t>西九条２丁目</t>
    <phoneticPr fontId="8"/>
  </si>
  <si>
    <t>西九条３丁目</t>
    <phoneticPr fontId="8"/>
  </si>
  <si>
    <t>西九条４丁目</t>
    <phoneticPr fontId="8"/>
  </si>
  <si>
    <t>西九条５丁目</t>
    <phoneticPr fontId="8"/>
  </si>
  <si>
    <t>西九条６丁目</t>
    <phoneticPr fontId="8"/>
  </si>
  <si>
    <t>西九条７丁目</t>
    <phoneticPr fontId="8"/>
  </si>
  <si>
    <t>朝日</t>
    <phoneticPr fontId="8"/>
  </si>
  <si>
    <t>朝日１丁目</t>
    <phoneticPr fontId="8"/>
  </si>
  <si>
    <t>朝日２丁目</t>
    <phoneticPr fontId="8"/>
  </si>
  <si>
    <t>四貫島</t>
    <phoneticPr fontId="8"/>
  </si>
  <si>
    <t>四貫島１丁目</t>
    <phoneticPr fontId="8"/>
  </si>
  <si>
    <t>四貫島２丁目</t>
    <phoneticPr fontId="8"/>
  </si>
  <si>
    <t>梅香</t>
    <phoneticPr fontId="8"/>
  </si>
  <si>
    <t>梅香１丁目</t>
    <phoneticPr fontId="8"/>
  </si>
  <si>
    <t>梅香２丁目</t>
    <phoneticPr fontId="8"/>
  </si>
  <si>
    <t>梅香３丁目</t>
    <phoneticPr fontId="8"/>
  </si>
  <si>
    <t>春日出北</t>
    <phoneticPr fontId="8"/>
  </si>
  <si>
    <t>春日出北１丁目</t>
    <phoneticPr fontId="8"/>
  </si>
  <si>
    <t>春日出北２丁目</t>
    <phoneticPr fontId="8"/>
  </si>
  <si>
    <t>春日出北３丁目</t>
    <phoneticPr fontId="8"/>
  </si>
  <si>
    <t>春日出中</t>
    <phoneticPr fontId="8"/>
  </si>
  <si>
    <t>春日出中１丁目</t>
    <phoneticPr fontId="8"/>
  </si>
  <si>
    <t>春日出中２丁目</t>
    <phoneticPr fontId="8"/>
  </si>
  <si>
    <t>春日出中３丁目</t>
    <phoneticPr fontId="8"/>
  </si>
  <si>
    <t>春日出南</t>
    <phoneticPr fontId="8"/>
  </si>
  <si>
    <t>春日出南１丁目</t>
    <phoneticPr fontId="8"/>
  </si>
  <si>
    <t>春日出南２丁目</t>
    <phoneticPr fontId="8"/>
  </si>
  <si>
    <t>春日出南３丁目</t>
    <phoneticPr fontId="8"/>
  </si>
  <si>
    <t>伝法</t>
    <phoneticPr fontId="8"/>
  </si>
  <si>
    <t>伝法１丁目</t>
    <phoneticPr fontId="8"/>
  </si>
  <si>
    <t>伝法２丁目</t>
    <phoneticPr fontId="8"/>
  </si>
  <si>
    <t>伝法３丁目</t>
    <phoneticPr fontId="8"/>
  </si>
  <si>
    <t>伝法４丁目</t>
    <phoneticPr fontId="8"/>
  </si>
  <si>
    <t>伝法５丁目</t>
    <phoneticPr fontId="8"/>
  </si>
  <si>
    <t>伝法６丁目</t>
    <phoneticPr fontId="8"/>
  </si>
  <si>
    <t>高見</t>
    <phoneticPr fontId="8"/>
  </si>
  <si>
    <t>高見１丁目</t>
    <phoneticPr fontId="8"/>
  </si>
  <si>
    <t>高見２丁目</t>
    <phoneticPr fontId="8"/>
  </si>
  <si>
    <t>高見３丁目</t>
    <phoneticPr fontId="8"/>
  </si>
  <si>
    <t>酉島</t>
    <phoneticPr fontId="8"/>
  </si>
  <si>
    <t>酉島１丁目</t>
    <phoneticPr fontId="8"/>
  </si>
  <si>
    <t>酉島２丁目</t>
    <phoneticPr fontId="8"/>
  </si>
  <si>
    <t>酉島３丁目</t>
    <phoneticPr fontId="8"/>
  </si>
  <si>
    <t>酉島４丁目</t>
    <phoneticPr fontId="8"/>
  </si>
  <si>
    <t>酉島５丁目</t>
    <phoneticPr fontId="8"/>
  </si>
  <si>
    <t>酉島６丁目</t>
    <phoneticPr fontId="8"/>
  </si>
  <si>
    <t>島屋</t>
    <phoneticPr fontId="8"/>
  </si>
  <si>
    <t>島屋１丁目</t>
    <phoneticPr fontId="8"/>
  </si>
  <si>
    <t>島屋２丁目</t>
    <phoneticPr fontId="8"/>
  </si>
  <si>
    <t>島屋３丁目</t>
    <phoneticPr fontId="8"/>
  </si>
  <si>
    <t>島屋４丁目</t>
    <phoneticPr fontId="8"/>
  </si>
  <si>
    <t>島屋５丁目</t>
    <phoneticPr fontId="8"/>
  </si>
  <si>
    <t>島屋６丁目</t>
    <phoneticPr fontId="8"/>
  </si>
  <si>
    <t>常吉</t>
    <phoneticPr fontId="8"/>
  </si>
  <si>
    <t>常吉１丁目</t>
    <phoneticPr fontId="8"/>
  </si>
  <si>
    <t>常吉２丁目</t>
    <phoneticPr fontId="8"/>
  </si>
  <si>
    <t>北港</t>
    <phoneticPr fontId="8"/>
  </si>
  <si>
    <t>北港１丁目</t>
    <phoneticPr fontId="8"/>
  </si>
  <si>
    <t>北港２丁目</t>
    <phoneticPr fontId="8"/>
  </si>
  <si>
    <t>梅町</t>
    <phoneticPr fontId="8"/>
  </si>
  <si>
    <t>梅町１丁目</t>
    <phoneticPr fontId="8"/>
  </si>
  <si>
    <t>梅町２丁目</t>
    <phoneticPr fontId="8"/>
  </si>
  <si>
    <t>桜島</t>
    <phoneticPr fontId="8"/>
  </si>
  <si>
    <t>桜島１丁目</t>
    <phoneticPr fontId="8"/>
  </si>
  <si>
    <t>桜島２丁目</t>
    <phoneticPr fontId="8"/>
  </si>
  <si>
    <t>桜島３丁目</t>
    <phoneticPr fontId="8"/>
  </si>
  <si>
    <t>北港白津</t>
    <phoneticPr fontId="8"/>
  </si>
  <si>
    <t>北港白津１丁目</t>
    <phoneticPr fontId="8"/>
  </si>
  <si>
    <t>北港白津２丁目</t>
    <phoneticPr fontId="8"/>
  </si>
  <si>
    <t>北港緑地</t>
    <phoneticPr fontId="8"/>
  </si>
  <si>
    <t>北港緑地１丁目</t>
    <phoneticPr fontId="8"/>
  </si>
  <si>
    <t>北港緑地２丁目</t>
    <phoneticPr fontId="8"/>
  </si>
  <si>
    <t>夢洲東</t>
    <phoneticPr fontId="8"/>
  </si>
  <si>
    <t>夢洲</t>
    <phoneticPr fontId="8"/>
  </si>
  <si>
    <t>水面</t>
    <rPh sb="0" eb="2">
      <t>スイメン</t>
    </rPh>
    <phoneticPr fontId="8"/>
  </si>
  <si>
    <t>中央区</t>
    <phoneticPr fontId="8"/>
  </si>
  <si>
    <t>安堂寺町</t>
    <phoneticPr fontId="8"/>
  </si>
  <si>
    <t>安堂寺町１丁目</t>
    <phoneticPr fontId="8"/>
  </si>
  <si>
    <t>安堂寺町２丁目</t>
    <phoneticPr fontId="8"/>
  </si>
  <si>
    <t>上本町西</t>
    <phoneticPr fontId="8"/>
  </si>
  <si>
    <t>上本町西１丁目</t>
    <phoneticPr fontId="8"/>
  </si>
  <si>
    <t>上本町西２丁目</t>
    <phoneticPr fontId="8"/>
  </si>
  <si>
    <t>上本町西３丁目</t>
    <phoneticPr fontId="8"/>
  </si>
  <si>
    <t>上本町西４丁目</t>
    <phoneticPr fontId="8"/>
  </si>
  <si>
    <t>上本町西５丁目</t>
    <phoneticPr fontId="8"/>
  </si>
  <si>
    <t>東平</t>
    <phoneticPr fontId="8"/>
  </si>
  <si>
    <t>東平１丁目</t>
    <phoneticPr fontId="8"/>
  </si>
  <si>
    <t>東平２丁目</t>
    <phoneticPr fontId="8"/>
  </si>
  <si>
    <t>上汐</t>
    <phoneticPr fontId="8"/>
  </si>
  <si>
    <t>上汐１丁目</t>
    <phoneticPr fontId="8"/>
  </si>
  <si>
    <t>上汐２丁目</t>
    <phoneticPr fontId="8"/>
  </si>
  <si>
    <t>中寺</t>
    <phoneticPr fontId="8"/>
  </si>
  <si>
    <t>中寺１丁目</t>
    <phoneticPr fontId="8"/>
  </si>
  <si>
    <t>中寺２丁目</t>
    <phoneticPr fontId="8"/>
  </si>
  <si>
    <t>松屋町</t>
    <phoneticPr fontId="8"/>
  </si>
  <si>
    <t>瓦屋町</t>
    <phoneticPr fontId="8"/>
  </si>
  <si>
    <t>瓦屋町１丁目</t>
    <phoneticPr fontId="8"/>
  </si>
  <si>
    <t>瓦屋町２丁目</t>
    <phoneticPr fontId="8"/>
  </si>
  <si>
    <t>瓦屋町３丁目</t>
    <phoneticPr fontId="8"/>
  </si>
  <si>
    <t>高津</t>
    <phoneticPr fontId="8"/>
  </si>
  <si>
    <t>高津１丁目</t>
    <phoneticPr fontId="8"/>
  </si>
  <si>
    <t>高津２丁目</t>
    <phoneticPr fontId="8"/>
  </si>
  <si>
    <t>高津３丁目</t>
    <phoneticPr fontId="8"/>
  </si>
  <si>
    <t>南船場</t>
    <phoneticPr fontId="8"/>
  </si>
  <si>
    <t>南船場１丁目</t>
    <phoneticPr fontId="8"/>
  </si>
  <si>
    <t>南船場２丁目</t>
    <phoneticPr fontId="8"/>
  </si>
  <si>
    <t>南船場３丁目</t>
    <phoneticPr fontId="8"/>
  </si>
  <si>
    <t>南船場４丁目</t>
    <phoneticPr fontId="8"/>
  </si>
  <si>
    <t>島之内</t>
    <phoneticPr fontId="8"/>
  </si>
  <si>
    <t>島之内１丁目</t>
    <phoneticPr fontId="8"/>
  </si>
  <si>
    <t>島之内２丁目</t>
    <phoneticPr fontId="8"/>
  </si>
  <si>
    <t>道頓堀</t>
    <phoneticPr fontId="8"/>
  </si>
  <si>
    <t>道頓堀１丁目</t>
    <phoneticPr fontId="8"/>
  </si>
  <si>
    <t>道頓堀２丁目</t>
    <phoneticPr fontId="8"/>
  </si>
  <si>
    <t>千日前</t>
    <phoneticPr fontId="8"/>
  </si>
  <si>
    <t>千日前１丁目</t>
    <phoneticPr fontId="8"/>
  </si>
  <si>
    <t>千日前２丁目</t>
    <phoneticPr fontId="8"/>
  </si>
  <si>
    <t>難波千日前</t>
    <phoneticPr fontId="8"/>
  </si>
  <si>
    <t>難波</t>
    <phoneticPr fontId="8"/>
  </si>
  <si>
    <t>難波１丁目</t>
    <phoneticPr fontId="8"/>
  </si>
  <si>
    <t>難波２丁目</t>
    <phoneticPr fontId="8"/>
  </si>
  <si>
    <t>難波３丁目</t>
    <phoneticPr fontId="8"/>
  </si>
  <si>
    <t>難波４丁目</t>
    <phoneticPr fontId="8"/>
  </si>
  <si>
    <t>難波５丁目</t>
    <phoneticPr fontId="8"/>
  </si>
  <si>
    <t>日本橋</t>
    <phoneticPr fontId="8"/>
  </si>
  <si>
    <t>日本橋１丁目</t>
    <phoneticPr fontId="8"/>
  </si>
  <si>
    <t>日本橋２丁目</t>
    <phoneticPr fontId="8"/>
  </si>
  <si>
    <t>東心斎橋</t>
    <phoneticPr fontId="8"/>
  </si>
  <si>
    <t>東心斎橋１丁目</t>
    <phoneticPr fontId="8"/>
  </si>
  <si>
    <t>東心斎橋２丁目</t>
    <phoneticPr fontId="8"/>
  </si>
  <si>
    <t>心斎橋筋</t>
    <phoneticPr fontId="8"/>
  </si>
  <si>
    <t>心斎橋筋１丁目</t>
    <phoneticPr fontId="8"/>
  </si>
  <si>
    <t>心斎橋筋２丁目</t>
    <phoneticPr fontId="8"/>
  </si>
  <si>
    <t>西心斎橋</t>
    <phoneticPr fontId="8"/>
  </si>
  <si>
    <t>西心斎橋１丁目</t>
    <phoneticPr fontId="8"/>
  </si>
  <si>
    <t>西心斎橋２丁目</t>
    <phoneticPr fontId="8"/>
  </si>
  <si>
    <t>宗右衛門町</t>
    <phoneticPr fontId="8"/>
  </si>
  <si>
    <t>北浜</t>
    <phoneticPr fontId="8"/>
  </si>
  <si>
    <t>北浜１丁目</t>
    <phoneticPr fontId="8"/>
  </si>
  <si>
    <t>北浜２丁目</t>
    <phoneticPr fontId="8"/>
  </si>
  <si>
    <t>北浜３丁目</t>
    <phoneticPr fontId="8"/>
  </si>
  <si>
    <t>北浜４丁目</t>
    <phoneticPr fontId="8"/>
  </si>
  <si>
    <t>今橋</t>
    <phoneticPr fontId="8"/>
  </si>
  <si>
    <t>３</t>
    <phoneticPr fontId="8"/>
  </si>
  <si>
    <t>今橋１丁目</t>
    <phoneticPr fontId="8"/>
  </si>
  <si>
    <t>今橋２丁目</t>
    <phoneticPr fontId="8"/>
  </si>
  <si>
    <t>今橋３丁目</t>
    <phoneticPr fontId="8"/>
  </si>
  <si>
    <t>今橋４丁目</t>
    <phoneticPr fontId="8"/>
  </si>
  <si>
    <t>高麗橋</t>
    <phoneticPr fontId="8"/>
  </si>
  <si>
    <t>高麗橋１丁目</t>
    <phoneticPr fontId="8"/>
  </si>
  <si>
    <t>高麗橋２丁目</t>
    <phoneticPr fontId="8"/>
  </si>
  <si>
    <t>高麗橋３丁目</t>
    <phoneticPr fontId="8"/>
  </si>
  <si>
    <t>４</t>
    <phoneticPr fontId="8"/>
  </si>
  <si>
    <t>高麗橋４丁目</t>
    <phoneticPr fontId="8"/>
  </si>
  <si>
    <t>伏見町</t>
    <phoneticPr fontId="8"/>
  </si>
  <si>
    <t>５</t>
    <phoneticPr fontId="8"/>
  </si>
  <si>
    <t>伏見町１丁目</t>
    <phoneticPr fontId="8"/>
  </si>
  <si>
    <t>伏見町２丁目</t>
    <phoneticPr fontId="8"/>
  </si>
  <si>
    <t>伏見町３丁目</t>
    <phoneticPr fontId="8"/>
  </si>
  <si>
    <t>伏見町４丁目</t>
    <phoneticPr fontId="8"/>
  </si>
  <si>
    <t>道修町</t>
    <phoneticPr fontId="8"/>
  </si>
  <si>
    <t>道修町１丁目</t>
    <phoneticPr fontId="8"/>
  </si>
  <si>
    <t>６</t>
    <phoneticPr fontId="8"/>
  </si>
  <si>
    <t>道修町２丁目</t>
    <phoneticPr fontId="8"/>
  </si>
  <si>
    <t>道修町３丁目</t>
    <phoneticPr fontId="8"/>
  </si>
  <si>
    <t>道修町４丁目</t>
    <phoneticPr fontId="8"/>
  </si>
  <si>
    <t>平野町</t>
    <phoneticPr fontId="8"/>
  </si>
  <si>
    <t>平野町１丁目</t>
    <phoneticPr fontId="8"/>
  </si>
  <si>
    <t>平野町２丁目</t>
    <phoneticPr fontId="8"/>
  </si>
  <si>
    <t>平野町３丁目</t>
    <phoneticPr fontId="8"/>
  </si>
  <si>
    <t>平野町４丁目</t>
    <phoneticPr fontId="8"/>
  </si>
  <si>
    <t>淡路町</t>
    <phoneticPr fontId="8"/>
  </si>
  <si>
    <t>淡路町１丁目</t>
    <phoneticPr fontId="8"/>
  </si>
  <si>
    <t>淡路町２丁目</t>
    <phoneticPr fontId="8"/>
  </si>
  <si>
    <t>淡路町３丁目</t>
    <phoneticPr fontId="8"/>
  </si>
  <si>
    <t>７</t>
    <phoneticPr fontId="8"/>
  </si>
  <si>
    <t>淡路町４丁目</t>
    <phoneticPr fontId="8"/>
  </si>
  <si>
    <t>瓦町</t>
    <phoneticPr fontId="8"/>
  </si>
  <si>
    <t>瓦町１丁目</t>
    <phoneticPr fontId="8"/>
  </si>
  <si>
    <t>瓦町２丁目</t>
    <phoneticPr fontId="8"/>
  </si>
  <si>
    <t>８</t>
    <phoneticPr fontId="8"/>
  </si>
  <si>
    <t>瓦町３丁目</t>
    <phoneticPr fontId="8"/>
  </si>
  <si>
    <t>瓦町４丁目</t>
    <phoneticPr fontId="8"/>
  </si>
  <si>
    <t>備後町</t>
    <phoneticPr fontId="8"/>
  </si>
  <si>
    <t>９</t>
    <phoneticPr fontId="8"/>
  </si>
  <si>
    <t>備後町１丁目</t>
    <phoneticPr fontId="8"/>
  </si>
  <si>
    <t>備後町２丁目</t>
    <phoneticPr fontId="8"/>
  </si>
  <si>
    <t>備後町３丁目</t>
    <phoneticPr fontId="8"/>
  </si>
  <si>
    <t>備後町４丁目</t>
    <phoneticPr fontId="8"/>
  </si>
  <si>
    <t>安土町</t>
    <phoneticPr fontId="8"/>
  </si>
  <si>
    <t>安土町１丁目</t>
    <phoneticPr fontId="8"/>
  </si>
  <si>
    <t>１０</t>
    <phoneticPr fontId="8"/>
  </si>
  <si>
    <t>安土町２丁目</t>
    <phoneticPr fontId="8"/>
  </si>
  <si>
    <t>安土町３丁目</t>
    <phoneticPr fontId="8"/>
  </si>
  <si>
    <t>本町</t>
    <phoneticPr fontId="8"/>
  </si>
  <si>
    <t>本町１丁目</t>
    <phoneticPr fontId="8"/>
  </si>
  <si>
    <t>１１</t>
    <phoneticPr fontId="8"/>
  </si>
  <si>
    <t>本町２丁目</t>
    <phoneticPr fontId="8"/>
  </si>
  <si>
    <t>本町３丁目</t>
    <phoneticPr fontId="8"/>
  </si>
  <si>
    <t>本町４丁目</t>
    <phoneticPr fontId="8"/>
  </si>
  <si>
    <t>南本町</t>
    <phoneticPr fontId="8"/>
  </si>
  <si>
    <t>１２</t>
    <phoneticPr fontId="8"/>
  </si>
  <si>
    <t>南本町１丁目</t>
    <phoneticPr fontId="8"/>
  </si>
  <si>
    <t>南本町２丁目</t>
    <phoneticPr fontId="8"/>
  </si>
  <si>
    <t>南本町３丁目</t>
    <phoneticPr fontId="8"/>
  </si>
  <si>
    <t>南本町４丁目</t>
    <phoneticPr fontId="8"/>
  </si>
  <si>
    <t>船場中央</t>
    <phoneticPr fontId="8"/>
  </si>
  <si>
    <t>船場中央１丁目</t>
    <phoneticPr fontId="8"/>
  </si>
  <si>
    <t>船場中央２丁目</t>
    <phoneticPr fontId="8"/>
  </si>
  <si>
    <t>船場中央３丁目</t>
    <phoneticPr fontId="8"/>
  </si>
  <si>
    <t>船場中央４丁目</t>
    <phoneticPr fontId="8"/>
  </si>
  <si>
    <t>久太郎町</t>
    <phoneticPr fontId="8"/>
  </si>
  <si>
    <t>久太郎町１丁目</t>
    <phoneticPr fontId="8"/>
  </si>
  <si>
    <t>久太郎町２丁目</t>
    <phoneticPr fontId="8"/>
  </si>
  <si>
    <t>１３</t>
    <phoneticPr fontId="8"/>
  </si>
  <si>
    <t>久太郎町３丁目</t>
    <phoneticPr fontId="8"/>
  </si>
  <si>
    <t>久太郎町４丁目</t>
    <phoneticPr fontId="8"/>
  </si>
  <si>
    <t>北久宝寺町</t>
    <phoneticPr fontId="8"/>
  </si>
  <si>
    <t>北久宝寺町１丁目</t>
    <phoneticPr fontId="8"/>
  </si>
  <si>
    <t>北久宝寺町２丁目</t>
    <phoneticPr fontId="8"/>
  </si>
  <si>
    <t>北久宝寺町３丁目</t>
    <phoneticPr fontId="8"/>
  </si>
  <si>
    <t>北久宝寺町４丁目</t>
    <phoneticPr fontId="8"/>
  </si>
  <si>
    <t>南久宝寺町</t>
    <phoneticPr fontId="8"/>
  </si>
  <si>
    <t>南久宝寺町１丁目</t>
    <phoneticPr fontId="8"/>
  </si>
  <si>
    <t>南久宝寺町２丁目</t>
    <phoneticPr fontId="8"/>
  </si>
  <si>
    <t>南久宝寺町３丁目</t>
    <phoneticPr fontId="8"/>
  </si>
  <si>
    <t>南久宝寺町４丁目</t>
    <phoneticPr fontId="8"/>
  </si>
  <si>
    <t>博労町</t>
    <phoneticPr fontId="8"/>
  </si>
  <si>
    <t>博労町１丁目</t>
    <phoneticPr fontId="8"/>
  </si>
  <si>
    <t>博労町２丁目</t>
    <phoneticPr fontId="8"/>
  </si>
  <si>
    <t>博労町３丁目</t>
    <phoneticPr fontId="8"/>
  </si>
  <si>
    <t>博労町４丁目</t>
    <phoneticPr fontId="8"/>
  </si>
  <si>
    <t>天満橋京町</t>
    <phoneticPr fontId="8"/>
  </si>
  <si>
    <t>北浜東</t>
    <phoneticPr fontId="8"/>
  </si>
  <si>
    <t>石町</t>
    <phoneticPr fontId="8"/>
  </si>
  <si>
    <t>石町１丁目</t>
    <phoneticPr fontId="8"/>
  </si>
  <si>
    <t>石町２丁目</t>
    <phoneticPr fontId="8"/>
  </si>
  <si>
    <t>島町</t>
    <phoneticPr fontId="8"/>
  </si>
  <si>
    <t>島町１丁目</t>
    <phoneticPr fontId="8"/>
  </si>
  <si>
    <t>島町２丁目</t>
    <phoneticPr fontId="8"/>
  </si>
  <si>
    <t>釣鐘町</t>
    <phoneticPr fontId="8"/>
  </si>
  <si>
    <t>釣鐘町１丁目</t>
    <phoneticPr fontId="8"/>
  </si>
  <si>
    <t>釣鐘町２丁目</t>
    <phoneticPr fontId="8"/>
  </si>
  <si>
    <t>船越町</t>
    <phoneticPr fontId="8"/>
  </si>
  <si>
    <t>船越町１丁目</t>
    <phoneticPr fontId="8"/>
  </si>
  <si>
    <t>船越町２丁目</t>
    <phoneticPr fontId="8"/>
  </si>
  <si>
    <t>東高麗橋</t>
    <phoneticPr fontId="8"/>
  </si>
  <si>
    <t>内平野町</t>
    <phoneticPr fontId="8"/>
  </si>
  <si>
    <t>内平野町１丁目</t>
    <phoneticPr fontId="8"/>
  </si>
  <si>
    <t>内平野町２丁目</t>
    <phoneticPr fontId="8"/>
  </si>
  <si>
    <t>１４</t>
    <phoneticPr fontId="8"/>
  </si>
  <si>
    <t>内平野町３丁目</t>
    <phoneticPr fontId="8"/>
  </si>
  <si>
    <t>内淡路町</t>
    <phoneticPr fontId="8"/>
  </si>
  <si>
    <t>内淡路町１丁目</t>
    <phoneticPr fontId="8"/>
  </si>
  <si>
    <t>内淡路町２丁目</t>
    <phoneticPr fontId="8"/>
  </si>
  <si>
    <t>内淡路町３丁目</t>
    <phoneticPr fontId="8"/>
  </si>
  <si>
    <t>大手通</t>
    <phoneticPr fontId="8"/>
  </si>
  <si>
    <t>大手通１丁目</t>
    <phoneticPr fontId="8"/>
  </si>
  <si>
    <t>大手通２丁目</t>
    <phoneticPr fontId="8"/>
  </si>
  <si>
    <t>大手通３丁目</t>
    <phoneticPr fontId="8"/>
  </si>
  <si>
    <t>糸屋町</t>
    <phoneticPr fontId="8"/>
  </si>
  <si>
    <t>糸屋町１丁目</t>
    <phoneticPr fontId="8"/>
  </si>
  <si>
    <t>糸屋町２丁目</t>
    <phoneticPr fontId="8"/>
  </si>
  <si>
    <t>北新町</t>
    <phoneticPr fontId="8"/>
  </si>
  <si>
    <t>南新町</t>
    <phoneticPr fontId="8"/>
  </si>
  <si>
    <t>南新町１丁目</t>
    <phoneticPr fontId="8"/>
  </si>
  <si>
    <t>南新町２丁目</t>
    <phoneticPr fontId="8"/>
  </si>
  <si>
    <t>徳井町</t>
    <phoneticPr fontId="8"/>
  </si>
  <si>
    <t>徳井町１丁目</t>
    <phoneticPr fontId="8"/>
  </si>
  <si>
    <t>徳井町２丁目</t>
    <phoneticPr fontId="8"/>
  </si>
  <si>
    <t>内本町</t>
    <phoneticPr fontId="8"/>
  </si>
  <si>
    <t>内本町１丁目</t>
    <phoneticPr fontId="8"/>
  </si>
  <si>
    <t>内本町２丁目</t>
    <phoneticPr fontId="8"/>
  </si>
  <si>
    <t>鎗屋町</t>
    <phoneticPr fontId="8"/>
  </si>
  <si>
    <t>鎗屋町１丁目</t>
    <phoneticPr fontId="8"/>
  </si>
  <si>
    <t>鎗屋町２丁目</t>
    <phoneticPr fontId="8"/>
  </si>
  <si>
    <t>常盤町</t>
    <phoneticPr fontId="8"/>
  </si>
  <si>
    <t>常盤町１丁目</t>
    <phoneticPr fontId="8"/>
  </si>
  <si>
    <t>常盤町２丁目</t>
    <phoneticPr fontId="8"/>
  </si>
  <si>
    <t>本町橋</t>
    <phoneticPr fontId="8"/>
  </si>
  <si>
    <t>谷町</t>
    <phoneticPr fontId="8"/>
  </si>
  <si>
    <t>谷町１丁目</t>
    <phoneticPr fontId="8"/>
  </si>
  <si>
    <t>谷町２丁目</t>
    <phoneticPr fontId="8"/>
  </si>
  <si>
    <t>谷町３丁目</t>
    <phoneticPr fontId="8"/>
  </si>
  <si>
    <t>谷町４丁目</t>
    <phoneticPr fontId="8"/>
  </si>
  <si>
    <t>谷町５丁目</t>
    <phoneticPr fontId="8"/>
  </si>
  <si>
    <t>谷町６丁目</t>
    <phoneticPr fontId="8"/>
  </si>
  <si>
    <t>谷町７丁目</t>
    <phoneticPr fontId="8"/>
  </si>
  <si>
    <t>谷町８丁目</t>
    <phoneticPr fontId="8"/>
  </si>
  <si>
    <t>谷町９丁目</t>
    <phoneticPr fontId="8"/>
  </si>
  <si>
    <t>大手前</t>
    <phoneticPr fontId="8"/>
  </si>
  <si>
    <t>大手前１丁目</t>
    <phoneticPr fontId="8"/>
  </si>
  <si>
    <t>大手前２丁目</t>
    <phoneticPr fontId="8"/>
  </si>
  <si>
    <t>大手前３丁目</t>
    <phoneticPr fontId="8"/>
  </si>
  <si>
    <t>大手前４丁目</t>
    <phoneticPr fontId="8"/>
  </si>
  <si>
    <t>農人橋</t>
    <phoneticPr fontId="8"/>
  </si>
  <si>
    <t>農人橋１丁目</t>
    <phoneticPr fontId="8"/>
  </si>
  <si>
    <t>農人橋２丁目</t>
    <phoneticPr fontId="8"/>
  </si>
  <si>
    <t>農人橋３丁目</t>
    <phoneticPr fontId="8"/>
  </si>
  <si>
    <t>和泉町</t>
    <phoneticPr fontId="8"/>
  </si>
  <si>
    <t>和泉町１丁目</t>
    <phoneticPr fontId="8"/>
  </si>
  <si>
    <t>和泉町２丁目</t>
    <phoneticPr fontId="8"/>
  </si>
  <si>
    <t>内久宝寺町</t>
    <phoneticPr fontId="8"/>
  </si>
  <si>
    <t>内久宝寺町１丁目</t>
    <phoneticPr fontId="8"/>
  </si>
  <si>
    <t>内久宝寺町２丁目</t>
    <phoneticPr fontId="8"/>
  </si>
  <si>
    <t>内久宝寺町３丁目</t>
    <phoneticPr fontId="8"/>
  </si>
  <si>
    <t>内久宝寺町４丁目</t>
    <phoneticPr fontId="8"/>
  </si>
  <si>
    <t>材木町</t>
    <phoneticPr fontId="8"/>
  </si>
  <si>
    <t>上町</t>
    <phoneticPr fontId="8"/>
  </si>
  <si>
    <t>龍造寺町</t>
    <phoneticPr fontId="8"/>
  </si>
  <si>
    <t>十二軒町</t>
    <phoneticPr fontId="8"/>
  </si>
  <si>
    <t>粉川町</t>
    <phoneticPr fontId="8"/>
  </si>
  <si>
    <t>神崎町</t>
    <phoneticPr fontId="8"/>
  </si>
  <si>
    <t>松屋町住吉</t>
    <phoneticPr fontId="8"/>
  </si>
  <si>
    <t>１５</t>
    <phoneticPr fontId="8"/>
  </si>
  <si>
    <t>城見</t>
    <phoneticPr fontId="8"/>
  </si>
  <si>
    <t>城見１丁目</t>
    <phoneticPr fontId="8"/>
  </si>
  <si>
    <t>城見２丁目</t>
    <phoneticPr fontId="8"/>
  </si>
  <si>
    <t>大阪城</t>
    <phoneticPr fontId="8"/>
  </si>
  <si>
    <t>馬場町</t>
    <phoneticPr fontId="8"/>
  </si>
  <si>
    <t>法円坂</t>
    <phoneticPr fontId="8"/>
  </si>
  <si>
    <t>法円坂１丁目</t>
    <phoneticPr fontId="8"/>
  </si>
  <si>
    <t>法円坂２丁目</t>
    <phoneticPr fontId="8"/>
  </si>
  <si>
    <t>上町１丁目</t>
    <rPh sb="3" eb="5">
      <t>チョウメ</t>
    </rPh>
    <phoneticPr fontId="8"/>
  </si>
  <si>
    <t>森ノ宮中央</t>
    <phoneticPr fontId="8"/>
  </si>
  <si>
    <t>森ノ宮中央１丁目</t>
    <phoneticPr fontId="8"/>
  </si>
  <si>
    <t>森ノ宮中央２丁目</t>
    <phoneticPr fontId="8"/>
  </si>
  <si>
    <t>玉造</t>
    <phoneticPr fontId="8"/>
  </si>
  <si>
    <t>玉造１丁目</t>
    <phoneticPr fontId="8"/>
  </si>
  <si>
    <t>玉造２丁目</t>
    <phoneticPr fontId="8"/>
  </si>
  <si>
    <t>西区</t>
    <phoneticPr fontId="8"/>
  </si>
  <si>
    <t>土佐堀</t>
    <phoneticPr fontId="8"/>
  </si>
  <si>
    <t>土佐堀１丁目</t>
    <phoneticPr fontId="8"/>
  </si>
  <si>
    <t>土佐堀２丁目</t>
    <phoneticPr fontId="8"/>
  </si>
  <si>
    <t>土佐堀３丁目</t>
    <phoneticPr fontId="8"/>
  </si>
  <si>
    <t>江戸堀</t>
    <phoneticPr fontId="8"/>
  </si>
  <si>
    <t>江戸堀１丁目</t>
    <phoneticPr fontId="8"/>
  </si>
  <si>
    <t>江戸堀２丁目</t>
    <phoneticPr fontId="8"/>
  </si>
  <si>
    <t>江戸堀３丁目</t>
    <phoneticPr fontId="8"/>
  </si>
  <si>
    <t>京町堀</t>
    <phoneticPr fontId="8"/>
  </si>
  <si>
    <t>京町堀１丁目</t>
    <phoneticPr fontId="8"/>
  </si>
  <si>
    <t>京町堀２丁目</t>
    <phoneticPr fontId="8"/>
  </si>
  <si>
    <t>京町堀３丁目</t>
    <phoneticPr fontId="8"/>
  </si>
  <si>
    <t>靭本町</t>
    <phoneticPr fontId="8"/>
  </si>
  <si>
    <t>靭本町１丁目</t>
    <phoneticPr fontId="8"/>
  </si>
  <si>
    <t>靭本町２丁目</t>
    <phoneticPr fontId="8"/>
  </si>
  <si>
    <t>靭本町３丁目</t>
    <phoneticPr fontId="8"/>
  </si>
  <si>
    <t>西本町</t>
    <phoneticPr fontId="8"/>
  </si>
  <si>
    <t>西本町１丁目</t>
    <phoneticPr fontId="8"/>
  </si>
  <si>
    <t>西本町２丁目</t>
    <phoneticPr fontId="8"/>
  </si>
  <si>
    <t>西本町３丁目</t>
    <phoneticPr fontId="8"/>
  </si>
  <si>
    <t>江之子島</t>
    <phoneticPr fontId="8"/>
  </si>
  <si>
    <t>江之子島１丁目</t>
    <phoneticPr fontId="8"/>
  </si>
  <si>
    <t>江之子島２丁目</t>
    <phoneticPr fontId="8"/>
  </si>
  <si>
    <t>阿波座</t>
    <phoneticPr fontId="8"/>
  </si>
  <si>
    <t>阿波座１丁目</t>
    <phoneticPr fontId="8"/>
  </si>
  <si>
    <t>阿波座２丁目</t>
    <phoneticPr fontId="8"/>
  </si>
  <si>
    <t>立売堀</t>
    <phoneticPr fontId="8"/>
  </si>
  <si>
    <t>立売堀１丁目</t>
    <phoneticPr fontId="8"/>
  </si>
  <si>
    <t>立売堀２丁目</t>
    <phoneticPr fontId="8"/>
  </si>
  <si>
    <t>立売堀３丁目</t>
    <phoneticPr fontId="8"/>
  </si>
  <si>
    <t>立売堀４丁目</t>
    <phoneticPr fontId="8"/>
  </si>
  <si>
    <t>立売堀５丁目</t>
    <phoneticPr fontId="8"/>
  </si>
  <si>
    <t>立売堀６丁目</t>
    <phoneticPr fontId="8"/>
  </si>
  <si>
    <t>新町</t>
    <phoneticPr fontId="8"/>
  </si>
  <si>
    <t>新町１丁目</t>
    <phoneticPr fontId="8"/>
  </si>
  <si>
    <t>新町２丁目</t>
    <phoneticPr fontId="8"/>
  </si>
  <si>
    <t>新町３丁目</t>
    <phoneticPr fontId="8"/>
  </si>
  <si>
    <t>新町４丁目</t>
    <phoneticPr fontId="8"/>
  </si>
  <si>
    <t>北堀江</t>
    <phoneticPr fontId="8"/>
  </si>
  <si>
    <t>北堀江１丁目</t>
    <phoneticPr fontId="8"/>
  </si>
  <si>
    <t>北堀江２丁目</t>
    <phoneticPr fontId="8"/>
  </si>
  <si>
    <t>北堀江３丁目</t>
    <phoneticPr fontId="8"/>
  </si>
  <si>
    <t>北堀江４丁目</t>
    <phoneticPr fontId="8"/>
  </si>
  <si>
    <t>南堀江</t>
    <phoneticPr fontId="8"/>
  </si>
  <si>
    <t>南堀江１丁目</t>
    <phoneticPr fontId="8"/>
  </si>
  <si>
    <t>南堀江２丁目</t>
    <phoneticPr fontId="8"/>
  </si>
  <si>
    <t>南堀江３丁目</t>
    <phoneticPr fontId="8"/>
  </si>
  <si>
    <t>南堀江４丁目</t>
    <phoneticPr fontId="8"/>
  </si>
  <si>
    <t>千代崎</t>
    <phoneticPr fontId="8"/>
  </si>
  <si>
    <t>千代崎１丁目</t>
    <phoneticPr fontId="8"/>
  </si>
  <si>
    <t>千代崎２丁目</t>
    <phoneticPr fontId="8"/>
  </si>
  <si>
    <t>千代崎３丁目</t>
    <phoneticPr fontId="8"/>
  </si>
  <si>
    <t>川口</t>
    <phoneticPr fontId="8"/>
  </si>
  <si>
    <t>川口１丁目</t>
    <phoneticPr fontId="8"/>
  </si>
  <si>
    <t>川口２丁目</t>
    <phoneticPr fontId="8"/>
  </si>
  <si>
    <t>川口３丁目</t>
    <phoneticPr fontId="8"/>
  </si>
  <si>
    <t>川口４丁目</t>
    <phoneticPr fontId="8"/>
  </si>
  <si>
    <t>本田</t>
    <phoneticPr fontId="8"/>
  </si>
  <si>
    <t>本田１丁目</t>
    <phoneticPr fontId="8"/>
  </si>
  <si>
    <t>本田２丁目</t>
    <phoneticPr fontId="8"/>
  </si>
  <si>
    <t>本田３丁目</t>
    <phoneticPr fontId="8"/>
  </si>
  <si>
    <t>本田４丁目</t>
    <phoneticPr fontId="8"/>
  </si>
  <si>
    <t>九条</t>
    <phoneticPr fontId="8"/>
  </si>
  <si>
    <t>九条１丁目</t>
    <phoneticPr fontId="8"/>
  </si>
  <si>
    <t>九条２丁目</t>
    <phoneticPr fontId="8"/>
  </si>
  <si>
    <t>九条３丁目</t>
    <phoneticPr fontId="8"/>
  </si>
  <si>
    <t>九条南</t>
    <phoneticPr fontId="8"/>
  </si>
  <si>
    <t>九条南１丁目</t>
    <phoneticPr fontId="8"/>
  </si>
  <si>
    <t>九条南２丁目</t>
    <phoneticPr fontId="8"/>
  </si>
  <si>
    <t>九条南３丁目</t>
    <phoneticPr fontId="8"/>
  </si>
  <si>
    <t>九条南４丁目</t>
    <phoneticPr fontId="8"/>
  </si>
  <si>
    <t>安治川</t>
    <phoneticPr fontId="8"/>
  </si>
  <si>
    <t>安治川１丁目</t>
    <phoneticPr fontId="8"/>
  </si>
  <si>
    <t>安治川２丁目</t>
    <phoneticPr fontId="8"/>
  </si>
  <si>
    <t>境川</t>
    <phoneticPr fontId="8"/>
  </si>
  <si>
    <t>境川１丁目</t>
    <phoneticPr fontId="8"/>
  </si>
  <si>
    <t>境川２丁目</t>
    <phoneticPr fontId="8"/>
  </si>
  <si>
    <t>港区</t>
    <phoneticPr fontId="8"/>
  </si>
  <si>
    <t>波除</t>
    <phoneticPr fontId="8"/>
  </si>
  <si>
    <t>波除１丁目</t>
    <phoneticPr fontId="8"/>
  </si>
  <si>
    <t>波除２丁目</t>
    <phoneticPr fontId="8"/>
  </si>
  <si>
    <t>波除３丁目</t>
    <phoneticPr fontId="8"/>
  </si>
  <si>
    <t>波除４丁目</t>
    <phoneticPr fontId="8"/>
  </si>
  <si>
    <t>波除５丁目</t>
    <phoneticPr fontId="8"/>
  </si>
  <si>
    <t>波除６丁目</t>
    <phoneticPr fontId="8"/>
  </si>
  <si>
    <t>市岡元町</t>
    <phoneticPr fontId="8"/>
  </si>
  <si>
    <t>市岡元町１丁目</t>
    <phoneticPr fontId="8"/>
  </si>
  <si>
    <t>市岡元町２丁目</t>
    <phoneticPr fontId="8"/>
  </si>
  <si>
    <t>市岡元町３丁目</t>
    <phoneticPr fontId="8"/>
  </si>
  <si>
    <t>弁天</t>
    <phoneticPr fontId="8"/>
  </si>
  <si>
    <t>弁天１丁目</t>
    <phoneticPr fontId="8"/>
  </si>
  <si>
    <t>弁天２丁目</t>
    <phoneticPr fontId="8"/>
  </si>
  <si>
    <t>弁天３丁目</t>
    <phoneticPr fontId="8"/>
  </si>
  <si>
    <t>弁天４丁目</t>
    <phoneticPr fontId="8"/>
  </si>
  <si>
    <t>弁天５丁目</t>
    <phoneticPr fontId="8"/>
  </si>
  <si>
    <t>弁天６丁目</t>
    <phoneticPr fontId="8"/>
  </si>
  <si>
    <t>磯路</t>
    <phoneticPr fontId="8"/>
  </si>
  <si>
    <t>磯路１丁目</t>
    <phoneticPr fontId="8"/>
  </si>
  <si>
    <t>磯路２丁目</t>
    <phoneticPr fontId="8"/>
  </si>
  <si>
    <t>磯路３丁目</t>
    <phoneticPr fontId="8"/>
  </si>
  <si>
    <t>南市岡</t>
    <phoneticPr fontId="8"/>
  </si>
  <si>
    <t>南市岡１丁目</t>
    <phoneticPr fontId="8"/>
  </si>
  <si>
    <t>南市岡２丁目</t>
    <phoneticPr fontId="8"/>
  </si>
  <si>
    <t>南市岡３丁目</t>
    <phoneticPr fontId="8"/>
  </si>
  <si>
    <t>市岡</t>
    <phoneticPr fontId="8"/>
  </si>
  <si>
    <t>市岡１丁目</t>
    <phoneticPr fontId="8"/>
  </si>
  <si>
    <t>市岡２丁目</t>
    <phoneticPr fontId="8"/>
  </si>
  <si>
    <t>市岡３丁目</t>
    <phoneticPr fontId="8"/>
  </si>
  <si>
    <t>市岡４丁目</t>
    <phoneticPr fontId="8"/>
  </si>
  <si>
    <t>田中</t>
    <phoneticPr fontId="8"/>
  </si>
  <si>
    <t>田中１丁目</t>
    <phoneticPr fontId="8"/>
  </si>
  <si>
    <t>田中２丁目</t>
    <phoneticPr fontId="8"/>
  </si>
  <si>
    <t>田中３丁目</t>
    <phoneticPr fontId="8"/>
  </si>
  <si>
    <t>夕凪</t>
    <phoneticPr fontId="8"/>
  </si>
  <si>
    <t>夕凪１丁目</t>
    <phoneticPr fontId="8"/>
  </si>
  <si>
    <t>夕凪２丁目</t>
    <phoneticPr fontId="8"/>
  </si>
  <si>
    <t>石田</t>
    <phoneticPr fontId="8"/>
  </si>
  <si>
    <t>石田１丁目</t>
    <phoneticPr fontId="8"/>
  </si>
  <si>
    <t>石田２丁目</t>
    <phoneticPr fontId="8"/>
  </si>
  <si>
    <t>石田３丁目</t>
    <phoneticPr fontId="8"/>
  </si>
  <si>
    <t>三先</t>
    <phoneticPr fontId="8"/>
  </si>
  <si>
    <t>三先１丁目</t>
    <phoneticPr fontId="8"/>
  </si>
  <si>
    <t>三先２丁目</t>
    <phoneticPr fontId="8"/>
  </si>
  <si>
    <t>福崎</t>
    <phoneticPr fontId="8"/>
  </si>
  <si>
    <t>福崎１丁目</t>
    <phoneticPr fontId="8"/>
  </si>
  <si>
    <t>福崎２丁目</t>
    <phoneticPr fontId="8"/>
  </si>
  <si>
    <t>福崎３丁目</t>
    <phoneticPr fontId="8"/>
  </si>
  <si>
    <t>池島</t>
    <phoneticPr fontId="8"/>
  </si>
  <si>
    <t>池島１丁目</t>
    <phoneticPr fontId="8"/>
  </si>
  <si>
    <t>池島２丁目</t>
    <phoneticPr fontId="8"/>
  </si>
  <si>
    <t>池島３丁目</t>
    <phoneticPr fontId="8"/>
  </si>
  <si>
    <t>八幡屋</t>
    <phoneticPr fontId="8"/>
  </si>
  <si>
    <t>八幡屋１丁目</t>
    <phoneticPr fontId="8"/>
  </si>
  <si>
    <t>八幡屋２丁目</t>
    <phoneticPr fontId="8"/>
  </si>
  <si>
    <t>八幡屋３丁目</t>
    <phoneticPr fontId="8"/>
  </si>
  <si>
    <t>八幡屋４丁目</t>
    <phoneticPr fontId="8"/>
  </si>
  <si>
    <t>港晴</t>
    <phoneticPr fontId="8"/>
  </si>
  <si>
    <t>港晴１丁目</t>
    <phoneticPr fontId="8"/>
  </si>
  <si>
    <t>港晴２丁目</t>
    <phoneticPr fontId="8"/>
  </si>
  <si>
    <t>港晴３丁目</t>
    <phoneticPr fontId="8"/>
  </si>
  <si>
    <t>港晴４丁目</t>
    <phoneticPr fontId="8"/>
  </si>
  <si>
    <t>港晴５丁目</t>
    <phoneticPr fontId="8"/>
  </si>
  <si>
    <t>築港</t>
    <phoneticPr fontId="8"/>
  </si>
  <si>
    <t>築港１丁目</t>
    <phoneticPr fontId="8"/>
  </si>
  <si>
    <t>築港２丁目</t>
    <phoneticPr fontId="8"/>
  </si>
  <si>
    <t>築港３丁目</t>
    <phoneticPr fontId="8"/>
  </si>
  <si>
    <t>築港４丁目</t>
    <phoneticPr fontId="8"/>
  </si>
  <si>
    <t>海岸通</t>
    <phoneticPr fontId="8"/>
  </si>
  <si>
    <t>海岸通１丁目</t>
    <phoneticPr fontId="8"/>
  </si>
  <si>
    <t>海岸通２丁目</t>
    <phoneticPr fontId="8"/>
  </si>
  <si>
    <t>海岸通３丁目</t>
    <phoneticPr fontId="8"/>
  </si>
  <si>
    <t>海岸通４丁目</t>
    <phoneticPr fontId="8"/>
  </si>
  <si>
    <t>大正区</t>
    <phoneticPr fontId="8"/>
  </si>
  <si>
    <t>三軒家東</t>
    <phoneticPr fontId="8"/>
  </si>
  <si>
    <t>三軒家東１丁目</t>
    <phoneticPr fontId="8"/>
  </si>
  <si>
    <t>三軒家東２丁目</t>
    <phoneticPr fontId="8"/>
  </si>
  <si>
    <t>三軒家東３丁目</t>
    <phoneticPr fontId="8"/>
  </si>
  <si>
    <t>三軒家東４丁目</t>
    <phoneticPr fontId="8"/>
  </si>
  <si>
    <t>三軒家東５丁目</t>
    <phoneticPr fontId="8"/>
  </si>
  <si>
    <t>三軒家東６丁目</t>
    <phoneticPr fontId="8"/>
  </si>
  <si>
    <t>三軒家西</t>
    <phoneticPr fontId="8"/>
  </si>
  <si>
    <t>三軒家西１丁目</t>
    <phoneticPr fontId="8"/>
  </si>
  <si>
    <t>三軒家西２丁目</t>
    <phoneticPr fontId="8"/>
  </si>
  <si>
    <t>三軒家西３丁目</t>
    <phoneticPr fontId="8"/>
  </si>
  <si>
    <t>泉尾</t>
    <phoneticPr fontId="8"/>
  </si>
  <si>
    <t>泉尾１丁目</t>
    <phoneticPr fontId="8"/>
  </si>
  <si>
    <t>泉尾２丁目</t>
    <phoneticPr fontId="8"/>
  </si>
  <si>
    <t>泉尾３丁目</t>
    <phoneticPr fontId="8"/>
  </si>
  <si>
    <t>泉尾４丁目</t>
    <phoneticPr fontId="8"/>
  </si>
  <si>
    <t>泉尾５丁目</t>
    <phoneticPr fontId="8"/>
  </si>
  <si>
    <t>泉尾６丁目</t>
    <phoneticPr fontId="8"/>
  </si>
  <si>
    <t>泉尾７丁目</t>
    <phoneticPr fontId="8"/>
  </si>
  <si>
    <t>千島</t>
    <phoneticPr fontId="8"/>
  </si>
  <si>
    <t>千島１丁目</t>
    <phoneticPr fontId="8"/>
  </si>
  <si>
    <t>千島２丁目</t>
    <phoneticPr fontId="8"/>
  </si>
  <si>
    <t>千島３丁目</t>
    <phoneticPr fontId="8"/>
  </si>
  <si>
    <t>北村</t>
    <phoneticPr fontId="8"/>
  </si>
  <si>
    <t>北村１丁目</t>
    <phoneticPr fontId="8"/>
  </si>
  <si>
    <t>北村２丁目</t>
    <phoneticPr fontId="8"/>
  </si>
  <si>
    <t>北村３丁目</t>
    <phoneticPr fontId="8"/>
  </si>
  <si>
    <t>北恩加島</t>
    <phoneticPr fontId="8"/>
  </si>
  <si>
    <t>北恩加島１丁目</t>
    <phoneticPr fontId="8"/>
  </si>
  <si>
    <t>北恩加島２丁目</t>
    <phoneticPr fontId="8"/>
  </si>
  <si>
    <t>小林東</t>
    <phoneticPr fontId="8"/>
  </si>
  <si>
    <t>小林東１丁目</t>
    <phoneticPr fontId="8"/>
  </si>
  <si>
    <t>小林東２丁目</t>
    <phoneticPr fontId="8"/>
  </si>
  <si>
    <t>小林東３丁目</t>
    <phoneticPr fontId="8"/>
  </si>
  <si>
    <t>小林西</t>
    <phoneticPr fontId="8"/>
  </si>
  <si>
    <t>小林西１丁目</t>
    <phoneticPr fontId="8"/>
  </si>
  <si>
    <t>小林西２丁目</t>
    <phoneticPr fontId="8"/>
  </si>
  <si>
    <t>平尾</t>
    <phoneticPr fontId="8"/>
  </si>
  <si>
    <t>平尾１丁目</t>
    <phoneticPr fontId="8"/>
  </si>
  <si>
    <t>平尾２丁目</t>
    <phoneticPr fontId="8"/>
  </si>
  <si>
    <t>平尾３丁目</t>
    <phoneticPr fontId="8"/>
  </si>
  <si>
    <t>平尾４丁目</t>
    <phoneticPr fontId="8"/>
  </si>
  <si>
    <t>平尾５丁目</t>
    <phoneticPr fontId="8"/>
  </si>
  <si>
    <t>南恩加島</t>
    <phoneticPr fontId="8"/>
  </si>
  <si>
    <t>南恩加島１丁目</t>
    <phoneticPr fontId="8"/>
  </si>
  <si>
    <t>南恩加島２丁目</t>
    <phoneticPr fontId="8"/>
  </si>
  <si>
    <t>南恩加島３丁目</t>
    <phoneticPr fontId="8"/>
  </si>
  <si>
    <t>南恩加島４丁目</t>
    <phoneticPr fontId="8"/>
  </si>
  <si>
    <t>南恩加島５丁目</t>
    <phoneticPr fontId="8"/>
  </si>
  <si>
    <t>南恩加島６丁目</t>
    <phoneticPr fontId="8"/>
  </si>
  <si>
    <t>南恩加島７丁目</t>
    <phoneticPr fontId="8"/>
  </si>
  <si>
    <t>鶴町</t>
    <phoneticPr fontId="8"/>
  </si>
  <si>
    <t>鶴町１丁目</t>
    <phoneticPr fontId="8"/>
  </si>
  <si>
    <t>鶴町２丁目</t>
    <phoneticPr fontId="8"/>
  </si>
  <si>
    <t>鶴町３丁目</t>
    <phoneticPr fontId="8"/>
  </si>
  <si>
    <t>鶴町４丁目</t>
    <phoneticPr fontId="8"/>
  </si>
  <si>
    <t>鶴町５丁目</t>
    <phoneticPr fontId="8"/>
  </si>
  <si>
    <t>船町</t>
    <phoneticPr fontId="8"/>
  </si>
  <si>
    <t>船町１丁目</t>
    <phoneticPr fontId="8"/>
  </si>
  <si>
    <t>船町２丁目</t>
    <phoneticPr fontId="8"/>
  </si>
  <si>
    <t>天王寺区</t>
    <phoneticPr fontId="8"/>
  </si>
  <si>
    <t>上本町</t>
    <phoneticPr fontId="8"/>
  </si>
  <si>
    <t>上本町１丁目</t>
    <phoneticPr fontId="8"/>
  </si>
  <si>
    <t>上本町２丁目</t>
    <phoneticPr fontId="8"/>
  </si>
  <si>
    <t>上本町３丁目</t>
    <phoneticPr fontId="8"/>
  </si>
  <si>
    <t>上本町４丁目</t>
    <phoneticPr fontId="8"/>
  </si>
  <si>
    <t>上本町５丁目</t>
    <phoneticPr fontId="8"/>
  </si>
  <si>
    <t>上本町６丁目</t>
    <phoneticPr fontId="8"/>
  </si>
  <si>
    <t>上本町７丁目</t>
    <phoneticPr fontId="8"/>
  </si>
  <si>
    <t>上本町８丁目</t>
    <phoneticPr fontId="8"/>
  </si>
  <si>
    <t>上本町９丁目</t>
    <phoneticPr fontId="8"/>
  </si>
  <si>
    <t>上汐３丁目</t>
    <phoneticPr fontId="8"/>
  </si>
  <si>
    <t>上汐４丁目</t>
    <phoneticPr fontId="8"/>
  </si>
  <si>
    <t>上汐５丁目</t>
    <phoneticPr fontId="8"/>
  </si>
  <si>
    <t>上汐６丁目</t>
    <phoneticPr fontId="8"/>
  </si>
  <si>
    <t>生玉町</t>
    <phoneticPr fontId="8"/>
  </si>
  <si>
    <t>生玉前町</t>
    <phoneticPr fontId="8"/>
  </si>
  <si>
    <t>生玉寺町</t>
    <phoneticPr fontId="8"/>
  </si>
  <si>
    <t>六万体町</t>
    <phoneticPr fontId="8"/>
  </si>
  <si>
    <t>夕陽丘町</t>
    <phoneticPr fontId="8"/>
  </si>
  <si>
    <t>伶人町</t>
    <phoneticPr fontId="8"/>
  </si>
  <si>
    <t>四天王寺</t>
    <phoneticPr fontId="8"/>
  </si>
  <si>
    <t>四天王寺１丁目</t>
    <phoneticPr fontId="8"/>
  </si>
  <si>
    <t>四天王寺２丁目</t>
    <phoneticPr fontId="8"/>
  </si>
  <si>
    <t>下寺町</t>
    <phoneticPr fontId="8"/>
  </si>
  <si>
    <t>下寺町１丁目</t>
    <phoneticPr fontId="8"/>
  </si>
  <si>
    <t>下寺町２丁目</t>
    <phoneticPr fontId="8"/>
  </si>
  <si>
    <t>逢阪</t>
    <phoneticPr fontId="8"/>
  </si>
  <si>
    <t>逢阪１丁目</t>
    <phoneticPr fontId="8"/>
  </si>
  <si>
    <t>逢阪２丁目</t>
    <phoneticPr fontId="8"/>
  </si>
  <si>
    <t>茶臼山町</t>
    <phoneticPr fontId="8"/>
  </si>
  <si>
    <t>堀越町</t>
    <phoneticPr fontId="8"/>
  </si>
  <si>
    <t>悲田院町</t>
    <phoneticPr fontId="8"/>
  </si>
  <si>
    <t>北河堀町</t>
    <phoneticPr fontId="8"/>
  </si>
  <si>
    <t>南河堀町</t>
    <phoneticPr fontId="8"/>
  </si>
  <si>
    <t>大道</t>
    <phoneticPr fontId="8"/>
  </si>
  <si>
    <t>大道１丁目</t>
    <phoneticPr fontId="8"/>
  </si>
  <si>
    <t>大道２丁目</t>
    <phoneticPr fontId="8"/>
  </si>
  <si>
    <t>大道３丁目</t>
    <phoneticPr fontId="8"/>
  </si>
  <si>
    <t>大道４丁目</t>
    <phoneticPr fontId="8"/>
  </si>
  <si>
    <t>大道５丁目</t>
    <phoneticPr fontId="8"/>
  </si>
  <si>
    <t>勝山</t>
    <phoneticPr fontId="8"/>
  </si>
  <si>
    <t>勝山１丁目</t>
    <phoneticPr fontId="8"/>
  </si>
  <si>
    <t>勝山２丁目</t>
    <phoneticPr fontId="8"/>
  </si>
  <si>
    <t>勝山３丁目</t>
    <phoneticPr fontId="8"/>
  </si>
  <si>
    <t>勝山４丁目</t>
    <phoneticPr fontId="8"/>
  </si>
  <si>
    <t>国分町</t>
    <phoneticPr fontId="8"/>
  </si>
  <si>
    <t>寺田町</t>
    <phoneticPr fontId="8"/>
  </si>
  <si>
    <t>寺田町１丁目</t>
    <phoneticPr fontId="8"/>
  </si>
  <si>
    <t>寺田町２丁目</t>
    <phoneticPr fontId="8"/>
  </si>
  <si>
    <t>石ケ辻町</t>
    <phoneticPr fontId="8"/>
  </si>
  <si>
    <t>上之宮町</t>
    <phoneticPr fontId="8"/>
  </si>
  <si>
    <t>北山町</t>
    <phoneticPr fontId="8"/>
  </si>
  <si>
    <t>松ケ鼻町</t>
    <phoneticPr fontId="8"/>
  </si>
  <si>
    <t>小宮町</t>
    <phoneticPr fontId="8"/>
  </si>
  <si>
    <t>真法院町</t>
    <phoneticPr fontId="8"/>
  </si>
  <si>
    <t>烏ケ辻</t>
    <phoneticPr fontId="8"/>
  </si>
  <si>
    <t>烏ケ辻１丁目</t>
    <phoneticPr fontId="8"/>
  </si>
  <si>
    <t>烏ケ辻２丁目</t>
    <phoneticPr fontId="8"/>
  </si>
  <si>
    <t>筆ケ崎町</t>
    <phoneticPr fontId="8"/>
  </si>
  <si>
    <t>東上町</t>
    <phoneticPr fontId="8"/>
  </si>
  <si>
    <t>堂ヶ芝</t>
    <phoneticPr fontId="8"/>
  </si>
  <si>
    <t>堂ヶ芝１丁目</t>
    <phoneticPr fontId="8"/>
  </si>
  <si>
    <t>堂ヶ芝２丁目</t>
    <phoneticPr fontId="8"/>
  </si>
  <si>
    <t>細工谷</t>
    <phoneticPr fontId="8"/>
  </si>
  <si>
    <t>細工谷１丁目</t>
    <phoneticPr fontId="8"/>
  </si>
  <si>
    <t>細工谷２丁目</t>
    <phoneticPr fontId="8"/>
  </si>
  <si>
    <t>清水谷町</t>
    <phoneticPr fontId="8"/>
  </si>
  <si>
    <t>空清町</t>
    <phoneticPr fontId="8"/>
  </si>
  <si>
    <t>城南寺町</t>
    <phoneticPr fontId="8"/>
  </si>
  <si>
    <t>東高津町</t>
    <phoneticPr fontId="8"/>
  </si>
  <si>
    <t>空堀町</t>
    <phoneticPr fontId="8"/>
  </si>
  <si>
    <t>餌差町</t>
    <phoneticPr fontId="8"/>
  </si>
  <si>
    <t>味原本町</t>
    <phoneticPr fontId="8"/>
  </si>
  <si>
    <t>小橋町</t>
    <phoneticPr fontId="8"/>
  </si>
  <si>
    <t>玉造本町</t>
    <phoneticPr fontId="8"/>
  </si>
  <si>
    <t>真田山町</t>
    <phoneticPr fontId="8"/>
  </si>
  <si>
    <t>味原町</t>
    <phoneticPr fontId="8"/>
  </si>
  <si>
    <t>玉造元町</t>
    <phoneticPr fontId="8"/>
  </si>
  <si>
    <t>舟橋町</t>
    <phoneticPr fontId="8"/>
  </si>
  <si>
    <t>下味原町</t>
    <phoneticPr fontId="8"/>
  </si>
  <si>
    <t>浪速区</t>
    <phoneticPr fontId="8"/>
  </si>
  <si>
    <t>下寺</t>
    <phoneticPr fontId="8"/>
  </si>
  <si>
    <t>下寺１丁目</t>
    <phoneticPr fontId="8"/>
  </si>
  <si>
    <t>下寺２丁目</t>
    <phoneticPr fontId="8"/>
  </si>
  <si>
    <t>下寺３丁目</t>
    <phoneticPr fontId="8"/>
  </si>
  <si>
    <t>日本橋東</t>
    <phoneticPr fontId="8"/>
  </si>
  <si>
    <t>日本橋東１丁目</t>
    <phoneticPr fontId="8"/>
  </si>
  <si>
    <t>日本橋東２丁目</t>
    <phoneticPr fontId="8"/>
  </si>
  <si>
    <t>日本橋東３丁目</t>
    <phoneticPr fontId="8"/>
  </si>
  <si>
    <t>日本橋３丁目</t>
    <phoneticPr fontId="8"/>
  </si>
  <si>
    <t>日本橋４丁目</t>
    <phoneticPr fontId="8"/>
  </si>
  <si>
    <t>日本橋５丁目</t>
    <phoneticPr fontId="8"/>
  </si>
  <si>
    <t>日本橋西</t>
    <phoneticPr fontId="8"/>
  </si>
  <si>
    <t>日本橋西１丁目</t>
    <phoneticPr fontId="8"/>
  </si>
  <si>
    <t>日本橋西２丁目</t>
    <phoneticPr fontId="8"/>
  </si>
  <si>
    <t>恵美須東</t>
    <phoneticPr fontId="8"/>
  </si>
  <si>
    <t>恵美須東１丁目</t>
    <phoneticPr fontId="8"/>
  </si>
  <si>
    <t>恵美須東２丁目</t>
    <phoneticPr fontId="8"/>
  </si>
  <si>
    <t>恵美須東３丁目</t>
    <phoneticPr fontId="8"/>
  </si>
  <si>
    <t>恵美須西</t>
    <phoneticPr fontId="8"/>
  </si>
  <si>
    <t>恵美須西１丁目</t>
    <phoneticPr fontId="8"/>
  </si>
  <si>
    <t>恵美須西２丁目</t>
    <phoneticPr fontId="8"/>
  </si>
  <si>
    <t>恵美須西３丁目</t>
    <phoneticPr fontId="8"/>
  </si>
  <si>
    <t>難波中</t>
    <phoneticPr fontId="8"/>
  </si>
  <si>
    <t>難波中１丁目</t>
    <phoneticPr fontId="8"/>
  </si>
  <si>
    <t>難波中２丁目</t>
    <phoneticPr fontId="8"/>
  </si>
  <si>
    <t>難波中３丁目</t>
    <phoneticPr fontId="8"/>
  </si>
  <si>
    <t>元町</t>
    <phoneticPr fontId="8"/>
  </si>
  <si>
    <t>元町１丁目</t>
    <phoneticPr fontId="8"/>
  </si>
  <si>
    <t>元町２丁目</t>
    <phoneticPr fontId="8"/>
  </si>
  <si>
    <t>元町３丁目</t>
    <phoneticPr fontId="8"/>
  </si>
  <si>
    <t>湊町</t>
    <phoneticPr fontId="8"/>
  </si>
  <si>
    <t>湊町１丁目</t>
    <phoneticPr fontId="8"/>
  </si>
  <si>
    <t>湊町２丁目</t>
    <phoneticPr fontId="8"/>
  </si>
  <si>
    <t>敷津東</t>
    <phoneticPr fontId="8"/>
  </si>
  <si>
    <t>敷津東１丁目</t>
    <phoneticPr fontId="8"/>
  </si>
  <si>
    <t>敷津東２丁目</t>
    <phoneticPr fontId="8"/>
  </si>
  <si>
    <t>敷津東３丁目</t>
    <phoneticPr fontId="8"/>
  </si>
  <si>
    <t>敷津西</t>
    <phoneticPr fontId="8"/>
  </si>
  <si>
    <t>敷津西１丁目</t>
    <phoneticPr fontId="8"/>
  </si>
  <si>
    <t>敷津西２丁目</t>
    <phoneticPr fontId="8"/>
  </si>
  <si>
    <t>戎本町</t>
    <phoneticPr fontId="8"/>
  </si>
  <si>
    <t>戎本町１丁目</t>
    <phoneticPr fontId="8"/>
  </si>
  <si>
    <t>戎本町２丁目</t>
    <phoneticPr fontId="8"/>
  </si>
  <si>
    <t>大国</t>
    <phoneticPr fontId="8"/>
  </si>
  <si>
    <t>大国１丁目</t>
    <phoneticPr fontId="8"/>
  </si>
  <si>
    <t>大国２丁目</t>
    <phoneticPr fontId="8"/>
  </si>
  <si>
    <t>大国３丁目</t>
    <phoneticPr fontId="8"/>
  </si>
  <si>
    <t>浪速東</t>
    <phoneticPr fontId="8"/>
  </si>
  <si>
    <t>浪速東１丁目</t>
    <phoneticPr fontId="8"/>
  </si>
  <si>
    <t>浪速東２丁目</t>
    <phoneticPr fontId="8"/>
  </si>
  <si>
    <t>浪速東３丁目</t>
    <phoneticPr fontId="8"/>
  </si>
  <si>
    <t>浪速西</t>
    <phoneticPr fontId="8"/>
  </si>
  <si>
    <t>浪速西１丁目</t>
    <phoneticPr fontId="8"/>
  </si>
  <si>
    <t>浪速西２丁目</t>
    <phoneticPr fontId="8"/>
  </si>
  <si>
    <t>浪速西３丁目</t>
    <phoneticPr fontId="8"/>
  </si>
  <si>
    <t>浪速西４丁目</t>
    <phoneticPr fontId="8"/>
  </si>
  <si>
    <t>芦原</t>
    <phoneticPr fontId="8"/>
  </si>
  <si>
    <t>芦原１丁目</t>
    <phoneticPr fontId="8"/>
  </si>
  <si>
    <t>芦原２丁目</t>
    <phoneticPr fontId="8"/>
  </si>
  <si>
    <t>久保吉</t>
    <phoneticPr fontId="8"/>
  </si>
  <si>
    <t>久保吉１丁目</t>
    <phoneticPr fontId="8"/>
  </si>
  <si>
    <t>久保吉２丁目</t>
    <phoneticPr fontId="8"/>
  </si>
  <si>
    <t>立葉</t>
    <phoneticPr fontId="8"/>
  </si>
  <si>
    <t>立葉１丁目</t>
    <phoneticPr fontId="8"/>
  </si>
  <si>
    <t>立葉２丁目</t>
    <phoneticPr fontId="8"/>
  </si>
  <si>
    <t>木津川</t>
    <phoneticPr fontId="8"/>
  </si>
  <si>
    <t>木津川１丁目</t>
    <phoneticPr fontId="8"/>
  </si>
  <si>
    <t>木津川２丁目</t>
    <phoneticPr fontId="8"/>
  </si>
  <si>
    <t>幸町</t>
    <phoneticPr fontId="8"/>
  </si>
  <si>
    <t>幸町１丁目</t>
    <phoneticPr fontId="8"/>
  </si>
  <si>
    <t>幸町２丁目</t>
    <phoneticPr fontId="8"/>
  </si>
  <si>
    <t>幸町３丁目</t>
    <phoneticPr fontId="8"/>
  </si>
  <si>
    <t>桜川</t>
    <phoneticPr fontId="8"/>
  </si>
  <si>
    <t>桜川１丁目</t>
    <phoneticPr fontId="8"/>
  </si>
  <si>
    <t>桜川２丁目</t>
    <phoneticPr fontId="8"/>
  </si>
  <si>
    <t>桜川３丁目</t>
    <phoneticPr fontId="8"/>
  </si>
  <si>
    <t>桜川４丁目</t>
    <phoneticPr fontId="8"/>
  </si>
  <si>
    <t>塩草</t>
    <phoneticPr fontId="8"/>
  </si>
  <si>
    <t>塩草１丁目</t>
    <phoneticPr fontId="8"/>
  </si>
  <si>
    <t>塩草２丁目</t>
    <phoneticPr fontId="8"/>
  </si>
  <si>
    <t>塩草３丁目</t>
    <phoneticPr fontId="8"/>
  </si>
  <si>
    <t>稲荷</t>
    <phoneticPr fontId="8"/>
  </si>
  <si>
    <t>稲荷１丁目</t>
    <phoneticPr fontId="8"/>
  </si>
  <si>
    <t>稲荷２丁目</t>
    <phoneticPr fontId="8"/>
  </si>
  <si>
    <t>西淀川区</t>
    <phoneticPr fontId="8"/>
  </si>
  <si>
    <t>柏里</t>
    <phoneticPr fontId="8"/>
  </si>
  <si>
    <t>柏里１丁目</t>
    <phoneticPr fontId="8"/>
  </si>
  <si>
    <t>柏里２丁目</t>
    <phoneticPr fontId="8"/>
  </si>
  <si>
    <t>柏里３丁目</t>
    <phoneticPr fontId="8"/>
  </si>
  <si>
    <t>花川</t>
    <phoneticPr fontId="8"/>
  </si>
  <si>
    <t>花川１丁目</t>
    <phoneticPr fontId="8"/>
  </si>
  <si>
    <t>花川２丁目</t>
    <phoneticPr fontId="8"/>
  </si>
  <si>
    <t>野里</t>
    <phoneticPr fontId="8"/>
  </si>
  <si>
    <t>野里１丁目</t>
    <phoneticPr fontId="8"/>
  </si>
  <si>
    <t>野里２丁目</t>
    <phoneticPr fontId="8"/>
  </si>
  <si>
    <t>野里３丁目</t>
    <phoneticPr fontId="8"/>
  </si>
  <si>
    <t>歌島</t>
    <phoneticPr fontId="8"/>
  </si>
  <si>
    <t>歌島１丁目</t>
    <phoneticPr fontId="8"/>
  </si>
  <si>
    <t>歌島２丁目</t>
    <phoneticPr fontId="8"/>
  </si>
  <si>
    <t>歌島３丁目</t>
    <phoneticPr fontId="8"/>
  </si>
  <si>
    <t>歌島４丁目</t>
    <phoneticPr fontId="8"/>
  </si>
  <si>
    <t>竹島</t>
    <phoneticPr fontId="8"/>
  </si>
  <si>
    <t>竹島１丁目</t>
    <phoneticPr fontId="8"/>
  </si>
  <si>
    <t>竹島２丁目</t>
    <phoneticPr fontId="8"/>
  </si>
  <si>
    <t>竹島３丁目</t>
    <phoneticPr fontId="8"/>
  </si>
  <si>
    <t>竹島４丁目</t>
    <phoneticPr fontId="8"/>
  </si>
  <si>
    <t>竹島５丁目</t>
    <phoneticPr fontId="8"/>
  </si>
  <si>
    <t>千舟</t>
    <phoneticPr fontId="8"/>
  </si>
  <si>
    <t>千舟１丁目</t>
    <phoneticPr fontId="8"/>
  </si>
  <si>
    <t>千舟２丁目</t>
    <phoneticPr fontId="8"/>
  </si>
  <si>
    <t>千舟３丁目</t>
    <phoneticPr fontId="8"/>
  </si>
  <si>
    <t>御幣島</t>
    <phoneticPr fontId="8"/>
  </si>
  <si>
    <t>御幣島１丁目</t>
    <phoneticPr fontId="8"/>
  </si>
  <si>
    <t>御幣島２丁目</t>
    <phoneticPr fontId="8"/>
  </si>
  <si>
    <t>御幣島３丁目</t>
    <phoneticPr fontId="8"/>
  </si>
  <si>
    <t>御幣島４丁目</t>
    <phoneticPr fontId="8"/>
  </si>
  <si>
    <t>御幣島５丁目</t>
    <phoneticPr fontId="8"/>
  </si>
  <si>
    <t>御幣島６丁目</t>
    <phoneticPr fontId="8"/>
  </si>
  <si>
    <t>佃</t>
    <phoneticPr fontId="8"/>
  </si>
  <si>
    <t>佃１丁目</t>
    <phoneticPr fontId="8"/>
  </si>
  <si>
    <t>佃２丁目</t>
    <phoneticPr fontId="8"/>
  </si>
  <si>
    <t>佃３丁目</t>
    <phoneticPr fontId="8"/>
  </si>
  <si>
    <t>佃４丁目</t>
    <phoneticPr fontId="8"/>
  </si>
  <si>
    <t>佃５丁目</t>
    <phoneticPr fontId="8"/>
  </si>
  <si>
    <t>佃６丁目</t>
    <phoneticPr fontId="8"/>
  </si>
  <si>
    <t>佃７丁目</t>
    <phoneticPr fontId="8"/>
  </si>
  <si>
    <t>大和田</t>
    <phoneticPr fontId="8"/>
  </si>
  <si>
    <t>大和田１丁目</t>
    <phoneticPr fontId="8"/>
  </si>
  <si>
    <t>大和田２丁目</t>
    <phoneticPr fontId="8"/>
  </si>
  <si>
    <t>大和田３丁目</t>
    <phoneticPr fontId="8"/>
  </si>
  <si>
    <t>大和田４丁目</t>
    <phoneticPr fontId="8"/>
  </si>
  <si>
    <t>大和田５丁目</t>
    <phoneticPr fontId="8"/>
  </si>
  <si>
    <t>大和田６丁目</t>
    <phoneticPr fontId="8"/>
  </si>
  <si>
    <t>姫里</t>
    <phoneticPr fontId="8"/>
  </si>
  <si>
    <t>姫里１丁目</t>
    <phoneticPr fontId="8"/>
  </si>
  <si>
    <t>姫里２丁目</t>
    <phoneticPr fontId="8"/>
  </si>
  <si>
    <t>姫里３丁目</t>
    <phoneticPr fontId="8"/>
  </si>
  <si>
    <t>姫島</t>
    <phoneticPr fontId="8"/>
  </si>
  <si>
    <t>姫島１丁目</t>
    <phoneticPr fontId="8"/>
  </si>
  <si>
    <t>姫島２丁目</t>
    <phoneticPr fontId="8"/>
  </si>
  <si>
    <t>姫島３丁目</t>
    <phoneticPr fontId="8"/>
  </si>
  <si>
    <t>姫島４丁目</t>
    <phoneticPr fontId="8"/>
  </si>
  <si>
    <t>姫島５丁目</t>
    <phoneticPr fontId="8"/>
  </si>
  <si>
    <t>姫島６丁目</t>
    <phoneticPr fontId="8"/>
  </si>
  <si>
    <t>福町</t>
    <phoneticPr fontId="8"/>
  </si>
  <si>
    <t>福町１丁目</t>
    <phoneticPr fontId="8"/>
  </si>
  <si>
    <t>福町２丁目</t>
    <phoneticPr fontId="8"/>
  </si>
  <si>
    <t>福町３丁目</t>
    <phoneticPr fontId="8"/>
  </si>
  <si>
    <t>百島</t>
    <phoneticPr fontId="8"/>
  </si>
  <si>
    <t>百島１丁目</t>
    <phoneticPr fontId="8"/>
  </si>
  <si>
    <t>百島２丁目</t>
    <phoneticPr fontId="8"/>
  </si>
  <si>
    <t>大野</t>
    <phoneticPr fontId="8"/>
  </si>
  <si>
    <t>大野１丁目</t>
    <phoneticPr fontId="8"/>
  </si>
  <si>
    <t>大野２丁目</t>
    <phoneticPr fontId="8"/>
  </si>
  <si>
    <t>大野３丁目</t>
    <phoneticPr fontId="8"/>
  </si>
  <si>
    <t>出来島</t>
    <phoneticPr fontId="8"/>
  </si>
  <si>
    <t>出来島１丁目</t>
    <phoneticPr fontId="8"/>
  </si>
  <si>
    <t>出来島２丁目</t>
    <phoneticPr fontId="8"/>
  </si>
  <si>
    <t>出来島３丁目</t>
    <phoneticPr fontId="8"/>
  </si>
  <si>
    <t>中島</t>
    <phoneticPr fontId="8"/>
  </si>
  <si>
    <t>中島１丁目</t>
    <phoneticPr fontId="8"/>
  </si>
  <si>
    <t>中島２丁目</t>
    <phoneticPr fontId="8"/>
  </si>
  <si>
    <t>西島</t>
    <phoneticPr fontId="8"/>
  </si>
  <si>
    <t>西島１丁目</t>
    <phoneticPr fontId="8"/>
  </si>
  <si>
    <t>西島２丁目</t>
    <phoneticPr fontId="8"/>
  </si>
  <si>
    <t>淀川区</t>
    <phoneticPr fontId="8"/>
  </si>
  <si>
    <t>十三東</t>
    <phoneticPr fontId="8"/>
  </si>
  <si>
    <t>十三東１丁目</t>
    <phoneticPr fontId="8"/>
  </si>
  <si>
    <t>十三東２丁目</t>
    <phoneticPr fontId="8"/>
  </si>
  <si>
    <t>十三東３丁目</t>
    <phoneticPr fontId="8"/>
  </si>
  <si>
    <t>十三東４丁目</t>
    <phoneticPr fontId="8"/>
  </si>
  <si>
    <t>十三東５丁目</t>
    <phoneticPr fontId="8"/>
  </si>
  <si>
    <t>新北野</t>
    <phoneticPr fontId="8"/>
  </si>
  <si>
    <t>新北野１丁目</t>
    <phoneticPr fontId="8"/>
  </si>
  <si>
    <t>新北野２丁目</t>
    <phoneticPr fontId="8"/>
  </si>
  <si>
    <t>新北野３丁目</t>
    <phoneticPr fontId="8"/>
  </si>
  <si>
    <t>十三本町</t>
    <phoneticPr fontId="8"/>
  </si>
  <si>
    <t>十三本町１丁目</t>
    <phoneticPr fontId="8"/>
  </si>
  <si>
    <t>十三本町２丁目</t>
    <phoneticPr fontId="8"/>
  </si>
  <si>
    <t>十三本町３丁目</t>
    <phoneticPr fontId="8"/>
  </si>
  <si>
    <t>十三元今里</t>
    <phoneticPr fontId="8"/>
  </si>
  <si>
    <t>十三元今里１丁目</t>
    <phoneticPr fontId="8"/>
  </si>
  <si>
    <t>十三元今里２丁目</t>
    <phoneticPr fontId="8"/>
  </si>
  <si>
    <t>十三元今里３丁目</t>
    <phoneticPr fontId="8"/>
  </si>
  <si>
    <t>塚本</t>
    <phoneticPr fontId="8"/>
  </si>
  <si>
    <t>塚本１丁目</t>
    <phoneticPr fontId="8"/>
  </si>
  <si>
    <t>塚本２丁目</t>
    <phoneticPr fontId="8"/>
  </si>
  <si>
    <t>塚本３丁目</t>
    <phoneticPr fontId="8"/>
  </si>
  <si>
    <t>塚本４丁目</t>
    <phoneticPr fontId="8"/>
  </si>
  <si>
    <t>塚本５丁目</t>
    <phoneticPr fontId="8"/>
  </si>
  <si>
    <t>塚本６丁目</t>
    <phoneticPr fontId="8"/>
  </si>
  <si>
    <t>田川</t>
    <phoneticPr fontId="8"/>
  </si>
  <si>
    <t>田川１丁目</t>
    <phoneticPr fontId="8"/>
  </si>
  <si>
    <t>田川２丁目</t>
    <phoneticPr fontId="8"/>
  </si>
  <si>
    <t>田川３丁目</t>
    <phoneticPr fontId="8"/>
  </si>
  <si>
    <t>田川北</t>
    <phoneticPr fontId="8"/>
  </si>
  <si>
    <t>田川北１丁目</t>
    <rPh sb="0" eb="1">
      <t>タ</t>
    </rPh>
    <phoneticPr fontId="8"/>
  </si>
  <si>
    <t>田川北２丁目</t>
    <phoneticPr fontId="8"/>
  </si>
  <si>
    <t>田川北３丁目</t>
    <phoneticPr fontId="8"/>
  </si>
  <si>
    <t>加島</t>
    <phoneticPr fontId="8"/>
  </si>
  <si>
    <t>加島１丁目</t>
    <phoneticPr fontId="8"/>
  </si>
  <si>
    <t>加島２丁目</t>
    <phoneticPr fontId="8"/>
  </si>
  <si>
    <t>加島３丁目</t>
    <phoneticPr fontId="8"/>
  </si>
  <si>
    <t>加島４丁目</t>
    <phoneticPr fontId="8"/>
  </si>
  <si>
    <t>三津屋南</t>
    <phoneticPr fontId="8"/>
  </si>
  <si>
    <t>三津屋南１丁目</t>
    <phoneticPr fontId="8"/>
  </si>
  <si>
    <t>三津屋南２丁目</t>
    <phoneticPr fontId="8"/>
  </si>
  <si>
    <t>三津屋南３丁目</t>
    <phoneticPr fontId="8"/>
  </si>
  <si>
    <t>三津屋中</t>
    <phoneticPr fontId="8"/>
  </si>
  <si>
    <t>三津屋中１丁目</t>
    <phoneticPr fontId="8"/>
  </si>
  <si>
    <t>三津屋中２丁目</t>
    <phoneticPr fontId="8"/>
  </si>
  <si>
    <t>三津屋中３丁目</t>
    <phoneticPr fontId="8"/>
  </si>
  <si>
    <t>三津屋北</t>
    <phoneticPr fontId="8"/>
  </si>
  <si>
    <t>三津屋北１丁目</t>
    <phoneticPr fontId="8"/>
  </si>
  <si>
    <t>三津屋北２丁目</t>
    <phoneticPr fontId="8"/>
  </si>
  <si>
    <t>三津屋北３丁目</t>
    <phoneticPr fontId="8"/>
  </si>
  <si>
    <t>野中南</t>
    <phoneticPr fontId="8"/>
  </si>
  <si>
    <t>野中南１丁目</t>
    <phoneticPr fontId="8"/>
  </si>
  <si>
    <t>野中南２丁目</t>
    <phoneticPr fontId="8"/>
  </si>
  <si>
    <t>野中北</t>
    <phoneticPr fontId="8"/>
  </si>
  <si>
    <t>野中北１丁目</t>
    <phoneticPr fontId="8"/>
  </si>
  <si>
    <t>野中北２丁目</t>
    <phoneticPr fontId="8"/>
  </si>
  <si>
    <t>新高</t>
    <phoneticPr fontId="8"/>
  </si>
  <si>
    <t>新高１丁目</t>
    <phoneticPr fontId="8"/>
  </si>
  <si>
    <t>新高２丁目</t>
    <phoneticPr fontId="8"/>
  </si>
  <si>
    <t>新高３丁目</t>
    <phoneticPr fontId="8"/>
  </si>
  <si>
    <t>新高４丁目</t>
    <phoneticPr fontId="8"/>
  </si>
  <si>
    <t>新高５丁目</t>
    <phoneticPr fontId="8"/>
  </si>
  <si>
    <t>新高６丁目</t>
    <phoneticPr fontId="8"/>
  </si>
  <si>
    <t>三国本町</t>
    <phoneticPr fontId="8"/>
  </si>
  <si>
    <t>三国本町１丁目</t>
    <phoneticPr fontId="8"/>
  </si>
  <si>
    <t>三国本町２丁目</t>
    <phoneticPr fontId="8"/>
  </si>
  <si>
    <t>三国本町３丁目</t>
    <phoneticPr fontId="8"/>
  </si>
  <si>
    <t>西三国</t>
    <phoneticPr fontId="8"/>
  </si>
  <si>
    <t>西三国１丁目</t>
    <phoneticPr fontId="8"/>
  </si>
  <si>
    <t>西三国２丁目</t>
    <phoneticPr fontId="8"/>
  </si>
  <si>
    <t>西三国３丁目</t>
    <phoneticPr fontId="8"/>
  </si>
  <si>
    <t>西三国４丁目</t>
    <phoneticPr fontId="8"/>
  </si>
  <si>
    <t>十八条</t>
    <phoneticPr fontId="8"/>
  </si>
  <si>
    <t>十八条１丁目</t>
    <phoneticPr fontId="8"/>
  </si>
  <si>
    <t>十八条２丁目</t>
    <phoneticPr fontId="8"/>
  </si>
  <si>
    <t>十八条３丁目</t>
    <phoneticPr fontId="8"/>
  </si>
  <si>
    <t>東三国</t>
    <phoneticPr fontId="8"/>
  </si>
  <si>
    <t>東三国１丁目</t>
    <phoneticPr fontId="8"/>
  </si>
  <si>
    <t>東三国２丁目</t>
    <phoneticPr fontId="8"/>
  </si>
  <si>
    <t>東三国３丁目</t>
    <phoneticPr fontId="8"/>
  </si>
  <si>
    <t>東三国４丁目</t>
    <phoneticPr fontId="8"/>
  </si>
  <si>
    <t>東三国５丁目</t>
    <phoneticPr fontId="8"/>
  </si>
  <si>
    <t>東三国６丁目</t>
    <phoneticPr fontId="8"/>
  </si>
  <si>
    <t>宮原</t>
    <phoneticPr fontId="8"/>
  </si>
  <si>
    <t>宮原１丁目</t>
    <phoneticPr fontId="8"/>
  </si>
  <si>
    <t>宮原２丁目</t>
    <phoneticPr fontId="8"/>
  </si>
  <si>
    <t>宮原３丁目</t>
    <phoneticPr fontId="8"/>
  </si>
  <si>
    <t>宮原４丁目</t>
    <phoneticPr fontId="8"/>
  </si>
  <si>
    <t>宮原５丁目</t>
    <phoneticPr fontId="8"/>
  </si>
  <si>
    <t>西宮原</t>
    <phoneticPr fontId="8"/>
  </si>
  <si>
    <t>西宮原１丁目</t>
    <phoneticPr fontId="8"/>
  </si>
  <si>
    <t>西宮原２丁目</t>
    <phoneticPr fontId="8"/>
  </si>
  <si>
    <t>西宮原３丁目</t>
    <phoneticPr fontId="8"/>
  </si>
  <si>
    <t>西中島</t>
    <phoneticPr fontId="8"/>
  </si>
  <si>
    <t>西中島１丁目</t>
    <phoneticPr fontId="8"/>
  </si>
  <si>
    <t>西中島２丁目</t>
    <phoneticPr fontId="8"/>
  </si>
  <si>
    <t>西中島３丁目</t>
    <phoneticPr fontId="8"/>
  </si>
  <si>
    <t>西中島４丁目</t>
    <phoneticPr fontId="8"/>
  </si>
  <si>
    <t>西中島５丁目</t>
    <phoneticPr fontId="8"/>
  </si>
  <si>
    <t>西中島６丁目</t>
    <phoneticPr fontId="8"/>
  </si>
  <si>
    <t>西中島７丁目</t>
    <phoneticPr fontId="8"/>
  </si>
  <si>
    <t>木川東</t>
    <phoneticPr fontId="8"/>
  </si>
  <si>
    <t>木川東１丁目</t>
    <phoneticPr fontId="8"/>
  </si>
  <si>
    <t>木川東２丁目</t>
    <phoneticPr fontId="8"/>
  </si>
  <si>
    <t>木川東３丁目</t>
    <phoneticPr fontId="8"/>
  </si>
  <si>
    <t>木川東４丁目</t>
    <phoneticPr fontId="8"/>
  </si>
  <si>
    <t>木川西</t>
    <phoneticPr fontId="8"/>
  </si>
  <si>
    <t>木川西１丁目</t>
    <phoneticPr fontId="8"/>
  </si>
  <si>
    <t>木川西２丁目</t>
    <phoneticPr fontId="8"/>
  </si>
  <si>
    <t>木川西３丁目</t>
    <phoneticPr fontId="8"/>
  </si>
  <si>
    <t>木川西４丁目</t>
    <phoneticPr fontId="8"/>
  </si>
  <si>
    <t>東淀川区</t>
    <phoneticPr fontId="8"/>
  </si>
  <si>
    <t>井高野</t>
    <phoneticPr fontId="8"/>
  </si>
  <si>
    <t>井高野１丁目</t>
    <phoneticPr fontId="8"/>
  </si>
  <si>
    <t>井高野２丁目</t>
    <phoneticPr fontId="8"/>
  </si>
  <si>
    <t>井高野３丁目</t>
    <phoneticPr fontId="8"/>
  </si>
  <si>
    <t>井高野４丁目</t>
    <phoneticPr fontId="8"/>
  </si>
  <si>
    <t>北江口</t>
    <phoneticPr fontId="8"/>
  </si>
  <si>
    <t>北江口１丁目</t>
    <phoneticPr fontId="8"/>
  </si>
  <si>
    <t>北江口２丁目</t>
    <phoneticPr fontId="8"/>
  </si>
  <si>
    <t>北江口３丁目</t>
    <phoneticPr fontId="8"/>
  </si>
  <si>
    <t>北江口４丁目</t>
    <phoneticPr fontId="8"/>
  </si>
  <si>
    <t>南江口</t>
    <phoneticPr fontId="8"/>
  </si>
  <si>
    <t>南江口１丁目</t>
    <phoneticPr fontId="8"/>
  </si>
  <si>
    <t>南江口２丁目</t>
    <phoneticPr fontId="8"/>
  </si>
  <si>
    <t>南江口３丁目</t>
    <phoneticPr fontId="8"/>
  </si>
  <si>
    <t>相川</t>
    <phoneticPr fontId="8"/>
  </si>
  <si>
    <t>相川１丁目</t>
    <phoneticPr fontId="8"/>
  </si>
  <si>
    <t>相川２丁目</t>
    <phoneticPr fontId="8"/>
  </si>
  <si>
    <t>相川３丁目</t>
    <phoneticPr fontId="8"/>
  </si>
  <si>
    <t>小松</t>
    <phoneticPr fontId="8"/>
  </si>
  <si>
    <t>小松１丁目</t>
    <phoneticPr fontId="8"/>
  </si>
  <si>
    <t>小松２丁目</t>
    <phoneticPr fontId="8"/>
  </si>
  <si>
    <t>小松３丁目</t>
    <phoneticPr fontId="8"/>
  </si>
  <si>
    <t>小松４丁目</t>
    <phoneticPr fontId="8"/>
  </si>
  <si>
    <t>小松５丁目</t>
    <phoneticPr fontId="8"/>
  </si>
  <si>
    <t>瑞光</t>
    <phoneticPr fontId="8"/>
  </si>
  <si>
    <t>瑞光１丁目</t>
    <phoneticPr fontId="8"/>
  </si>
  <si>
    <t>瑞光２丁目</t>
    <phoneticPr fontId="8"/>
  </si>
  <si>
    <t>瑞光３丁目</t>
    <phoneticPr fontId="8"/>
  </si>
  <si>
    <t>瑞光４丁目</t>
    <phoneticPr fontId="8"/>
  </si>
  <si>
    <t>瑞光５丁目</t>
    <phoneticPr fontId="8"/>
  </si>
  <si>
    <t>大隅</t>
    <phoneticPr fontId="8"/>
  </si>
  <si>
    <t>大隅１丁目</t>
    <phoneticPr fontId="8"/>
  </si>
  <si>
    <t>大隅２丁目</t>
    <phoneticPr fontId="8"/>
  </si>
  <si>
    <t>大桐</t>
    <phoneticPr fontId="8"/>
  </si>
  <si>
    <t>大桐１丁目</t>
    <phoneticPr fontId="8"/>
  </si>
  <si>
    <t>大桐２丁目</t>
    <phoneticPr fontId="8"/>
  </si>
  <si>
    <t>大桐３丁目</t>
    <phoneticPr fontId="8"/>
  </si>
  <si>
    <t>大桐４丁目</t>
    <phoneticPr fontId="8"/>
  </si>
  <si>
    <t>大桐５丁目</t>
    <phoneticPr fontId="8"/>
  </si>
  <si>
    <t>大道南</t>
    <phoneticPr fontId="8"/>
  </si>
  <si>
    <t>大道南１丁目</t>
    <phoneticPr fontId="8"/>
  </si>
  <si>
    <t>大道南２丁目</t>
    <phoneticPr fontId="8"/>
  </si>
  <si>
    <t>大道南３丁目</t>
    <phoneticPr fontId="8"/>
  </si>
  <si>
    <t>豊里</t>
    <phoneticPr fontId="8"/>
  </si>
  <si>
    <t>豊里１丁目</t>
    <phoneticPr fontId="8"/>
  </si>
  <si>
    <t>豊里２丁目</t>
    <phoneticPr fontId="8"/>
  </si>
  <si>
    <t>豊里３丁目</t>
    <phoneticPr fontId="8"/>
  </si>
  <si>
    <t>豊里４丁目</t>
    <phoneticPr fontId="8"/>
  </si>
  <si>
    <t>豊里５丁目</t>
    <phoneticPr fontId="8"/>
  </si>
  <si>
    <t>豊里６丁目</t>
    <phoneticPr fontId="8"/>
  </si>
  <si>
    <t>豊里７丁目</t>
    <phoneticPr fontId="8"/>
  </si>
  <si>
    <t>豊新</t>
    <phoneticPr fontId="8"/>
  </si>
  <si>
    <t>豊新１丁目</t>
    <phoneticPr fontId="8"/>
  </si>
  <si>
    <t>豊新２丁目</t>
    <phoneticPr fontId="8"/>
  </si>
  <si>
    <t>豊新３丁目</t>
    <phoneticPr fontId="8"/>
  </si>
  <si>
    <t>豊新４丁目</t>
    <phoneticPr fontId="8"/>
  </si>
  <si>
    <t>豊新５丁目</t>
    <phoneticPr fontId="8"/>
  </si>
  <si>
    <t>上新庄</t>
    <phoneticPr fontId="8"/>
  </si>
  <si>
    <t>上新庄１丁目</t>
    <phoneticPr fontId="8"/>
  </si>
  <si>
    <t>上新庄２丁目</t>
    <phoneticPr fontId="8"/>
  </si>
  <si>
    <t>上新庄３丁目</t>
    <phoneticPr fontId="8"/>
  </si>
  <si>
    <t>下新庄</t>
    <phoneticPr fontId="8"/>
  </si>
  <si>
    <t>下新庄１丁目</t>
    <phoneticPr fontId="8"/>
  </si>
  <si>
    <t>下新庄２丁目</t>
    <phoneticPr fontId="8"/>
  </si>
  <si>
    <t>下新庄３丁目</t>
    <phoneticPr fontId="8"/>
  </si>
  <si>
    <t>下新庄４丁目</t>
    <phoneticPr fontId="8"/>
  </si>
  <si>
    <t>下新庄５丁目</t>
    <phoneticPr fontId="8"/>
  </si>
  <si>
    <t>下新庄６丁目</t>
    <phoneticPr fontId="8"/>
  </si>
  <si>
    <t>菅原</t>
    <phoneticPr fontId="8"/>
  </si>
  <si>
    <t>菅原１丁目</t>
    <phoneticPr fontId="8"/>
  </si>
  <si>
    <t>菅原２丁目</t>
    <phoneticPr fontId="8"/>
  </si>
  <si>
    <t>菅原３丁目</t>
    <phoneticPr fontId="8"/>
  </si>
  <si>
    <t>菅原４丁目</t>
    <phoneticPr fontId="8"/>
  </si>
  <si>
    <t>菅原５丁目</t>
    <phoneticPr fontId="8"/>
  </si>
  <si>
    <t>菅原６丁目</t>
    <phoneticPr fontId="8"/>
  </si>
  <si>
    <t>菅原７丁目</t>
    <phoneticPr fontId="8"/>
  </si>
  <si>
    <t>東淡路</t>
    <phoneticPr fontId="8"/>
  </si>
  <si>
    <t>東淡路１丁目</t>
    <phoneticPr fontId="8"/>
  </si>
  <si>
    <t>東淡路２丁目</t>
    <phoneticPr fontId="8"/>
  </si>
  <si>
    <t>東淡路３丁目</t>
    <phoneticPr fontId="8"/>
  </si>
  <si>
    <t>東淡路４丁目</t>
    <phoneticPr fontId="8"/>
  </si>
  <si>
    <t>東淡路５丁目</t>
    <phoneticPr fontId="8"/>
  </si>
  <si>
    <t>淡路</t>
    <phoneticPr fontId="8"/>
  </si>
  <si>
    <t>淡路１丁目</t>
    <phoneticPr fontId="8"/>
  </si>
  <si>
    <t>淡路２丁目</t>
    <phoneticPr fontId="8"/>
  </si>
  <si>
    <t>淡路３丁目</t>
    <phoneticPr fontId="8"/>
  </si>
  <si>
    <t>淡路４丁目</t>
    <phoneticPr fontId="8"/>
  </si>
  <si>
    <t>淡路５丁目</t>
    <phoneticPr fontId="8"/>
  </si>
  <si>
    <t>西淡路</t>
    <phoneticPr fontId="8"/>
  </si>
  <si>
    <t>西淡路１丁目</t>
    <phoneticPr fontId="8"/>
  </si>
  <si>
    <t>西淡路２丁目</t>
    <phoneticPr fontId="8"/>
  </si>
  <si>
    <t>西淡路３丁目</t>
    <phoneticPr fontId="8"/>
  </si>
  <si>
    <t>西淡路４丁目</t>
    <phoneticPr fontId="8"/>
  </si>
  <si>
    <t>西淡路５丁目</t>
    <phoneticPr fontId="8"/>
  </si>
  <si>
    <t>西淡路６丁目</t>
    <phoneticPr fontId="8"/>
  </si>
  <si>
    <t>東中島</t>
    <phoneticPr fontId="8"/>
  </si>
  <si>
    <t>東中島１丁目</t>
    <phoneticPr fontId="8"/>
  </si>
  <si>
    <t>東中島２丁目</t>
    <phoneticPr fontId="8"/>
  </si>
  <si>
    <t>東中島３丁目</t>
    <phoneticPr fontId="8"/>
  </si>
  <si>
    <t>東中島４丁目</t>
    <phoneticPr fontId="8"/>
  </si>
  <si>
    <t>東中島５丁目</t>
    <phoneticPr fontId="8"/>
  </si>
  <si>
    <t>東中島６丁目</t>
    <phoneticPr fontId="8"/>
  </si>
  <si>
    <t>柴島</t>
    <phoneticPr fontId="8"/>
  </si>
  <si>
    <t>柴島１丁目</t>
    <phoneticPr fontId="8"/>
  </si>
  <si>
    <t>柴島２丁目</t>
    <phoneticPr fontId="8"/>
  </si>
  <si>
    <t>柴島３丁目</t>
    <phoneticPr fontId="8"/>
  </si>
  <si>
    <t>東成区</t>
    <phoneticPr fontId="8"/>
  </si>
  <si>
    <t>中道</t>
    <phoneticPr fontId="8"/>
  </si>
  <si>
    <t>中道１丁目</t>
    <phoneticPr fontId="8"/>
  </si>
  <si>
    <t>中道２丁目</t>
    <phoneticPr fontId="8"/>
  </si>
  <si>
    <t>中道３丁目</t>
    <phoneticPr fontId="8"/>
  </si>
  <si>
    <t>中道４丁目</t>
    <phoneticPr fontId="8"/>
  </si>
  <si>
    <t>東小橋</t>
    <phoneticPr fontId="8"/>
  </si>
  <si>
    <t>東小橋１丁目</t>
    <phoneticPr fontId="8"/>
  </si>
  <si>
    <t>東小橋２丁目</t>
    <phoneticPr fontId="8"/>
  </si>
  <si>
    <t>東小橋３丁目</t>
    <phoneticPr fontId="8"/>
  </si>
  <si>
    <t>玉津</t>
    <phoneticPr fontId="8"/>
  </si>
  <si>
    <t>玉津１丁目</t>
    <phoneticPr fontId="8"/>
  </si>
  <si>
    <t>玉津２丁目</t>
    <phoneticPr fontId="8"/>
  </si>
  <si>
    <t>玉津３丁目</t>
    <phoneticPr fontId="8"/>
  </si>
  <si>
    <t>中本</t>
    <phoneticPr fontId="8"/>
  </si>
  <si>
    <t>中本１丁目</t>
    <phoneticPr fontId="8"/>
  </si>
  <si>
    <t>中本２丁目</t>
    <phoneticPr fontId="8"/>
  </si>
  <si>
    <t>中本３丁目</t>
    <phoneticPr fontId="8"/>
  </si>
  <si>
    <t>中本４丁目</t>
    <phoneticPr fontId="8"/>
  </si>
  <si>
    <t>中本５丁目</t>
    <phoneticPr fontId="8"/>
  </si>
  <si>
    <t>大今里西</t>
    <phoneticPr fontId="8"/>
  </si>
  <si>
    <t>大今里西１丁目</t>
    <phoneticPr fontId="8"/>
  </si>
  <si>
    <t>大今里西２丁目</t>
    <phoneticPr fontId="8"/>
  </si>
  <si>
    <t>大今里西３丁目</t>
    <phoneticPr fontId="8"/>
  </si>
  <si>
    <t>東中本</t>
    <phoneticPr fontId="8"/>
  </si>
  <si>
    <t>東中本１丁目</t>
    <phoneticPr fontId="8"/>
  </si>
  <si>
    <t>東中本２丁目</t>
    <phoneticPr fontId="8"/>
  </si>
  <si>
    <t>東中本３丁目</t>
    <phoneticPr fontId="8"/>
  </si>
  <si>
    <t>東今里</t>
    <phoneticPr fontId="8"/>
  </si>
  <si>
    <t>東今里１丁目</t>
    <phoneticPr fontId="8"/>
  </si>
  <si>
    <t>東今里２丁目</t>
    <phoneticPr fontId="8"/>
  </si>
  <si>
    <t>東今里３丁目</t>
    <phoneticPr fontId="8"/>
  </si>
  <si>
    <t>大今里</t>
    <phoneticPr fontId="8"/>
  </si>
  <si>
    <t>大今里１丁目</t>
    <phoneticPr fontId="8"/>
  </si>
  <si>
    <t>大今里２丁目</t>
    <phoneticPr fontId="8"/>
  </si>
  <si>
    <t>大今里３丁目</t>
    <phoneticPr fontId="8"/>
  </si>
  <si>
    <t>大今里４丁目</t>
    <phoneticPr fontId="8"/>
  </si>
  <si>
    <t>大今里南</t>
    <phoneticPr fontId="8"/>
  </si>
  <si>
    <t>大今里南１丁目</t>
    <phoneticPr fontId="8"/>
  </si>
  <si>
    <t>大今里南２丁目</t>
    <phoneticPr fontId="8"/>
  </si>
  <si>
    <t>大今里南３丁目</t>
    <phoneticPr fontId="8"/>
  </si>
  <si>
    <t>大今里南４丁目</t>
    <phoneticPr fontId="8"/>
  </si>
  <si>
    <t>大今里南５丁目</t>
    <phoneticPr fontId="8"/>
  </si>
  <si>
    <t>大今里南６丁目</t>
    <phoneticPr fontId="8"/>
  </si>
  <si>
    <t>神路</t>
    <phoneticPr fontId="8"/>
  </si>
  <si>
    <t>神路１丁目</t>
    <phoneticPr fontId="8"/>
  </si>
  <si>
    <t>神路２丁目</t>
    <phoneticPr fontId="8"/>
  </si>
  <si>
    <t>神路３丁目</t>
    <phoneticPr fontId="8"/>
  </si>
  <si>
    <t>神路４丁目</t>
    <phoneticPr fontId="8"/>
  </si>
  <si>
    <t>深江北</t>
    <phoneticPr fontId="8"/>
  </si>
  <si>
    <t>深江北１丁目</t>
    <phoneticPr fontId="8"/>
  </si>
  <si>
    <t>深江北２丁目</t>
    <phoneticPr fontId="8"/>
  </si>
  <si>
    <t>深江北３丁目</t>
    <phoneticPr fontId="8"/>
  </si>
  <si>
    <t>深江南</t>
    <phoneticPr fontId="8"/>
  </si>
  <si>
    <t>深江南１丁目</t>
    <phoneticPr fontId="8"/>
  </si>
  <si>
    <t>深江南２丁目</t>
    <phoneticPr fontId="8"/>
  </si>
  <si>
    <t>深江南３丁目</t>
    <phoneticPr fontId="8"/>
  </si>
  <si>
    <t>生野区</t>
    <phoneticPr fontId="8"/>
  </si>
  <si>
    <t>鶴橋</t>
    <phoneticPr fontId="8"/>
  </si>
  <si>
    <t>鶴橋１丁目</t>
    <phoneticPr fontId="8"/>
  </si>
  <si>
    <t>鶴橋２丁目</t>
    <phoneticPr fontId="8"/>
  </si>
  <si>
    <t>鶴橋３丁目</t>
    <phoneticPr fontId="8"/>
  </si>
  <si>
    <t>鶴橋４丁目</t>
    <phoneticPr fontId="8"/>
  </si>
  <si>
    <t>鶴橋５丁目</t>
    <phoneticPr fontId="8"/>
  </si>
  <si>
    <t>桃谷</t>
    <phoneticPr fontId="8"/>
  </si>
  <si>
    <t>桃谷１丁目</t>
    <phoneticPr fontId="8"/>
  </si>
  <si>
    <t>桃谷２丁目</t>
    <phoneticPr fontId="8"/>
  </si>
  <si>
    <t>桃谷３丁目</t>
    <phoneticPr fontId="8"/>
  </si>
  <si>
    <t>桃谷４丁目</t>
    <phoneticPr fontId="8"/>
  </si>
  <si>
    <t>桃谷５丁目</t>
    <phoneticPr fontId="8"/>
  </si>
  <si>
    <t>勝山北</t>
    <phoneticPr fontId="8"/>
  </si>
  <si>
    <t>勝山北１丁目</t>
    <phoneticPr fontId="8"/>
  </si>
  <si>
    <t>勝山北２丁目</t>
    <phoneticPr fontId="8"/>
  </si>
  <si>
    <t>勝山北３丁目</t>
    <phoneticPr fontId="8"/>
  </si>
  <si>
    <t>勝山北４丁目</t>
    <phoneticPr fontId="8"/>
  </si>
  <si>
    <t>勝山北５丁目</t>
    <phoneticPr fontId="8"/>
  </si>
  <si>
    <t>勝山南</t>
    <phoneticPr fontId="8"/>
  </si>
  <si>
    <t>勝山南１丁目</t>
    <phoneticPr fontId="8"/>
  </si>
  <si>
    <t>勝山南２丁目</t>
    <phoneticPr fontId="8"/>
  </si>
  <si>
    <t>勝山南３丁目</t>
    <phoneticPr fontId="8"/>
  </si>
  <si>
    <t>勝山南４丁目</t>
    <phoneticPr fontId="8"/>
  </si>
  <si>
    <t>生野西</t>
    <phoneticPr fontId="8"/>
  </si>
  <si>
    <t>生野西１丁目</t>
    <phoneticPr fontId="8"/>
  </si>
  <si>
    <t>生野西２丁目</t>
    <phoneticPr fontId="8"/>
  </si>
  <si>
    <t>生野西３丁目</t>
    <phoneticPr fontId="8"/>
  </si>
  <si>
    <t>生野西４丁目</t>
    <phoneticPr fontId="8"/>
  </si>
  <si>
    <t>生野東</t>
    <phoneticPr fontId="8"/>
  </si>
  <si>
    <t>生野東１丁目</t>
    <phoneticPr fontId="8"/>
  </si>
  <si>
    <t>生野東２丁目</t>
    <phoneticPr fontId="8"/>
  </si>
  <si>
    <t>生野東３丁目</t>
    <phoneticPr fontId="8"/>
  </si>
  <si>
    <t>生野東４丁目</t>
    <phoneticPr fontId="8"/>
  </si>
  <si>
    <t>舎利寺</t>
    <phoneticPr fontId="8"/>
  </si>
  <si>
    <t>舎利寺１丁目</t>
    <phoneticPr fontId="8"/>
  </si>
  <si>
    <t>舎利寺２丁目</t>
    <phoneticPr fontId="8"/>
  </si>
  <si>
    <t>舎利寺３丁目</t>
    <phoneticPr fontId="8"/>
  </si>
  <si>
    <t>林寺</t>
    <phoneticPr fontId="8"/>
  </si>
  <si>
    <t>林寺１丁目</t>
    <phoneticPr fontId="8"/>
  </si>
  <si>
    <t>林寺２丁目</t>
    <phoneticPr fontId="8"/>
  </si>
  <si>
    <t>林寺３丁目</t>
    <phoneticPr fontId="8"/>
  </si>
  <si>
    <t>林寺４丁目</t>
    <phoneticPr fontId="8"/>
  </si>
  <si>
    <t>林寺５丁目</t>
    <phoneticPr fontId="8"/>
  </si>
  <si>
    <t>林寺６丁目</t>
    <phoneticPr fontId="8"/>
  </si>
  <si>
    <t>田島</t>
    <phoneticPr fontId="8"/>
  </si>
  <si>
    <t>田島１丁目</t>
    <phoneticPr fontId="8"/>
  </si>
  <si>
    <t>田島２丁目</t>
    <phoneticPr fontId="8"/>
  </si>
  <si>
    <t>田島３丁目</t>
    <phoneticPr fontId="8"/>
  </si>
  <si>
    <t>田島４丁目</t>
    <phoneticPr fontId="8"/>
  </si>
  <si>
    <t>田島５丁目</t>
    <phoneticPr fontId="8"/>
  </si>
  <si>
    <t>田島６丁目</t>
    <phoneticPr fontId="8"/>
  </si>
  <si>
    <t>中川</t>
    <phoneticPr fontId="8"/>
  </si>
  <si>
    <t>中川１丁目</t>
    <phoneticPr fontId="8"/>
  </si>
  <si>
    <t>中川２丁目</t>
    <phoneticPr fontId="8"/>
  </si>
  <si>
    <t>中川３丁目</t>
    <phoneticPr fontId="8"/>
  </si>
  <si>
    <t>中川４丁目</t>
    <phoneticPr fontId="8"/>
  </si>
  <si>
    <t>中川５丁目</t>
    <phoneticPr fontId="8"/>
  </si>
  <si>
    <t>中川６丁目</t>
    <phoneticPr fontId="8"/>
  </si>
  <si>
    <t>中川西</t>
    <phoneticPr fontId="8"/>
  </si>
  <si>
    <t>中川西１丁目</t>
    <phoneticPr fontId="8"/>
  </si>
  <si>
    <t>中川西２丁目</t>
    <phoneticPr fontId="8"/>
  </si>
  <si>
    <t>中川西３丁目</t>
    <phoneticPr fontId="8"/>
  </si>
  <si>
    <t>中川東</t>
    <phoneticPr fontId="8"/>
  </si>
  <si>
    <t>中川東１丁目</t>
    <phoneticPr fontId="8"/>
  </si>
  <si>
    <t>中川東２丁目</t>
    <phoneticPr fontId="8"/>
  </si>
  <si>
    <t>新今里</t>
    <phoneticPr fontId="8"/>
  </si>
  <si>
    <t>新今里１丁目</t>
    <phoneticPr fontId="8"/>
  </si>
  <si>
    <t>新今里２丁目</t>
    <phoneticPr fontId="8"/>
  </si>
  <si>
    <t>新今里３丁目</t>
    <phoneticPr fontId="8"/>
  </si>
  <si>
    <t>新今里４丁目</t>
    <phoneticPr fontId="8"/>
  </si>
  <si>
    <t>新今里５丁目</t>
    <phoneticPr fontId="8"/>
  </si>
  <si>
    <t>新今里６丁目</t>
    <phoneticPr fontId="8"/>
  </si>
  <si>
    <t>新今里７丁目</t>
    <phoneticPr fontId="8"/>
  </si>
  <si>
    <t>小路</t>
    <phoneticPr fontId="8"/>
  </si>
  <si>
    <t>小路１丁目</t>
    <phoneticPr fontId="8"/>
  </si>
  <si>
    <t>小路２丁目</t>
    <phoneticPr fontId="8"/>
  </si>
  <si>
    <t>小路３丁目</t>
    <phoneticPr fontId="8"/>
  </si>
  <si>
    <t>小路東</t>
    <phoneticPr fontId="8"/>
  </si>
  <si>
    <t>小路東１丁目</t>
    <phoneticPr fontId="8"/>
  </si>
  <si>
    <t>小路東２丁目</t>
    <phoneticPr fontId="8"/>
  </si>
  <si>
    <t>小路東３丁目</t>
    <phoneticPr fontId="8"/>
  </si>
  <si>
    <t>小路東４丁目</t>
    <phoneticPr fontId="8"/>
  </si>
  <si>
    <t>小路東５丁目</t>
    <phoneticPr fontId="8"/>
  </si>
  <si>
    <t>小路東６丁目</t>
    <phoneticPr fontId="8"/>
  </si>
  <si>
    <t>巽中</t>
    <phoneticPr fontId="8"/>
  </si>
  <si>
    <t>巽中１丁目</t>
    <phoneticPr fontId="8"/>
  </si>
  <si>
    <t>巽中２丁目</t>
    <phoneticPr fontId="8"/>
  </si>
  <si>
    <t>巽中３丁目</t>
    <phoneticPr fontId="8"/>
  </si>
  <si>
    <t>巽中４丁目</t>
    <phoneticPr fontId="8"/>
  </si>
  <si>
    <t>巽西</t>
    <phoneticPr fontId="8"/>
  </si>
  <si>
    <t>巽西１丁目</t>
    <phoneticPr fontId="8"/>
  </si>
  <si>
    <t>巽西２丁目</t>
    <phoneticPr fontId="8"/>
  </si>
  <si>
    <t>巽西３丁目</t>
    <phoneticPr fontId="8"/>
  </si>
  <si>
    <t>巽西４丁目</t>
    <phoneticPr fontId="8"/>
  </si>
  <si>
    <t>巽東</t>
    <phoneticPr fontId="8"/>
  </si>
  <si>
    <t>巽東１丁目</t>
    <phoneticPr fontId="8"/>
  </si>
  <si>
    <t>巽東２丁目</t>
    <phoneticPr fontId="8"/>
  </si>
  <si>
    <t>巽東３丁目</t>
    <phoneticPr fontId="8"/>
  </si>
  <si>
    <t>巽東４丁目</t>
    <phoneticPr fontId="8"/>
  </si>
  <si>
    <t>巽南</t>
    <phoneticPr fontId="8"/>
  </si>
  <si>
    <t>巽南１丁目</t>
    <phoneticPr fontId="8"/>
  </si>
  <si>
    <t>巽南２丁目</t>
    <phoneticPr fontId="8"/>
  </si>
  <si>
    <t>巽南３丁目</t>
    <phoneticPr fontId="8"/>
  </si>
  <si>
    <t>巽南４丁目</t>
    <phoneticPr fontId="8"/>
  </si>
  <si>
    <t>巽南５丁目</t>
    <phoneticPr fontId="8"/>
  </si>
  <si>
    <t>巽北</t>
    <phoneticPr fontId="8"/>
  </si>
  <si>
    <t>巽北１丁目</t>
    <phoneticPr fontId="8"/>
  </si>
  <si>
    <t>巽北２丁目</t>
    <phoneticPr fontId="8"/>
  </si>
  <si>
    <t>巽北３丁目</t>
    <phoneticPr fontId="8"/>
  </si>
  <si>
    <t>巽北４丁目</t>
    <phoneticPr fontId="8"/>
  </si>
  <si>
    <t>旭区</t>
    <phoneticPr fontId="8"/>
  </si>
  <si>
    <t>大宮</t>
    <phoneticPr fontId="8"/>
  </si>
  <si>
    <t>大宮１丁目</t>
    <phoneticPr fontId="8"/>
  </si>
  <si>
    <t>大宮２丁目</t>
    <phoneticPr fontId="8"/>
  </si>
  <si>
    <t>大宮３丁目</t>
    <phoneticPr fontId="8"/>
  </si>
  <si>
    <t>大宮４丁目</t>
    <phoneticPr fontId="8"/>
  </si>
  <si>
    <t>大宮５丁目</t>
    <phoneticPr fontId="8"/>
  </si>
  <si>
    <t>中宮</t>
    <phoneticPr fontId="8"/>
  </si>
  <si>
    <t>中宮１丁目</t>
    <phoneticPr fontId="8"/>
  </si>
  <si>
    <t>中宮２丁目</t>
    <phoneticPr fontId="8"/>
  </si>
  <si>
    <t>中宮３丁目</t>
    <phoneticPr fontId="8"/>
  </si>
  <si>
    <t>中宮４丁目</t>
    <phoneticPr fontId="8"/>
  </si>
  <si>
    <t>中宮５丁目</t>
    <phoneticPr fontId="8"/>
  </si>
  <si>
    <t>生江</t>
    <phoneticPr fontId="8"/>
  </si>
  <si>
    <t>生江１丁目</t>
    <phoneticPr fontId="8"/>
  </si>
  <si>
    <t>生江２丁目</t>
    <phoneticPr fontId="8"/>
  </si>
  <si>
    <t>生江３丁目</t>
    <phoneticPr fontId="8"/>
  </si>
  <si>
    <t>赤川</t>
    <phoneticPr fontId="8"/>
  </si>
  <si>
    <t>赤川１丁目</t>
    <phoneticPr fontId="8"/>
  </si>
  <si>
    <t>赤川２丁目</t>
    <phoneticPr fontId="8"/>
  </si>
  <si>
    <t>赤川３丁目</t>
    <phoneticPr fontId="8"/>
  </si>
  <si>
    <t>赤川４丁目</t>
    <phoneticPr fontId="8"/>
  </si>
  <si>
    <t>太子橋</t>
    <phoneticPr fontId="8"/>
  </si>
  <si>
    <t>太子橋１丁目</t>
    <phoneticPr fontId="8"/>
  </si>
  <si>
    <t>太子橋２丁目</t>
    <phoneticPr fontId="8"/>
  </si>
  <si>
    <t>太子橋３丁目</t>
    <phoneticPr fontId="8"/>
  </si>
  <si>
    <t>今市</t>
    <phoneticPr fontId="8"/>
  </si>
  <si>
    <t>今市１丁目</t>
    <phoneticPr fontId="8"/>
  </si>
  <si>
    <t>今市２丁目</t>
    <phoneticPr fontId="8"/>
  </si>
  <si>
    <t>千林</t>
    <phoneticPr fontId="8"/>
  </si>
  <si>
    <t>千林１丁目</t>
    <phoneticPr fontId="8"/>
  </si>
  <si>
    <t>千林２丁目</t>
    <phoneticPr fontId="8"/>
  </si>
  <si>
    <t>森小路</t>
    <phoneticPr fontId="8"/>
  </si>
  <si>
    <t>森小路１丁目</t>
    <phoneticPr fontId="8"/>
  </si>
  <si>
    <t>森小路２丁目</t>
    <phoneticPr fontId="8"/>
  </si>
  <si>
    <t>清水</t>
    <phoneticPr fontId="8"/>
  </si>
  <si>
    <t>清水１丁目</t>
    <phoneticPr fontId="8"/>
  </si>
  <si>
    <t>清水２丁目</t>
    <phoneticPr fontId="8"/>
  </si>
  <si>
    <t>清水３丁目</t>
    <phoneticPr fontId="8"/>
  </si>
  <si>
    <t>清水４丁目</t>
    <phoneticPr fontId="8"/>
  </si>
  <si>
    <t>清水５丁目</t>
    <phoneticPr fontId="8"/>
  </si>
  <si>
    <t>新森</t>
    <phoneticPr fontId="8"/>
  </si>
  <si>
    <t>新森１丁目</t>
    <phoneticPr fontId="8"/>
  </si>
  <si>
    <t>新森２丁目</t>
    <phoneticPr fontId="8"/>
  </si>
  <si>
    <t>新森３丁目</t>
    <phoneticPr fontId="8"/>
  </si>
  <si>
    <t>新森４丁目</t>
    <phoneticPr fontId="8"/>
  </si>
  <si>
    <t>新森５丁目</t>
    <phoneticPr fontId="8"/>
  </si>
  <si>
    <t>新森６丁目</t>
    <phoneticPr fontId="8"/>
  </si>
  <si>
    <t>新森７丁目</t>
    <phoneticPr fontId="8"/>
  </si>
  <si>
    <t>高殿</t>
    <phoneticPr fontId="8"/>
  </si>
  <si>
    <t>高殿１丁目</t>
    <phoneticPr fontId="8"/>
  </si>
  <si>
    <t>高殿２丁目</t>
    <phoneticPr fontId="8"/>
  </si>
  <si>
    <t>高殿３丁目</t>
    <phoneticPr fontId="8"/>
  </si>
  <si>
    <t>高殿４丁目</t>
    <phoneticPr fontId="8"/>
  </si>
  <si>
    <t>高殿５丁目</t>
    <phoneticPr fontId="8"/>
  </si>
  <si>
    <t>高殿６丁目</t>
    <phoneticPr fontId="8"/>
  </si>
  <si>
    <t>高殿７丁目</t>
    <phoneticPr fontId="8"/>
  </si>
  <si>
    <t>城東区</t>
    <phoneticPr fontId="8"/>
  </si>
  <si>
    <t>野江</t>
    <phoneticPr fontId="8"/>
  </si>
  <si>
    <t>野江１丁目</t>
    <phoneticPr fontId="8"/>
  </si>
  <si>
    <t>野江２丁目</t>
    <phoneticPr fontId="8"/>
  </si>
  <si>
    <t>野江３丁目</t>
    <phoneticPr fontId="8"/>
  </si>
  <si>
    <t>野江４丁目</t>
    <phoneticPr fontId="8"/>
  </si>
  <si>
    <t>成育</t>
    <phoneticPr fontId="8"/>
  </si>
  <si>
    <t>成育１丁目</t>
    <phoneticPr fontId="8"/>
  </si>
  <si>
    <t>成育２丁目</t>
    <phoneticPr fontId="8"/>
  </si>
  <si>
    <t>成育３丁目</t>
    <phoneticPr fontId="8"/>
  </si>
  <si>
    <t>成育４丁目</t>
    <phoneticPr fontId="8"/>
  </si>
  <si>
    <t>成育５丁目</t>
    <phoneticPr fontId="8"/>
  </si>
  <si>
    <t>中央</t>
    <phoneticPr fontId="8"/>
  </si>
  <si>
    <t>中央１丁目</t>
    <phoneticPr fontId="8"/>
  </si>
  <si>
    <t>中央２丁目</t>
    <phoneticPr fontId="8"/>
  </si>
  <si>
    <t>中央３丁目</t>
    <phoneticPr fontId="8"/>
  </si>
  <si>
    <t>関目</t>
    <phoneticPr fontId="8"/>
  </si>
  <si>
    <t>関目１丁目</t>
    <phoneticPr fontId="8"/>
  </si>
  <si>
    <t>関目２丁目</t>
    <phoneticPr fontId="8"/>
  </si>
  <si>
    <t>関目３丁目</t>
    <phoneticPr fontId="8"/>
  </si>
  <si>
    <t>関目４丁目</t>
    <phoneticPr fontId="8"/>
  </si>
  <si>
    <t>関目５丁目</t>
    <phoneticPr fontId="8"/>
  </si>
  <si>
    <t>関目６丁目</t>
    <phoneticPr fontId="8"/>
  </si>
  <si>
    <t>古市</t>
    <phoneticPr fontId="8"/>
  </si>
  <si>
    <t>古市１丁目</t>
    <phoneticPr fontId="8"/>
  </si>
  <si>
    <t>古市２丁目</t>
    <phoneticPr fontId="8"/>
  </si>
  <si>
    <t>古市３丁目</t>
    <phoneticPr fontId="8"/>
  </si>
  <si>
    <t>今福東</t>
    <phoneticPr fontId="8"/>
  </si>
  <si>
    <t>今福東１丁目</t>
    <phoneticPr fontId="8"/>
  </si>
  <si>
    <t>今福東２丁目</t>
    <phoneticPr fontId="8"/>
  </si>
  <si>
    <t>今福東３丁目</t>
    <phoneticPr fontId="8"/>
  </si>
  <si>
    <t>今福西</t>
    <phoneticPr fontId="8"/>
  </si>
  <si>
    <t>今福西１丁目</t>
    <phoneticPr fontId="8"/>
  </si>
  <si>
    <t>今福西２丁目</t>
    <phoneticPr fontId="8"/>
  </si>
  <si>
    <t>今福西３丁目</t>
    <phoneticPr fontId="8"/>
  </si>
  <si>
    <t>今福西４丁目</t>
    <phoneticPr fontId="8"/>
  </si>
  <si>
    <t>今福西５丁目</t>
    <phoneticPr fontId="8"/>
  </si>
  <si>
    <t>今福西６丁目</t>
    <phoneticPr fontId="8"/>
  </si>
  <si>
    <t>今福南</t>
    <phoneticPr fontId="8"/>
  </si>
  <si>
    <t>今福南１丁目</t>
    <phoneticPr fontId="8"/>
  </si>
  <si>
    <t>今福南２丁目</t>
    <phoneticPr fontId="8"/>
  </si>
  <si>
    <t>今福南３丁目</t>
    <phoneticPr fontId="8"/>
  </si>
  <si>
    <t>今福南４丁目</t>
    <phoneticPr fontId="8"/>
  </si>
  <si>
    <t>蒲生</t>
    <phoneticPr fontId="8"/>
  </si>
  <si>
    <t>蒲生１丁目</t>
    <phoneticPr fontId="8"/>
  </si>
  <si>
    <t>蒲生２丁目</t>
    <phoneticPr fontId="8"/>
  </si>
  <si>
    <t>蒲生３丁目</t>
    <phoneticPr fontId="8"/>
  </si>
  <si>
    <t>蒲生４丁目</t>
    <phoneticPr fontId="8"/>
  </si>
  <si>
    <t>新喜多</t>
    <phoneticPr fontId="8"/>
  </si>
  <si>
    <t>新喜多１丁目</t>
    <phoneticPr fontId="8"/>
  </si>
  <si>
    <t>新喜多２丁目</t>
    <phoneticPr fontId="8"/>
  </si>
  <si>
    <t>新喜多東</t>
    <phoneticPr fontId="8"/>
  </si>
  <si>
    <t>新喜多東１丁目</t>
    <phoneticPr fontId="8"/>
  </si>
  <si>
    <t>新喜多東２丁目</t>
    <phoneticPr fontId="8"/>
  </si>
  <si>
    <t>放出西</t>
    <phoneticPr fontId="8"/>
  </si>
  <si>
    <t>放出西１丁目</t>
    <phoneticPr fontId="8"/>
  </si>
  <si>
    <t>放出西２丁目</t>
    <phoneticPr fontId="8"/>
  </si>
  <si>
    <t>放出西３丁目</t>
    <phoneticPr fontId="8"/>
  </si>
  <si>
    <t>天王田</t>
    <phoneticPr fontId="8"/>
  </si>
  <si>
    <t>鴫野東</t>
    <phoneticPr fontId="8"/>
  </si>
  <si>
    <t>鴫野東１丁目</t>
    <phoneticPr fontId="8"/>
  </si>
  <si>
    <t>鴫野東２丁目</t>
    <phoneticPr fontId="8"/>
  </si>
  <si>
    <t>鴫野東３丁目</t>
    <phoneticPr fontId="8"/>
  </si>
  <si>
    <t>鴫野西</t>
    <phoneticPr fontId="8"/>
  </si>
  <si>
    <t>鴫野西１丁目</t>
    <phoneticPr fontId="8"/>
  </si>
  <si>
    <t>鴫野西２丁目</t>
    <phoneticPr fontId="8"/>
  </si>
  <si>
    <t>鴫野西３丁目</t>
    <phoneticPr fontId="8"/>
  </si>
  <si>
    <t>鴫野西４丁目</t>
    <phoneticPr fontId="8"/>
  </si>
  <si>
    <t>鴫野西５丁目</t>
    <phoneticPr fontId="8"/>
  </si>
  <si>
    <t>森之宮</t>
    <phoneticPr fontId="8"/>
  </si>
  <si>
    <t>森之宮１丁目</t>
    <phoneticPr fontId="8"/>
  </si>
  <si>
    <t>森之宮２丁目</t>
    <phoneticPr fontId="8"/>
  </si>
  <si>
    <t>中浜</t>
    <phoneticPr fontId="8"/>
  </si>
  <si>
    <t>中浜１丁目</t>
    <phoneticPr fontId="8"/>
  </si>
  <si>
    <t>中浜２丁目</t>
    <phoneticPr fontId="8"/>
  </si>
  <si>
    <t>中浜３丁目</t>
    <phoneticPr fontId="8"/>
  </si>
  <si>
    <t>東中浜</t>
    <phoneticPr fontId="8"/>
  </si>
  <si>
    <t>東中浜１丁目</t>
    <phoneticPr fontId="8"/>
  </si>
  <si>
    <t>東中浜２丁目</t>
    <phoneticPr fontId="8"/>
  </si>
  <si>
    <t>東中浜３丁目</t>
    <phoneticPr fontId="8"/>
  </si>
  <si>
    <t>東中浜４丁目</t>
    <phoneticPr fontId="8"/>
  </si>
  <si>
    <t>東中浜５丁目</t>
    <phoneticPr fontId="8"/>
  </si>
  <si>
    <t>東中浜６丁目</t>
    <phoneticPr fontId="8"/>
  </si>
  <si>
    <t>東中浜７丁目</t>
    <phoneticPr fontId="8"/>
  </si>
  <si>
    <t>東中浜８丁目</t>
    <phoneticPr fontId="8"/>
  </si>
  <si>
    <t>東中浜９丁目</t>
    <phoneticPr fontId="8"/>
  </si>
  <si>
    <t>永田</t>
    <phoneticPr fontId="8"/>
  </si>
  <si>
    <t>永田１丁目</t>
    <phoneticPr fontId="8"/>
  </si>
  <si>
    <t>永田２丁目</t>
    <phoneticPr fontId="8"/>
  </si>
  <si>
    <t>永田３丁目</t>
    <phoneticPr fontId="8"/>
  </si>
  <si>
    <t>永田４丁目</t>
    <phoneticPr fontId="8"/>
  </si>
  <si>
    <t>諏訪</t>
    <phoneticPr fontId="8"/>
  </si>
  <si>
    <t>諏訪１丁目</t>
    <phoneticPr fontId="8"/>
  </si>
  <si>
    <t>諏訪２丁目</t>
    <phoneticPr fontId="8"/>
  </si>
  <si>
    <t>諏訪３丁目</t>
    <phoneticPr fontId="8"/>
  </si>
  <si>
    <t>諏訪４丁目</t>
    <phoneticPr fontId="8"/>
  </si>
  <si>
    <t>鶴見区</t>
    <phoneticPr fontId="8"/>
  </si>
  <si>
    <t>緑</t>
    <phoneticPr fontId="8"/>
  </si>
  <si>
    <t>緑１丁目</t>
    <phoneticPr fontId="8"/>
  </si>
  <si>
    <t>緑２丁目</t>
    <phoneticPr fontId="8"/>
  </si>
  <si>
    <t>緑３丁目</t>
    <phoneticPr fontId="8"/>
  </si>
  <si>
    <t>緑４丁目</t>
    <phoneticPr fontId="8"/>
  </si>
  <si>
    <t>鶴見</t>
    <phoneticPr fontId="8"/>
  </si>
  <si>
    <t>鶴見１丁目</t>
    <phoneticPr fontId="8"/>
  </si>
  <si>
    <t>鶴見２丁目</t>
    <phoneticPr fontId="8"/>
  </si>
  <si>
    <t>鶴見３丁目</t>
    <phoneticPr fontId="8"/>
  </si>
  <si>
    <t>鶴見４丁目</t>
    <phoneticPr fontId="8"/>
  </si>
  <si>
    <t>鶴見５丁目</t>
    <phoneticPr fontId="8"/>
  </si>
  <si>
    <t>鶴見６丁目</t>
    <phoneticPr fontId="8"/>
  </si>
  <si>
    <t>放出東</t>
    <phoneticPr fontId="8"/>
  </si>
  <si>
    <t>放出東１丁目</t>
    <phoneticPr fontId="8"/>
  </si>
  <si>
    <t>放出東２丁目</t>
    <phoneticPr fontId="8"/>
  </si>
  <si>
    <t>放出東３丁目</t>
    <phoneticPr fontId="8"/>
  </si>
  <si>
    <t>今津北</t>
    <phoneticPr fontId="8"/>
  </si>
  <si>
    <t>今津北１丁目</t>
    <phoneticPr fontId="8"/>
  </si>
  <si>
    <t>今津北２丁目</t>
    <phoneticPr fontId="8"/>
  </si>
  <si>
    <t>今津北３丁目</t>
    <phoneticPr fontId="8"/>
  </si>
  <si>
    <t>今津北４丁目</t>
    <phoneticPr fontId="8"/>
  </si>
  <si>
    <t>今津北５丁目</t>
    <phoneticPr fontId="8"/>
  </si>
  <si>
    <t>今津中</t>
    <phoneticPr fontId="8"/>
  </si>
  <si>
    <t>今津中１丁目</t>
    <phoneticPr fontId="8"/>
  </si>
  <si>
    <t>今津中２丁目</t>
    <phoneticPr fontId="8"/>
  </si>
  <si>
    <t>今津中３丁目</t>
    <phoneticPr fontId="8"/>
  </si>
  <si>
    <t>今津中４丁目</t>
    <phoneticPr fontId="8"/>
  </si>
  <si>
    <t>今津中５丁目</t>
    <phoneticPr fontId="8"/>
  </si>
  <si>
    <t>今津南</t>
    <phoneticPr fontId="8"/>
  </si>
  <si>
    <t>今津南１丁目</t>
    <phoneticPr fontId="8"/>
  </si>
  <si>
    <t>今津南２丁目</t>
    <phoneticPr fontId="8"/>
  </si>
  <si>
    <t>今津南３丁目</t>
    <phoneticPr fontId="8"/>
  </si>
  <si>
    <t>今津南４丁目</t>
    <phoneticPr fontId="8"/>
  </si>
  <si>
    <t>諸口</t>
    <phoneticPr fontId="8"/>
  </si>
  <si>
    <t>諸口１丁目</t>
    <phoneticPr fontId="8"/>
  </si>
  <si>
    <t>諸口２丁目</t>
    <phoneticPr fontId="8"/>
  </si>
  <si>
    <t>諸口３丁目</t>
    <phoneticPr fontId="8"/>
  </si>
  <si>
    <t>諸口４丁目</t>
    <phoneticPr fontId="8"/>
  </si>
  <si>
    <t>諸口５丁目</t>
    <phoneticPr fontId="8"/>
  </si>
  <si>
    <t>諸口６丁目</t>
    <phoneticPr fontId="8"/>
  </si>
  <si>
    <t>徳庵</t>
    <phoneticPr fontId="8"/>
  </si>
  <si>
    <t>徳庵１丁目</t>
    <phoneticPr fontId="8"/>
  </si>
  <si>
    <t>徳庵２丁目</t>
    <phoneticPr fontId="8"/>
  </si>
  <si>
    <t>中茶屋</t>
    <phoneticPr fontId="8"/>
  </si>
  <si>
    <t>中茶屋１丁目</t>
    <phoneticPr fontId="8"/>
  </si>
  <si>
    <t>中茶屋２丁目</t>
    <phoneticPr fontId="8"/>
  </si>
  <si>
    <t>茨田大宮</t>
    <phoneticPr fontId="8"/>
  </si>
  <si>
    <t>茨田大宮１丁目</t>
    <phoneticPr fontId="8"/>
  </si>
  <si>
    <t>茨田大宮２丁目</t>
    <phoneticPr fontId="8"/>
  </si>
  <si>
    <t>茨田大宮３丁目</t>
    <phoneticPr fontId="8"/>
  </si>
  <si>
    <t>茨田大宮４丁目</t>
    <phoneticPr fontId="8"/>
  </si>
  <si>
    <t>焼野</t>
    <phoneticPr fontId="8"/>
  </si>
  <si>
    <t>焼野１丁目</t>
    <phoneticPr fontId="8"/>
  </si>
  <si>
    <t>焼野２丁目</t>
    <phoneticPr fontId="8"/>
  </si>
  <si>
    <t>焼野３丁目</t>
    <phoneticPr fontId="8"/>
  </si>
  <si>
    <t>浜</t>
    <phoneticPr fontId="8"/>
  </si>
  <si>
    <t>浜１丁目</t>
    <phoneticPr fontId="8"/>
  </si>
  <si>
    <t>浜２丁目</t>
    <phoneticPr fontId="8"/>
  </si>
  <si>
    <t>浜３丁目</t>
    <phoneticPr fontId="8"/>
  </si>
  <si>
    <t>浜４丁目</t>
    <phoneticPr fontId="8"/>
  </si>
  <si>
    <t>浜５丁目</t>
    <phoneticPr fontId="8"/>
  </si>
  <si>
    <t>安田</t>
    <phoneticPr fontId="8"/>
  </si>
  <si>
    <t>安田１丁目</t>
    <phoneticPr fontId="8"/>
  </si>
  <si>
    <t>安田２丁目</t>
    <phoneticPr fontId="8"/>
  </si>
  <si>
    <t>安田３丁目</t>
    <phoneticPr fontId="8"/>
  </si>
  <si>
    <t>安田４丁目</t>
    <phoneticPr fontId="8"/>
  </si>
  <si>
    <t>横堤</t>
    <phoneticPr fontId="8"/>
  </si>
  <si>
    <t>横堤１丁目</t>
    <phoneticPr fontId="8"/>
  </si>
  <si>
    <t>横堤２丁目</t>
    <phoneticPr fontId="8"/>
  </si>
  <si>
    <t>横堤３丁目</t>
    <phoneticPr fontId="8"/>
  </si>
  <si>
    <t>横堤４丁目</t>
    <phoneticPr fontId="8"/>
  </si>
  <si>
    <t>横堤５丁目</t>
    <phoneticPr fontId="8"/>
  </si>
  <si>
    <t>緑地公園</t>
    <phoneticPr fontId="8"/>
  </si>
  <si>
    <t>阿倍野区</t>
    <phoneticPr fontId="8"/>
  </si>
  <si>
    <t>天王寺町北</t>
    <phoneticPr fontId="8"/>
  </si>
  <si>
    <t>天王寺町北１丁目</t>
    <phoneticPr fontId="8"/>
  </si>
  <si>
    <t>天王寺町北２丁目</t>
    <phoneticPr fontId="8"/>
  </si>
  <si>
    <t>天王寺町北３丁目</t>
    <phoneticPr fontId="8"/>
  </si>
  <si>
    <t>天王寺町南</t>
    <phoneticPr fontId="8"/>
  </si>
  <si>
    <t>天王寺町南１丁目</t>
    <phoneticPr fontId="8"/>
  </si>
  <si>
    <t>天王寺町南２丁目</t>
    <phoneticPr fontId="8"/>
  </si>
  <si>
    <t>天王寺町南３丁目</t>
    <phoneticPr fontId="8"/>
  </si>
  <si>
    <t>阿倍野筋</t>
    <phoneticPr fontId="8"/>
  </si>
  <si>
    <t>阿倍野筋１丁目</t>
    <phoneticPr fontId="8"/>
  </si>
  <si>
    <t>阿倍野筋２丁目</t>
    <phoneticPr fontId="8"/>
  </si>
  <si>
    <t>阿倍野筋３丁目</t>
    <phoneticPr fontId="8"/>
  </si>
  <si>
    <t>阿倍野筋４丁目</t>
    <phoneticPr fontId="8"/>
  </si>
  <si>
    <t>阿倍野筋５丁目</t>
    <phoneticPr fontId="8"/>
  </si>
  <si>
    <t>松崎町</t>
    <phoneticPr fontId="8"/>
  </si>
  <si>
    <t>松崎町１丁目</t>
    <phoneticPr fontId="8"/>
  </si>
  <si>
    <t>松崎町２丁目</t>
    <phoneticPr fontId="8"/>
  </si>
  <si>
    <t>松崎町３丁目</t>
    <phoneticPr fontId="8"/>
  </si>
  <si>
    <t>松崎町４丁目</t>
    <phoneticPr fontId="8"/>
  </si>
  <si>
    <t>三明町</t>
    <phoneticPr fontId="8"/>
  </si>
  <si>
    <t>三明町１丁目</t>
    <phoneticPr fontId="8"/>
  </si>
  <si>
    <t>三明町２丁目</t>
    <phoneticPr fontId="8"/>
  </si>
  <si>
    <t>美章園</t>
    <phoneticPr fontId="8"/>
  </si>
  <si>
    <t>美章園１丁目</t>
    <phoneticPr fontId="8"/>
  </si>
  <si>
    <t>美章園２丁目</t>
    <phoneticPr fontId="8"/>
  </si>
  <si>
    <t>美章園３丁目</t>
    <phoneticPr fontId="8"/>
  </si>
  <si>
    <t>旭町</t>
    <phoneticPr fontId="8"/>
  </si>
  <si>
    <t>旭町１丁目</t>
    <phoneticPr fontId="8"/>
  </si>
  <si>
    <t>旭町２丁目</t>
    <phoneticPr fontId="8"/>
  </si>
  <si>
    <t>旭町３丁目</t>
    <phoneticPr fontId="8"/>
  </si>
  <si>
    <t>文の里</t>
    <phoneticPr fontId="8"/>
  </si>
  <si>
    <t>文の里１丁目</t>
    <phoneticPr fontId="8"/>
  </si>
  <si>
    <t>文の里２丁目</t>
    <phoneticPr fontId="8"/>
  </si>
  <si>
    <t>文の里３丁目</t>
    <phoneticPr fontId="8"/>
  </si>
  <si>
    <t>文の里４丁目</t>
    <phoneticPr fontId="8"/>
  </si>
  <si>
    <t>昭和町</t>
    <phoneticPr fontId="8"/>
  </si>
  <si>
    <t>昭和町１丁目</t>
    <phoneticPr fontId="8"/>
  </si>
  <si>
    <t>昭和町２丁目</t>
    <phoneticPr fontId="8"/>
  </si>
  <si>
    <t>昭和町３丁目</t>
    <phoneticPr fontId="8"/>
  </si>
  <si>
    <t>昭和町４丁目</t>
    <phoneticPr fontId="8"/>
  </si>
  <si>
    <t>昭和町５丁目</t>
    <phoneticPr fontId="8"/>
  </si>
  <si>
    <t>阪南町</t>
    <phoneticPr fontId="8"/>
  </si>
  <si>
    <t>阪南町１丁目</t>
    <phoneticPr fontId="8"/>
  </si>
  <si>
    <t>阪南町２丁目</t>
    <phoneticPr fontId="8"/>
  </si>
  <si>
    <t>阪南町３丁目</t>
    <phoneticPr fontId="8"/>
  </si>
  <si>
    <t>阪南町４丁目</t>
    <phoneticPr fontId="8"/>
  </si>
  <si>
    <t>阪南町５丁目</t>
    <phoneticPr fontId="8"/>
  </si>
  <si>
    <t>阪南町６丁目</t>
    <phoneticPr fontId="8"/>
  </si>
  <si>
    <t>阪南町７丁目</t>
    <phoneticPr fontId="8"/>
  </si>
  <si>
    <t>王子町</t>
    <phoneticPr fontId="8"/>
  </si>
  <si>
    <t>王子町１丁目</t>
    <phoneticPr fontId="8"/>
  </si>
  <si>
    <t>王子町２丁目</t>
    <phoneticPr fontId="8"/>
  </si>
  <si>
    <t>王子町３丁目</t>
    <phoneticPr fontId="8"/>
  </si>
  <si>
    <t>王子町４丁目</t>
    <phoneticPr fontId="8"/>
  </si>
  <si>
    <t>共立通</t>
    <phoneticPr fontId="8"/>
  </si>
  <si>
    <t>共立通１丁目</t>
    <phoneticPr fontId="8"/>
  </si>
  <si>
    <t>共立通２丁目</t>
    <phoneticPr fontId="8"/>
  </si>
  <si>
    <t>丸山通</t>
    <phoneticPr fontId="8"/>
  </si>
  <si>
    <t>丸山通１丁目</t>
    <phoneticPr fontId="8"/>
  </si>
  <si>
    <t>丸山通２丁目</t>
    <phoneticPr fontId="8"/>
  </si>
  <si>
    <t>松虫通</t>
    <phoneticPr fontId="8"/>
  </si>
  <si>
    <t>松虫通１丁目</t>
    <phoneticPr fontId="8"/>
  </si>
  <si>
    <t>松虫通２丁目</t>
    <phoneticPr fontId="8"/>
  </si>
  <si>
    <t>松虫通３丁目</t>
    <phoneticPr fontId="8"/>
  </si>
  <si>
    <t>阿倍野元町</t>
    <phoneticPr fontId="8"/>
  </si>
  <si>
    <t>桃ケ池町</t>
    <phoneticPr fontId="8"/>
  </si>
  <si>
    <t>桃ケ池町１丁目</t>
    <phoneticPr fontId="8"/>
  </si>
  <si>
    <t>桃ケ池町２丁目</t>
    <phoneticPr fontId="8"/>
  </si>
  <si>
    <t>長池町</t>
    <phoneticPr fontId="8"/>
  </si>
  <si>
    <t>西田辺町</t>
    <phoneticPr fontId="8"/>
  </si>
  <si>
    <t>西田辺町１丁目</t>
    <phoneticPr fontId="8"/>
  </si>
  <si>
    <t>西田辺町２丁目</t>
    <phoneticPr fontId="8"/>
  </si>
  <si>
    <t>晴明通</t>
    <phoneticPr fontId="8"/>
  </si>
  <si>
    <t>橋本町</t>
    <phoneticPr fontId="8"/>
  </si>
  <si>
    <t>相生通</t>
    <phoneticPr fontId="8"/>
  </si>
  <si>
    <t>相生通１丁目</t>
    <phoneticPr fontId="8"/>
  </si>
  <si>
    <t>相生通２丁目</t>
    <phoneticPr fontId="8"/>
  </si>
  <si>
    <t>北畠</t>
    <phoneticPr fontId="8"/>
  </si>
  <si>
    <t>北畠１丁目</t>
    <phoneticPr fontId="8"/>
  </si>
  <si>
    <t>北畠２丁目</t>
    <phoneticPr fontId="8"/>
  </si>
  <si>
    <t>北畠３丁目</t>
    <phoneticPr fontId="8"/>
  </si>
  <si>
    <t>帝塚山</t>
    <phoneticPr fontId="8"/>
  </si>
  <si>
    <t>万代</t>
    <phoneticPr fontId="8"/>
  </si>
  <si>
    <t>播磨町</t>
    <phoneticPr fontId="8"/>
  </si>
  <si>
    <t>播磨町１丁目</t>
    <phoneticPr fontId="8"/>
  </si>
  <si>
    <t>播磨町２丁目</t>
    <phoneticPr fontId="8"/>
  </si>
  <si>
    <t>播磨町３丁目</t>
    <phoneticPr fontId="8"/>
  </si>
  <si>
    <t>住之江区</t>
    <phoneticPr fontId="8"/>
  </si>
  <si>
    <t>粉浜</t>
    <phoneticPr fontId="8"/>
  </si>
  <si>
    <t>粉浜１丁目</t>
    <phoneticPr fontId="8"/>
  </si>
  <si>
    <t>粉浜２丁目</t>
    <phoneticPr fontId="8"/>
  </si>
  <si>
    <t>粉浜３丁目</t>
    <phoneticPr fontId="8"/>
  </si>
  <si>
    <t>粉浜西</t>
    <phoneticPr fontId="8"/>
  </si>
  <si>
    <t>粉浜西１丁目</t>
    <phoneticPr fontId="8"/>
  </si>
  <si>
    <t>粉浜西２丁目</t>
    <phoneticPr fontId="8"/>
  </si>
  <si>
    <t>粉浜西３丁目</t>
    <phoneticPr fontId="8"/>
  </si>
  <si>
    <t>安立</t>
    <phoneticPr fontId="8"/>
  </si>
  <si>
    <t>安立１丁目</t>
    <phoneticPr fontId="8"/>
  </si>
  <si>
    <t>安立２丁目</t>
    <phoneticPr fontId="8"/>
  </si>
  <si>
    <t>安立３丁目</t>
    <phoneticPr fontId="8"/>
  </si>
  <si>
    <t>安立４丁目</t>
    <phoneticPr fontId="8"/>
  </si>
  <si>
    <t>浜口東</t>
    <phoneticPr fontId="8"/>
  </si>
  <si>
    <t>浜口東１丁目</t>
    <phoneticPr fontId="8"/>
  </si>
  <si>
    <t>浜口東２丁目</t>
    <phoneticPr fontId="8"/>
  </si>
  <si>
    <t>浜口東３丁目</t>
    <phoneticPr fontId="8"/>
  </si>
  <si>
    <t>浜口西</t>
    <phoneticPr fontId="8"/>
  </si>
  <si>
    <t>浜口西１丁目</t>
    <phoneticPr fontId="8"/>
  </si>
  <si>
    <t>浜口西２丁目</t>
    <phoneticPr fontId="8"/>
  </si>
  <si>
    <t>浜口西３丁目</t>
    <phoneticPr fontId="8"/>
  </si>
  <si>
    <t>住之江</t>
    <phoneticPr fontId="8"/>
  </si>
  <si>
    <t>住之江１丁目</t>
    <phoneticPr fontId="8"/>
  </si>
  <si>
    <t>住之江２丁目</t>
    <phoneticPr fontId="8"/>
  </si>
  <si>
    <t>住之江３丁目</t>
    <phoneticPr fontId="8"/>
  </si>
  <si>
    <t>西住之江</t>
    <phoneticPr fontId="8"/>
  </si>
  <si>
    <t>西住之江１丁目</t>
    <phoneticPr fontId="8"/>
  </si>
  <si>
    <t>西住之江２丁目</t>
    <phoneticPr fontId="8"/>
  </si>
  <si>
    <t>西住之江３丁目</t>
    <phoneticPr fontId="8"/>
  </si>
  <si>
    <t>西住之江４丁目</t>
    <phoneticPr fontId="8"/>
  </si>
  <si>
    <t>御崎</t>
    <phoneticPr fontId="8"/>
  </si>
  <si>
    <t>御崎１丁目</t>
    <phoneticPr fontId="8"/>
  </si>
  <si>
    <t>御崎２丁目</t>
    <phoneticPr fontId="8"/>
  </si>
  <si>
    <t>御崎３丁目</t>
    <phoneticPr fontId="8"/>
  </si>
  <si>
    <t>御崎４丁目</t>
    <phoneticPr fontId="8"/>
  </si>
  <si>
    <t>御崎５丁目</t>
    <phoneticPr fontId="8"/>
  </si>
  <si>
    <t>御崎６丁目</t>
    <phoneticPr fontId="8"/>
  </si>
  <si>
    <t>御崎７丁目</t>
    <phoneticPr fontId="8"/>
  </si>
  <si>
    <t>御崎８丁目</t>
    <phoneticPr fontId="8"/>
  </si>
  <si>
    <t>北加賀屋</t>
    <phoneticPr fontId="8"/>
  </si>
  <si>
    <t>北加賀屋１丁目</t>
    <phoneticPr fontId="8"/>
  </si>
  <si>
    <t>北加賀屋２丁目</t>
    <phoneticPr fontId="8"/>
  </si>
  <si>
    <t>北加賀屋３丁目</t>
    <phoneticPr fontId="8"/>
  </si>
  <si>
    <t>北加賀屋４丁目</t>
    <phoneticPr fontId="8"/>
  </si>
  <si>
    <t>北加賀屋５丁目</t>
    <phoneticPr fontId="8"/>
  </si>
  <si>
    <t>東加賀屋</t>
    <phoneticPr fontId="8"/>
  </si>
  <si>
    <t>東加賀屋１丁目</t>
    <phoneticPr fontId="8"/>
  </si>
  <si>
    <t>東加賀屋２丁目</t>
    <phoneticPr fontId="8"/>
  </si>
  <si>
    <t>東加賀屋３丁目</t>
    <phoneticPr fontId="8"/>
  </si>
  <si>
    <t>東加賀屋４丁目</t>
    <phoneticPr fontId="8"/>
  </si>
  <si>
    <t>中加賀屋</t>
    <phoneticPr fontId="8"/>
  </si>
  <si>
    <t>中加賀屋１丁目</t>
    <phoneticPr fontId="8"/>
  </si>
  <si>
    <t>中加賀屋２丁目</t>
    <phoneticPr fontId="8"/>
  </si>
  <si>
    <t>中加賀屋３丁目</t>
    <phoneticPr fontId="8"/>
  </si>
  <si>
    <t>中加賀屋４丁目</t>
    <phoneticPr fontId="8"/>
  </si>
  <si>
    <t>西加賀屋</t>
    <phoneticPr fontId="8"/>
  </si>
  <si>
    <t>西加賀屋１丁目</t>
    <phoneticPr fontId="8"/>
  </si>
  <si>
    <t>西加賀屋２丁目</t>
    <phoneticPr fontId="8"/>
  </si>
  <si>
    <t>西加賀屋３丁目</t>
    <phoneticPr fontId="8"/>
  </si>
  <si>
    <t>西加賀屋４丁目</t>
    <phoneticPr fontId="8"/>
  </si>
  <si>
    <t>南加賀屋</t>
    <phoneticPr fontId="8"/>
  </si>
  <si>
    <t>南加賀屋１丁目</t>
    <phoneticPr fontId="8"/>
  </si>
  <si>
    <t>南加賀屋２丁目</t>
    <phoneticPr fontId="8"/>
  </si>
  <si>
    <t>南加賀屋３丁目</t>
    <phoneticPr fontId="8"/>
  </si>
  <si>
    <t>南加賀屋４丁目</t>
    <phoneticPr fontId="8"/>
  </si>
  <si>
    <t>緑木</t>
    <phoneticPr fontId="8"/>
  </si>
  <si>
    <t>緑木１丁目</t>
    <phoneticPr fontId="8"/>
  </si>
  <si>
    <t>緑木２丁目</t>
    <phoneticPr fontId="8"/>
  </si>
  <si>
    <t>柴谷</t>
    <phoneticPr fontId="8"/>
  </si>
  <si>
    <t>柴谷１丁目</t>
    <phoneticPr fontId="8"/>
  </si>
  <si>
    <t>柴谷２丁目</t>
    <phoneticPr fontId="8"/>
  </si>
  <si>
    <t>泉</t>
    <phoneticPr fontId="8"/>
  </si>
  <si>
    <t>泉１丁目</t>
    <phoneticPr fontId="8"/>
  </si>
  <si>
    <t>泉２丁目</t>
    <phoneticPr fontId="8"/>
  </si>
  <si>
    <t>北島</t>
    <phoneticPr fontId="8"/>
  </si>
  <si>
    <t>北島１丁目</t>
    <phoneticPr fontId="8"/>
  </si>
  <si>
    <t>北島２丁目</t>
    <phoneticPr fontId="8"/>
  </si>
  <si>
    <t>北島３丁目</t>
    <phoneticPr fontId="8"/>
  </si>
  <si>
    <t>新北島</t>
    <phoneticPr fontId="8"/>
  </si>
  <si>
    <t>新北島１丁目</t>
    <phoneticPr fontId="8"/>
  </si>
  <si>
    <t>新北島２丁目</t>
    <phoneticPr fontId="8"/>
  </si>
  <si>
    <t>新北島３丁目</t>
    <phoneticPr fontId="8"/>
  </si>
  <si>
    <t>新北島４丁目</t>
    <phoneticPr fontId="8"/>
  </si>
  <si>
    <t>新北島５丁目</t>
    <phoneticPr fontId="8"/>
  </si>
  <si>
    <t>新北島６丁目</t>
    <phoneticPr fontId="8"/>
  </si>
  <si>
    <t>新北島７丁目</t>
    <phoneticPr fontId="8"/>
  </si>
  <si>
    <t>新北島８丁目</t>
    <phoneticPr fontId="8"/>
  </si>
  <si>
    <t>平林北</t>
    <phoneticPr fontId="8"/>
  </si>
  <si>
    <t>平林北１丁目</t>
    <phoneticPr fontId="8"/>
  </si>
  <si>
    <t>平林北２丁目</t>
    <phoneticPr fontId="8"/>
  </si>
  <si>
    <t>平林南</t>
    <phoneticPr fontId="8"/>
  </si>
  <si>
    <t>平林南１丁目</t>
    <phoneticPr fontId="8"/>
  </si>
  <si>
    <t>平林南２丁目</t>
    <phoneticPr fontId="8"/>
  </si>
  <si>
    <t>南港北</t>
    <phoneticPr fontId="8"/>
  </si>
  <si>
    <t>南港北１丁目</t>
    <phoneticPr fontId="8"/>
  </si>
  <si>
    <t>南港北２丁目</t>
    <phoneticPr fontId="8"/>
  </si>
  <si>
    <t>南港北３丁目</t>
    <phoneticPr fontId="8"/>
  </si>
  <si>
    <t>南港東</t>
    <phoneticPr fontId="8"/>
  </si>
  <si>
    <t>南港東１丁目</t>
    <phoneticPr fontId="8"/>
  </si>
  <si>
    <t>南港東２丁目</t>
    <phoneticPr fontId="8"/>
  </si>
  <si>
    <t>南港東３丁目</t>
    <phoneticPr fontId="8"/>
  </si>
  <si>
    <t>南港東４丁目</t>
    <phoneticPr fontId="8"/>
  </si>
  <si>
    <t>南港東５丁目</t>
    <phoneticPr fontId="8"/>
  </si>
  <si>
    <t>南港東６丁目</t>
    <phoneticPr fontId="8"/>
  </si>
  <si>
    <t>南港東７丁目</t>
    <phoneticPr fontId="8"/>
  </si>
  <si>
    <t>南港東８丁目</t>
    <phoneticPr fontId="8"/>
  </si>
  <si>
    <t>南港東９丁目</t>
    <phoneticPr fontId="8"/>
  </si>
  <si>
    <t>南港中</t>
    <phoneticPr fontId="8"/>
  </si>
  <si>
    <t>南港中１丁目</t>
    <phoneticPr fontId="8"/>
  </si>
  <si>
    <t>南港中２丁目</t>
    <phoneticPr fontId="8"/>
  </si>
  <si>
    <t>南港中３丁目</t>
    <phoneticPr fontId="8"/>
  </si>
  <si>
    <t>南港中４丁目</t>
    <phoneticPr fontId="8"/>
  </si>
  <si>
    <t>南港中５丁目</t>
    <phoneticPr fontId="8"/>
  </si>
  <si>
    <t>南港中６丁目</t>
    <phoneticPr fontId="8"/>
  </si>
  <si>
    <t>南港中７丁目</t>
    <phoneticPr fontId="8"/>
  </si>
  <si>
    <t>南港中８丁目</t>
    <phoneticPr fontId="8"/>
  </si>
  <si>
    <t>南港南</t>
    <phoneticPr fontId="8"/>
  </si>
  <si>
    <t>南港南１丁目</t>
    <phoneticPr fontId="8"/>
  </si>
  <si>
    <t>南港南２丁目</t>
    <phoneticPr fontId="8"/>
  </si>
  <si>
    <t>南港南３丁目</t>
    <phoneticPr fontId="8"/>
  </si>
  <si>
    <t>南港南４丁目</t>
    <phoneticPr fontId="8"/>
  </si>
  <si>
    <t>南港南５丁目</t>
    <phoneticPr fontId="8"/>
  </si>
  <si>
    <t>南港南６丁目</t>
    <phoneticPr fontId="8"/>
  </si>
  <si>
    <t>南港南７丁目</t>
    <phoneticPr fontId="8"/>
  </si>
  <si>
    <t>住吉区</t>
    <phoneticPr fontId="8"/>
  </si>
  <si>
    <t>南住吉</t>
    <phoneticPr fontId="8"/>
  </si>
  <si>
    <t>南住吉１丁目</t>
    <phoneticPr fontId="8"/>
  </si>
  <si>
    <t>南住吉２丁目</t>
    <phoneticPr fontId="8"/>
  </si>
  <si>
    <t>南住吉３丁目</t>
    <phoneticPr fontId="8"/>
  </si>
  <si>
    <t>南住吉４丁目</t>
    <phoneticPr fontId="8"/>
  </si>
  <si>
    <t>千躰</t>
    <phoneticPr fontId="8"/>
  </si>
  <si>
    <t>千躰１丁目</t>
    <phoneticPr fontId="8"/>
  </si>
  <si>
    <t>千躰２丁目</t>
    <phoneticPr fontId="8"/>
  </si>
  <si>
    <t>殿辻</t>
    <phoneticPr fontId="8"/>
  </si>
  <si>
    <t>殿辻１丁目</t>
    <phoneticPr fontId="8"/>
  </si>
  <si>
    <t>殿辻２丁目</t>
    <phoneticPr fontId="8"/>
  </si>
  <si>
    <t>沢之町</t>
    <phoneticPr fontId="8"/>
  </si>
  <si>
    <t>沢之町１丁目</t>
    <phoneticPr fontId="8"/>
  </si>
  <si>
    <t>沢之町２丁目</t>
    <phoneticPr fontId="8"/>
  </si>
  <si>
    <t>墨江</t>
    <phoneticPr fontId="8"/>
  </si>
  <si>
    <t>墨江１丁目</t>
    <phoneticPr fontId="8"/>
  </si>
  <si>
    <t>墨江２丁目</t>
    <phoneticPr fontId="8"/>
  </si>
  <si>
    <t>墨江３丁目</t>
    <phoneticPr fontId="8"/>
  </si>
  <si>
    <t>墨江４丁目</t>
    <phoneticPr fontId="8"/>
  </si>
  <si>
    <t>上住吉</t>
    <phoneticPr fontId="8"/>
  </si>
  <si>
    <t>上住吉１丁目</t>
    <phoneticPr fontId="8"/>
  </si>
  <si>
    <t>上住吉２丁目</t>
    <phoneticPr fontId="8"/>
  </si>
  <si>
    <t>長峡町</t>
    <phoneticPr fontId="8"/>
  </si>
  <si>
    <t>東粉浜</t>
    <phoneticPr fontId="8"/>
  </si>
  <si>
    <t>東粉浜１丁目</t>
    <phoneticPr fontId="8"/>
  </si>
  <si>
    <t>東粉浜２丁目</t>
    <phoneticPr fontId="8"/>
  </si>
  <si>
    <t>東粉浜３丁目</t>
    <phoneticPr fontId="8"/>
  </si>
  <si>
    <t>住吉</t>
    <phoneticPr fontId="8"/>
  </si>
  <si>
    <t>住吉１丁目</t>
    <phoneticPr fontId="8"/>
  </si>
  <si>
    <t>住吉２丁目</t>
    <phoneticPr fontId="8"/>
  </si>
  <si>
    <t>帝塚山西</t>
    <phoneticPr fontId="8"/>
  </si>
  <si>
    <t>帝塚山西１丁目</t>
    <phoneticPr fontId="8"/>
  </si>
  <si>
    <t>帝塚山西２丁目</t>
    <phoneticPr fontId="8"/>
  </si>
  <si>
    <t>帝塚山西３丁目</t>
    <phoneticPr fontId="8"/>
  </si>
  <si>
    <t>帝塚山西４丁目</t>
    <phoneticPr fontId="8"/>
  </si>
  <si>
    <t>帝塚山中</t>
    <phoneticPr fontId="8"/>
  </si>
  <si>
    <t>帝塚山中１丁目</t>
    <phoneticPr fontId="8"/>
  </si>
  <si>
    <t>帝塚山中２丁目</t>
    <phoneticPr fontId="8"/>
  </si>
  <si>
    <t>帝塚山中３丁目</t>
    <phoneticPr fontId="8"/>
  </si>
  <si>
    <t>帝塚山中４丁目</t>
    <phoneticPr fontId="8"/>
  </si>
  <si>
    <t>帝塚山中５丁目</t>
    <phoneticPr fontId="8"/>
  </si>
  <si>
    <t>帝塚山東</t>
    <phoneticPr fontId="8"/>
  </si>
  <si>
    <t>帝塚山東１丁目</t>
    <phoneticPr fontId="8"/>
  </si>
  <si>
    <t>帝塚山東２丁目</t>
    <phoneticPr fontId="8"/>
  </si>
  <si>
    <t>帝塚山東３丁目</t>
    <phoneticPr fontId="8"/>
  </si>
  <si>
    <t>帝塚山東４丁目</t>
    <phoneticPr fontId="8"/>
  </si>
  <si>
    <t>帝塚山東５丁目</t>
    <phoneticPr fontId="8"/>
  </si>
  <si>
    <t>万代２丁目</t>
    <phoneticPr fontId="8"/>
  </si>
  <si>
    <t>万代３丁目</t>
    <phoneticPr fontId="8"/>
  </si>
  <si>
    <t>万代４丁目</t>
    <phoneticPr fontId="8"/>
  </si>
  <si>
    <t>万代５丁目</t>
    <phoneticPr fontId="8"/>
  </si>
  <si>
    <t>万代６丁目</t>
    <phoneticPr fontId="8"/>
  </si>
  <si>
    <t>万代東</t>
    <phoneticPr fontId="8"/>
  </si>
  <si>
    <t>万代東１丁目</t>
    <phoneticPr fontId="8"/>
  </si>
  <si>
    <t>万代東２丁目</t>
    <phoneticPr fontId="8"/>
  </si>
  <si>
    <t>万代東３丁目</t>
    <phoneticPr fontId="8"/>
  </si>
  <si>
    <t>万代東４丁目</t>
    <phoneticPr fontId="8"/>
  </si>
  <si>
    <t>大領</t>
    <phoneticPr fontId="8"/>
  </si>
  <si>
    <t>大領１丁目</t>
    <phoneticPr fontId="8"/>
  </si>
  <si>
    <t>大領２丁目</t>
    <phoneticPr fontId="8"/>
  </si>
  <si>
    <t>大領３丁目</t>
    <phoneticPr fontId="8"/>
  </si>
  <si>
    <t>大領４丁目</t>
    <phoneticPr fontId="8"/>
  </si>
  <si>
    <t>大領５丁目</t>
    <phoneticPr fontId="8"/>
  </si>
  <si>
    <t>長居西</t>
    <phoneticPr fontId="8"/>
  </si>
  <si>
    <t>長居西１丁目</t>
    <phoneticPr fontId="8"/>
  </si>
  <si>
    <t>長居西２丁目</t>
    <phoneticPr fontId="8"/>
  </si>
  <si>
    <t>長居西３丁目</t>
    <phoneticPr fontId="8"/>
  </si>
  <si>
    <t>長居</t>
    <phoneticPr fontId="8"/>
  </si>
  <si>
    <t>長居１丁目</t>
    <phoneticPr fontId="8"/>
  </si>
  <si>
    <t>長居２丁目</t>
    <phoneticPr fontId="8"/>
  </si>
  <si>
    <t>長居３丁目</t>
    <phoneticPr fontId="8"/>
  </si>
  <si>
    <t>長居４丁目</t>
    <phoneticPr fontId="8"/>
  </si>
  <si>
    <t>長居東</t>
    <phoneticPr fontId="8"/>
  </si>
  <si>
    <t>長居東１丁目</t>
    <phoneticPr fontId="8"/>
  </si>
  <si>
    <t>長居東２丁目</t>
    <phoneticPr fontId="8"/>
  </si>
  <si>
    <t>長居東３丁目</t>
    <phoneticPr fontId="8"/>
  </si>
  <si>
    <t>長居東４丁目</t>
    <phoneticPr fontId="8"/>
  </si>
  <si>
    <t>苅田</t>
    <phoneticPr fontId="8"/>
  </si>
  <si>
    <t>苅田１丁目</t>
    <phoneticPr fontId="8"/>
  </si>
  <si>
    <t>苅田２丁目</t>
    <phoneticPr fontId="8"/>
  </si>
  <si>
    <t>苅田３丁目</t>
    <phoneticPr fontId="8"/>
  </si>
  <si>
    <t>苅田４丁目</t>
    <phoneticPr fontId="8"/>
  </si>
  <si>
    <t>苅田５丁目</t>
    <phoneticPr fontId="8"/>
  </si>
  <si>
    <t>苅田６丁目</t>
    <phoneticPr fontId="8"/>
  </si>
  <si>
    <t>苅田７丁目</t>
    <phoneticPr fontId="8"/>
  </si>
  <si>
    <t>苅田８丁目</t>
    <phoneticPr fontId="8"/>
  </si>
  <si>
    <t>苅田９丁目</t>
    <phoneticPr fontId="8"/>
  </si>
  <si>
    <t>苅田１０丁目</t>
    <phoneticPr fontId="8"/>
  </si>
  <si>
    <t>庭井</t>
    <phoneticPr fontId="8"/>
  </si>
  <si>
    <t>庭井１丁目</t>
    <phoneticPr fontId="8"/>
  </si>
  <si>
    <t>庭井２丁目</t>
    <phoneticPr fontId="8"/>
  </si>
  <si>
    <t>我孫子東</t>
    <phoneticPr fontId="8"/>
  </si>
  <si>
    <t>我孫子東１丁目</t>
    <phoneticPr fontId="8"/>
  </si>
  <si>
    <t>我孫子東２丁目</t>
    <phoneticPr fontId="8"/>
  </si>
  <si>
    <t>我孫子東３丁目</t>
    <phoneticPr fontId="8"/>
  </si>
  <si>
    <t>我孫子</t>
    <phoneticPr fontId="8"/>
  </si>
  <si>
    <t>我孫子１丁目</t>
    <phoneticPr fontId="8"/>
  </si>
  <si>
    <t>我孫子２丁目</t>
    <phoneticPr fontId="8"/>
  </si>
  <si>
    <t>我孫子３丁目</t>
    <phoneticPr fontId="8"/>
  </si>
  <si>
    <t>我孫子４丁目</t>
    <phoneticPr fontId="8"/>
  </si>
  <si>
    <t>我孫子５丁目</t>
    <phoneticPr fontId="8"/>
  </si>
  <si>
    <t>我孫子西</t>
    <phoneticPr fontId="8"/>
  </si>
  <si>
    <t>我孫子西１丁目</t>
    <phoneticPr fontId="8"/>
  </si>
  <si>
    <t>我孫子西２丁目</t>
    <phoneticPr fontId="8"/>
  </si>
  <si>
    <t>杉本</t>
    <phoneticPr fontId="8"/>
  </si>
  <si>
    <t>杉本１丁目</t>
    <phoneticPr fontId="8"/>
  </si>
  <si>
    <t>杉本２丁目</t>
    <phoneticPr fontId="8"/>
  </si>
  <si>
    <t>杉本３丁目</t>
    <phoneticPr fontId="8"/>
  </si>
  <si>
    <t>浅香</t>
    <phoneticPr fontId="8"/>
  </si>
  <si>
    <t>浅香１丁目</t>
    <phoneticPr fontId="8"/>
  </si>
  <si>
    <t>浅香２丁目</t>
    <phoneticPr fontId="8"/>
  </si>
  <si>
    <t>山之内元町</t>
    <phoneticPr fontId="8"/>
  </si>
  <si>
    <t>山之内</t>
    <phoneticPr fontId="8"/>
  </si>
  <si>
    <t>山之内１丁目</t>
    <phoneticPr fontId="8"/>
  </si>
  <si>
    <t>山之内２丁目</t>
    <phoneticPr fontId="8"/>
  </si>
  <si>
    <t>山之内３丁目</t>
    <phoneticPr fontId="8"/>
  </si>
  <si>
    <t>山之内４丁目</t>
    <phoneticPr fontId="8"/>
  </si>
  <si>
    <t>山之内５丁目</t>
    <phoneticPr fontId="8"/>
  </si>
  <si>
    <t>遠里小野</t>
    <phoneticPr fontId="8"/>
  </si>
  <si>
    <t>遠里小野１丁目</t>
    <phoneticPr fontId="8"/>
  </si>
  <si>
    <t>遠里小野２丁目</t>
    <phoneticPr fontId="8"/>
  </si>
  <si>
    <t>遠里小野３丁目</t>
    <phoneticPr fontId="8"/>
  </si>
  <si>
    <t>遠里小野４丁目</t>
    <phoneticPr fontId="8"/>
  </si>
  <si>
    <t>遠里小野５丁目</t>
    <phoneticPr fontId="8"/>
  </si>
  <si>
    <t>遠里小野６丁目</t>
    <phoneticPr fontId="8"/>
  </si>
  <si>
    <t>遠里小野７丁目</t>
    <phoneticPr fontId="8"/>
  </si>
  <si>
    <t>清水丘</t>
    <phoneticPr fontId="8"/>
  </si>
  <si>
    <t>清水丘１丁目</t>
    <phoneticPr fontId="8"/>
  </si>
  <si>
    <t>清水丘２丁目</t>
    <phoneticPr fontId="8"/>
  </si>
  <si>
    <t>清水丘３丁目</t>
    <phoneticPr fontId="8"/>
  </si>
  <si>
    <t>東住吉区</t>
    <phoneticPr fontId="8"/>
  </si>
  <si>
    <t>今林</t>
    <phoneticPr fontId="8"/>
  </si>
  <si>
    <t>今林１丁目</t>
    <phoneticPr fontId="8"/>
  </si>
  <si>
    <t>今林２丁目</t>
    <phoneticPr fontId="8"/>
  </si>
  <si>
    <t>今林３丁目</t>
    <phoneticPr fontId="8"/>
  </si>
  <si>
    <t>今林４丁目</t>
    <phoneticPr fontId="8"/>
  </si>
  <si>
    <t>杭全</t>
    <phoneticPr fontId="8"/>
  </si>
  <si>
    <t>杭全１丁目</t>
    <phoneticPr fontId="8"/>
  </si>
  <si>
    <t>杭全２丁目</t>
    <phoneticPr fontId="8"/>
  </si>
  <si>
    <t>杭全３丁目</t>
    <phoneticPr fontId="8"/>
  </si>
  <si>
    <t>杭全４丁目</t>
    <phoneticPr fontId="8"/>
  </si>
  <si>
    <t>杭全５丁目</t>
    <phoneticPr fontId="8"/>
  </si>
  <si>
    <t>杭全６丁目</t>
    <phoneticPr fontId="8"/>
  </si>
  <si>
    <t>杭全７丁目</t>
    <phoneticPr fontId="8"/>
  </si>
  <si>
    <t>杭全８丁目</t>
    <phoneticPr fontId="8"/>
  </si>
  <si>
    <t>今川</t>
    <phoneticPr fontId="8"/>
  </si>
  <si>
    <t>今川１丁目</t>
    <phoneticPr fontId="8"/>
  </si>
  <si>
    <t>今川２丁目</t>
    <phoneticPr fontId="8"/>
  </si>
  <si>
    <t>今川３丁目</t>
    <phoneticPr fontId="8"/>
  </si>
  <si>
    <t>今川４丁目</t>
    <phoneticPr fontId="8"/>
  </si>
  <si>
    <t>今川５丁目</t>
    <phoneticPr fontId="8"/>
  </si>
  <si>
    <t>今川６丁目</t>
    <phoneticPr fontId="8"/>
  </si>
  <si>
    <t>今川７丁目</t>
    <phoneticPr fontId="8"/>
  </si>
  <si>
    <t>今川８丁目</t>
    <phoneticPr fontId="8"/>
  </si>
  <si>
    <t>中野</t>
    <phoneticPr fontId="8"/>
  </si>
  <si>
    <t>中野１丁目</t>
    <phoneticPr fontId="8"/>
  </si>
  <si>
    <t>中野２丁目</t>
    <phoneticPr fontId="8"/>
  </si>
  <si>
    <t>中野３丁目</t>
    <phoneticPr fontId="8"/>
  </si>
  <si>
    <t>中野４丁目</t>
    <phoneticPr fontId="8"/>
  </si>
  <si>
    <t>桑津</t>
    <phoneticPr fontId="8"/>
  </si>
  <si>
    <t>桑津１丁目</t>
    <phoneticPr fontId="8"/>
  </si>
  <si>
    <t>桑津２丁目</t>
    <phoneticPr fontId="8"/>
  </si>
  <si>
    <t>桑津３丁目</t>
    <phoneticPr fontId="8"/>
  </si>
  <si>
    <t>桑津４丁目</t>
    <phoneticPr fontId="8"/>
  </si>
  <si>
    <t>桑津５丁目</t>
    <phoneticPr fontId="8"/>
  </si>
  <si>
    <t>北田辺</t>
    <phoneticPr fontId="8"/>
  </si>
  <si>
    <t>北田辺１丁目</t>
    <phoneticPr fontId="8"/>
  </si>
  <si>
    <t>北田辺２丁目</t>
    <phoneticPr fontId="8"/>
  </si>
  <si>
    <t>北田辺３丁目</t>
    <phoneticPr fontId="8"/>
  </si>
  <si>
    <t>北田辺４丁目</t>
    <phoneticPr fontId="8"/>
  </si>
  <si>
    <t>北田辺５丁目</t>
    <phoneticPr fontId="8"/>
  </si>
  <si>
    <t>北田辺６丁目</t>
    <phoneticPr fontId="8"/>
  </si>
  <si>
    <t>田辺</t>
    <phoneticPr fontId="8"/>
  </si>
  <si>
    <t>田辺１丁目</t>
    <phoneticPr fontId="8"/>
  </si>
  <si>
    <t>田辺２丁目</t>
    <phoneticPr fontId="8"/>
  </si>
  <si>
    <t>田辺３丁目</t>
    <phoneticPr fontId="8"/>
  </si>
  <si>
    <t>田辺４丁目</t>
    <phoneticPr fontId="8"/>
  </si>
  <si>
    <t>田辺５丁目</t>
    <phoneticPr fontId="8"/>
  </si>
  <si>
    <t>田辺６丁目</t>
    <phoneticPr fontId="8"/>
  </si>
  <si>
    <t>西今川</t>
    <phoneticPr fontId="8"/>
  </si>
  <si>
    <t>西今川１丁目</t>
    <phoneticPr fontId="8"/>
  </si>
  <si>
    <t>西今川２丁目</t>
    <phoneticPr fontId="8"/>
  </si>
  <si>
    <t>西今川３丁目</t>
    <phoneticPr fontId="8"/>
  </si>
  <si>
    <t>西今川４丁目</t>
    <phoneticPr fontId="8"/>
  </si>
  <si>
    <t>駒川</t>
    <phoneticPr fontId="8"/>
  </si>
  <si>
    <t>駒川１丁目</t>
    <phoneticPr fontId="8"/>
  </si>
  <si>
    <t>駒川２丁目</t>
    <phoneticPr fontId="8"/>
  </si>
  <si>
    <t>駒川３丁目</t>
    <phoneticPr fontId="8"/>
  </si>
  <si>
    <t>駒川４丁目</t>
    <phoneticPr fontId="8"/>
  </si>
  <si>
    <t>駒川５丁目</t>
    <phoneticPr fontId="8"/>
  </si>
  <si>
    <t>針中野</t>
    <phoneticPr fontId="8"/>
  </si>
  <si>
    <t>針中野１丁目</t>
    <phoneticPr fontId="8"/>
  </si>
  <si>
    <t>針中野２丁目</t>
    <phoneticPr fontId="8"/>
  </si>
  <si>
    <t>針中野３丁目</t>
    <phoneticPr fontId="8"/>
  </si>
  <si>
    <t>針中野４丁目</t>
    <phoneticPr fontId="8"/>
  </si>
  <si>
    <t>湯里</t>
    <phoneticPr fontId="8"/>
  </si>
  <si>
    <t>湯里１丁目</t>
    <phoneticPr fontId="8"/>
  </si>
  <si>
    <t>湯里２丁目</t>
    <phoneticPr fontId="8"/>
  </si>
  <si>
    <t>湯里３丁目</t>
    <phoneticPr fontId="8"/>
  </si>
  <si>
    <t>湯里４丁目</t>
    <phoneticPr fontId="8"/>
  </si>
  <si>
    <t>湯里５丁目</t>
    <phoneticPr fontId="8"/>
  </si>
  <si>
    <t>湯里６丁目</t>
    <phoneticPr fontId="8"/>
  </si>
  <si>
    <t>山坂</t>
    <phoneticPr fontId="8"/>
  </si>
  <si>
    <t>山坂１丁目</t>
    <phoneticPr fontId="8"/>
  </si>
  <si>
    <t>山坂２丁目</t>
    <phoneticPr fontId="8"/>
  </si>
  <si>
    <t>山坂３丁目</t>
    <phoneticPr fontId="8"/>
  </si>
  <si>
    <t>山坂４丁目</t>
    <phoneticPr fontId="8"/>
  </si>
  <si>
    <t>山坂５丁目</t>
    <phoneticPr fontId="8"/>
  </si>
  <si>
    <t>南田辺</t>
    <phoneticPr fontId="8"/>
  </si>
  <si>
    <t>南田辺１丁目</t>
    <phoneticPr fontId="8"/>
  </si>
  <si>
    <t>南田辺２丁目</t>
    <phoneticPr fontId="8"/>
  </si>
  <si>
    <t>南田辺３丁目</t>
    <phoneticPr fontId="8"/>
  </si>
  <si>
    <t>南田辺４丁目</t>
    <phoneticPr fontId="8"/>
  </si>
  <si>
    <t>南田辺５丁目</t>
    <phoneticPr fontId="8"/>
  </si>
  <si>
    <t>東田辺</t>
    <phoneticPr fontId="8"/>
  </si>
  <si>
    <t>東田辺１丁目</t>
    <phoneticPr fontId="8"/>
  </si>
  <si>
    <t>東田辺２丁目</t>
    <phoneticPr fontId="8"/>
  </si>
  <si>
    <t>東田辺３丁目</t>
    <phoneticPr fontId="8"/>
  </si>
  <si>
    <t>長居公園</t>
    <phoneticPr fontId="8"/>
  </si>
  <si>
    <t>鷹合</t>
    <phoneticPr fontId="8"/>
  </si>
  <si>
    <t>鷹合１丁目</t>
    <phoneticPr fontId="8"/>
  </si>
  <si>
    <t>鷹合２丁目</t>
    <phoneticPr fontId="8"/>
  </si>
  <si>
    <t>鷹合３丁目</t>
    <phoneticPr fontId="8"/>
  </si>
  <si>
    <t>鷹合４丁目</t>
    <phoneticPr fontId="8"/>
  </si>
  <si>
    <t>公園南矢田</t>
    <phoneticPr fontId="8"/>
  </si>
  <si>
    <t>公園南矢田１丁目</t>
    <phoneticPr fontId="8"/>
  </si>
  <si>
    <t>公園南矢田２丁目</t>
    <phoneticPr fontId="8"/>
  </si>
  <si>
    <t>公園南矢田３丁目</t>
    <phoneticPr fontId="8"/>
  </si>
  <si>
    <t>公園南矢田４丁目</t>
    <phoneticPr fontId="8"/>
  </si>
  <si>
    <t>矢田</t>
    <phoneticPr fontId="8"/>
  </si>
  <si>
    <t>矢田１丁目</t>
    <phoneticPr fontId="8"/>
  </si>
  <si>
    <t>矢田２丁目</t>
    <phoneticPr fontId="8"/>
  </si>
  <si>
    <t>矢田３丁目</t>
    <phoneticPr fontId="8"/>
  </si>
  <si>
    <t>矢田４丁目</t>
    <phoneticPr fontId="8"/>
  </si>
  <si>
    <t>矢田５丁目</t>
    <phoneticPr fontId="8"/>
  </si>
  <si>
    <t>矢田６丁目</t>
    <phoneticPr fontId="8"/>
  </si>
  <si>
    <t>矢田７丁目</t>
    <phoneticPr fontId="8"/>
  </si>
  <si>
    <t>照ケ丘矢田</t>
    <phoneticPr fontId="8"/>
  </si>
  <si>
    <t>照ケ丘矢田１丁目</t>
    <phoneticPr fontId="8"/>
  </si>
  <si>
    <t>照ケ丘矢田２丁目</t>
    <phoneticPr fontId="8"/>
  </si>
  <si>
    <t>照ケ丘矢田３丁目</t>
    <phoneticPr fontId="8"/>
  </si>
  <si>
    <t>照ケ丘矢田４丁目</t>
    <phoneticPr fontId="8"/>
  </si>
  <si>
    <t>住道矢田</t>
    <phoneticPr fontId="8"/>
  </si>
  <si>
    <t>住道矢田１丁目</t>
    <phoneticPr fontId="8"/>
  </si>
  <si>
    <t>住道矢田２丁目</t>
    <phoneticPr fontId="8"/>
  </si>
  <si>
    <t>住道矢田３丁目</t>
    <phoneticPr fontId="8"/>
  </si>
  <si>
    <t>住道矢田４丁目</t>
    <phoneticPr fontId="8"/>
  </si>
  <si>
    <t>住道矢田５丁目</t>
    <phoneticPr fontId="8"/>
  </si>
  <si>
    <t>住道矢田６丁目</t>
    <phoneticPr fontId="8"/>
  </si>
  <si>
    <t>住道矢田７丁目</t>
    <phoneticPr fontId="8"/>
  </si>
  <si>
    <t>住道矢田８丁目</t>
    <phoneticPr fontId="8"/>
  </si>
  <si>
    <t>住道矢田９丁目</t>
    <phoneticPr fontId="8"/>
  </si>
  <si>
    <t>平野区</t>
    <phoneticPr fontId="8"/>
  </si>
  <si>
    <t>平野馬場</t>
    <phoneticPr fontId="8"/>
  </si>
  <si>
    <t>平野馬場１丁目</t>
    <phoneticPr fontId="8"/>
  </si>
  <si>
    <t>平野馬場２丁目</t>
    <phoneticPr fontId="8"/>
  </si>
  <si>
    <t>平野北</t>
    <phoneticPr fontId="8"/>
  </si>
  <si>
    <t>平野北１丁目</t>
    <phoneticPr fontId="8"/>
  </si>
  <si>
    <t>平野北２丁目</t>
    <phoneticPr fontId="8"/>
  </si>
  <si>
    <t>西脇</t>
    <phoneticPr fontId="8"/>
  </si>
  <si>
    <t>西脇１丁目</t>
    <phoneticPr fontId="8"/>
  </si>
  <si>
    <t>西脇２丁目</t>
    <phoneticPr fontId="8"/>
  </si>
  <si>
    <t>西脇３丁目</t>
    <phoneticPr fontId="8"/>
  </si>
  <si>
    <t>西脇４丁目</t>
    <phoneticPr fontId="8"/>
  </si>
  <si>
    <t>平野元町</t>
    <phoneticPr fontId="8"/>
  </si>
  <si>
    <t>平野上町</t>
    <phoneticPr fontId="8"/>
  </si>
  <si>
    <t>平野上町１丁目</t>
    <phoneticPr fontId="8"/>
  </si>
  <si>
    <t>平野上町２丁目</t>
    <phoneticPr fontId="8"/>
  </si>
  <si>
    <t>平野宮町</t>
    <phoneticPr fontId="8"/>
  </si>
  <si>
    <t>平野宮町１丁目</t>
    <phoneticPr fontId="8"/>
  </si>
  <si>
    <t>平野宮町２丁目</t>
    <phoneticPr fontId="8"/>
  </si>
  <si>
    <t>平野市町</t>
    <phoneticPr fontId="8"/>
  </si>
  <si>
    <t>平野市町１丁目</t>
    <phoneticPr fontId="8"/>
  </si>
  <si>
    <t>平野市町２丁目</t>
    <phoneticPr fontId="8"/>
  </si>
  <si>
    <t>平野市町３丁目</t>
    <phoneticPr fontId="8"/>
  </si>
  <si>
    <t>背戸口</t>
    <phoneticPr fontId="8"/>
  </si>
  <si>
    <t>背戸口１丁目</t>
    <phoneticPr fontId="8"/>
  </si>
  <si>
    <t>背戸口２丁目</t>
    <phoneticPr fontId="8"/>
  </si>
  <si>
    <t>背戸口３丁目</t>
    <phoneticPr fontId="8"/>
  </si>
  <si>
    <t>背戸口４丁目</t>
    <phoneticPr fontId="8"/>
  </si>
  <si>
    <t>背戸口５丁目</t>
    <phoneticPr fontId="8"/>
  </si>
  <si>
    <t>平野本町</t>
    <phoneticPr fontId="8"/>
  </si>
  <si>
    <t>平野本町１丁目</t>
    <phoneticPr fontId="8"/>
  </si>
  <si>
    <t>平野本町２丁目</t>
    <phoneticPr fontId="8"/>
  </si>
  <si>
    <t>平野本町３丁目</t>
    <phoneticPr fontId="8"/>
  </si>
  <si>
    <t>平野本町４丁目</t>
    <phoneticPr fontId="8"/>
  </si>
  <si>
    <t>平野本町５丁目</t>
    <phoneticPr fontId="8"/>
  </si>
  <si>
    <t>平野東</t>
    <phoneticPr fontId="8"/>
  </si>
  <si>
    <t>平野東１丁目</t>
    <phoneticPr fontId="8"/>
  </si>
  <si>
    <t>平野東２丁目</t>
    <phoneticPr fontId="8"/>
  </si>
  <si>
    <t>平野東３丁目</t>
    <phoneticPr fontId="8"/>
  </si>
  <si>
    <t>平野東４丁目</t>
    <phoneticPr fontId="8"/>
  </si>
  <si>
    <t>平野西</t>
    <phoneticPr fontId="8"/>
  </si>
  <si>
    <t>平野西１丁目</t>
    <phoneticPr fontId="8"/>
  </si>
  <si>
    <t>平野西２丁目</t>
    <phoneticPr fontId="8"/>
  </si>
  <si>
    <t>平野西３丁目</t>
    <phoneticPr fontId="8"/>
  </si>
  <si>
    <t>平野西４丁目</t>
    <phoneticPr fontId="8"/>
  </si>
  <si>
    <t>平野西５丁目</t>
    <phoneticPr fontId="8"/>
  </si>
  <si>
    <t>平野西６丁目</t>
    <phoneticPr fontId="8"/>
  </si>
  <si>
    <t>流町</t>
    <phoneticPr fontId="8"/>
  </si>
  <si>
    <t>流町１丁目</t>
    <phoneticPr fontId="8"/>
  </si>
  <si>
    <t>流町２丁目</t>
    <phoneticPr fontId="8"/>
  </si>
  <si>
    <t>流町３丁目</t>
    <phoneticPr fontId="8"/>
  </si>
  <si>
    <t>流町４丁目</t>
    <phoneticPr fontId="8"/>
  </si>
  <si>
    <t>平野南</t>
    <phoneticPr fontId="8"/>
  </si>
  <si>
    <t>平野南１丁目</t>
    <phoneticPr fontId="8"/>
  </si>
  <si>
    <t>平野南２丁目</t>
    <phoneticPr fontId="8"/>
  </si>
  <si>
    <t>平野南３丁目</t>
    <phoneticPr fontId="8"/>
  </si>
  <si>
    <t>平野南４丁目</t>
    <phoneticPr fontId="8"/>
  </si>
  <si>
    <t>喜連西</t>
    <phoneticPr fontId="8"/>
  </si>
  <si>
    <t>喜連西１丁目</t>
    <phoneticPr fontId="8"/>
  </si>
  <si>
    <t>喜連西２丁目</t>
    <phoneticPr fontId="8"/>
  </si>
  <si>
    <t>喜連西３丁目</t>
    <phoneticPr fontId="8"/>
  </si>
  <si>
    <t>喜連西４丁目</t>
    <phoneticPr fontId="8"/>
  </si>
  <si>
    <t>喜連西５丁目</t>
    <phoneticPr fontId="8"/>
  </si>
  <si>
    <t>喜連西６丁目</t>
    <phoneticPr fontId="8"/>
  </si>
  <si>
    <t>喜連</t>
    <phoneticPr fontId="8"/>
  </si>
  <si>
    <t>喜連１丁目</t>
    <phoneticPr fontId="8"/>
  </si>
  <si>
    <t>喜連２丁目</t>
    <phoneticPr fontId="8"/>
  </si>
  <si>
    <t>喜連３丁目</t>
    <phoneticPr fontId="8"/>
  </si>
  <si>
    <t>喜連４丁目</t>
    <phoneticPr fontId="8"/>
  </si>
  <si>
    <t>喜連５丁目</t>
    <phoneticPr fontId="8"/>
  </si>
  <si>
    <t>喜連６丁目</t>
    <phoneticPr fontId="8"/>
  </si>
  <si>
    <t>喜連７丁目</t>
    <phoneticPr fontId="8"/>
  </si>
  <si>
    <t>喜連東</t>
    <phoneticPr fontId="8"/>
  </si>
  <si>
    <t>喜連東１丁目</t>
    <phoneticPr fontId="8"/>
  </si>
  <si>
    <t>喜連東２丁目</t>
    <phoneticPr fontId="8"/>
  </si>
  <si>
    <t>喜連東３丁目</t>
    <phoneticPr fontId="8"/>
  </si>
  <si>
    <t>喜連東４丁目</t>
    <phoneticPr fontId="8"/>
  </si>
  <si>
    <t>喜連東５丁目</t>
    <phoneticPr fontId="8"/>
  </si>
  <si>
    <t>瓜破西</t>
    <phoneticPr fontId="8"/>
  </si>
  <si>
    <t>瓜破西１丁目</t>
    <phoneticPr fontId="8"/>
  </si>
  <si>
    <t>瓜破西２丁目</t>
    <phoneticPr fontId="8"/>
  </si>
  <si>
    <t>瓜破西３丁目</t>
    <phoneticPr fontId="8"/>
  </si>
  <si>
    <t>瓜破</t>
    <phoneticPr fontId="8"/>
  </si>
  <si>
    <t>瓜破１丁目</t>
    <phoneticPr fontId="8"/>
  </si>
  <si>
    <t>瓜破２丁目</t>
    <phoneticPr fontId="8"/>
  </si>
  <si>
    <t>瓜破３丁目</t>
    <phoneticPr fontId="8"/>
  </si>
  <si>
    <t>瓜破４丁目</t>
    <phoneticPr fontId="8"/>
  </si>
  <si>
    <t>瓜破５丁目</t>
    <phoneticPr fontId="8"/>
  </si>
  <si>
    <t>瓜破６丁目</t>
    <phoneticPr fontId="8"/>
  </si>
  <si>
    <t>瓜破７丁目</t>
    <phoneticPr fontId="8"/>
  </si>
  <si>
    <t>瓜破東</t>
    <phoneticPr fontId="8"/>
  </si>
  <si>
    <t>瓜破東１丁目</t>
    <phoneticPr fontId="8"/>
  </si>
  <si>
    <t>瓜破東２丁目</t>
    <phoneticPr fontId="8"/>
  </si>
  <si>
    <t>瓜破東３丁目</t>
    <phoneticPr fontId="8"/>
  </si>
  <si>
    <t>瓜破東４丁目</t>
    <phoneticPr fontId="8"/>
  </si>
  <si>
    <t>瓜破東５丁目</t>
    <phoneticPr fontId="8"/>
  </si>
  <si>
    <t>瓜破東６丁目</t>
    <phoneticPr fontId="8"/>
  </si>
  <si>
    <t>瓜破東７丁目</t>
    <phoneticPr fontId="8"/>
  </si>
  <si>
    <t>瓜破東８丁目</t>
    <phoneticPr fontId="8"/>
  </si>
  <si>
    <t>瓜破南</t>
    <phoneticPr fontId="8"/>
  </si>
  <si>
    <t>瓜破南１丁目</t>
    <phoneticPr fontId="8"/>
  </si>
  <si>
    <t>瓜破南２丁目</t>
    <phoneticPr fontId="8"/>
  </si>
  <si>
    <t>加美北</t>
    <phoneticPr fontId="8"/>
  </si>
  <si>
    <t>加美北１丁目</t>
    <phoneticPr fontId="8"/>
  </si>
  <si>
    <t>加美北２丁目</t>
    <phoneticPr fontId="8"/>
  </si>
  <si>
    <t>加美北３丁目</t>
    <phoneticPr fontId="8"/>
  </si>
  <si>
    <t>加美北４丁目</t>
    <phoneticPr fontId="8"/>
  </si>
  <si>
    <t>加美北５丁目</t>
    <phoneticPr fontId="8"/>
  </si>
  <si>
    <t>加美北６丁目</t>
    <phoneticPr fontId="8"/>
  </si>
  <si>
    <t>加美北７丁目</t>
    <phoneticPr fontId="8"/>
  </si>
  <si>
    <t>加美北８丁目</t>
    <phoneticPr fontId="8"/>
  </si>
  <si>
    <t>加美北９丁目</t>
    <phoneticPr fontId="8"/>
  </si>
  <si>
    <t>加美正覚寺</t>
    <phoneticPr fontId="8"/>
  </si>
  <si>
    <t>加美正覚寺１丁目</t>
    <phoneticPr fontId="8"/>
  </si>
  <si>
    <t>加美正覚寺２丁目</t>
    <phoneticPr fontId="8"/>
  </si>
  <si>
    <t>加美正覚寺３丁目</t>
    <phoneticPr fontId="8"/>
  </si>
  <si>
    <t>加美正覚寺４丁目</t>
    <phoneticPr fontId="8"/>
  </si>
  <si>
    <t>加美東</t>
    <phoneticPr fontId="8"/>
  </si>
  <si>
    <t>加美東１丁目</t>
    <phoneticPr fontId="8"/>
  </si>
  <si>
    <t>加美東２丁目</t>
    <phoneticPr fontId="8"/>
  </si>
  <si>
    <t>加美東３丁目</t>
    <phoneticPr fontId="8"/>
  </si>
  <si>
    <t>加美東４丁目</t>
    <phoneticPr fontId="8"/>
  </si>
  <si>
    <t>加美東５丁目</t>
    <phoneticPr fontId="8"/>
  </si>
  <si>
    <t>加美東６丁目</t>
    <phoneticPr fontId="8"/>
  </si>
  <si>
    <t>加美東７丁目</t>
    <phoneticPr fontId="8"/>
  </si>
  <si>
    <t>加美西</t>
    <phoneticPr fontId="8"/>
  </si>
  <si>
    <t>加美西１丁目</t>
    <phoneticPr fontId="8"/>
  </si>
  <si>
    <t>加美西２丁目</t>
    <phoneticPr fontId="8"/>
  </si>
  <si>
    <t>加美鞍作</t>
    <phoneticPr fontId="8"/>
  </si>
  <si>
    <t>加美鞍作１丁目</t>
    <phoneticPr fontId="8"/>
  </si>
  <si>
    <t>加美鞍作２丁目</t>
    <phoneticPr fontId="8"/>
  </si>
  <si>
    <t>加美鞍作３丁目</t>
    <phoneticPr fontId="8"/>
  </si>
  <si>
    <t>加美南</t>
    <phoneticPr fontId="8"/>
  </si>
  <si>
    <t>加美南１丁目</t>
    <phoneticPr fontId="8"/>
  </si>
  <si>
    <t>加美南２丁目</t>
    <phoneticPr fontId="8"/>
  </si>
  <si>
    <t>加美南３丁目</t>
    <phoneticPr fontId="8"/>
  </si>
  <si>
    <t>加美南４丁目</t>
    <phoneticPr fontId="8"/>
  </si>
  <si>
    <t>加美南５丁目</t>
    <phoneticPr fontId="8"/>
  </si>
  <si>
    <t>長吉出戸</t>
    <phoneticPr fontId="8"/>
  </si>
  <si>
    <t>長吉出戸１丁目</t>
    <phoneticPr fontId="8"/>
  </si>
  <si>
    <t>長吉出戸２丁目</t>
    <phoneticPr fontId="8"/>
  </si>
  <si>
    <t>長吉出戸３丁目</t>
    <phoneticPr fontId="8"/>
  </si>
  <si>
    <t>長吉出戸４丁目</t>
    <phoneticPr fontId="8"/>
  </si>
  <si>
    <t>長吉出戸５丁目</t>
    <phoneticPr fontId="8"/>
  </si>
  <si>
    <t>長吉出戸６丁目</t>
    <phoneticPr fontId="8"/>
  </si>
  <si>
    <t>長吉出戸７丁目</t>
    <phoneticPr fontId="8"/>
  </si>
  <si>
    <t>長吉出戸８丁目</t>
    <phoneticPr fontId="8"/>
  </si>
  <si>
    <t>長吉六反</t>
    <phoneticPr fontId="8"/>
  </si>
  <si>
    <t>長吉六反１丁目</t>
    <phoneticPr fontId="8"/>
  </si>
  <si>
    <t>長吉六反２丁目</t>
    <phoneticPr fontId="8"/>
  </si>
  <si>
    <t>長吉六反３丁目</t>
    <phoneticPr fontId="8"/>
  </si>
  <si>
    <t>長吉六反４丁目</t>
    <phoneticPr fontId="8"/>
  </si>
  <si>
    <t>長吉六反５丁目</t>
    <phoneticPr fontId="8"/>
  </si>
  <si>
    <t>長吉長原西</t>
    <phoneticPr fontId="8"/>
  </si>
  <si>
    <t>長吉長原西１丁目</t>
    <phoneticPr fontId="8"/>
  </si>
  <si>
    <t>長吉長原西２丁目</t>
    <phoneticPr fontId="8"/>
  </si>
  <si>
    <t>長吉長原西３丁目</t>
    <phoneticPr fontId="8"/>
  </si>
  <si>
    <t>長吉長原西４丁目</t>
    <phoneticPr fontId="8"/>
  </si>
  <si>
    <t>長吉長原</t>
    <phoneticPr fontId="8"/>
  </si>
  <si>
    <t>長吉長原１丁目</t>
    <phoneticPr fontId="8"/>
  </si>
  <si>
    <t>長吉長原２丁目</t>
    <phoneticPr fontId="8"/>
  </si>
  <si>
    <t>長吉長原３丁目</t>
    <phoneticPr fontId="8"/>
  </si>
  <si>
    <t>長吉長原４丁目</t>
    <phoneticPr fontId="8"/>
  </si>
  <si>
    <t>長吉長原東</t>
    <phoneticPr fontId="8"/>
  </si>
  <si>
    <t>長吉長原東１丁目</t>
    <phoneticPr fontId="8"/>
  </si>
  <si>
    <t>長吉長原東２丁目</t>
    <phoneticPr fontId="8"/>
  </si>
  <si>
    <t>長吉長原東３丁目</t>
    <phoneticPr fontId="8"/>
  </si>
  <si>
    <t>長吉川辺</t>
    <phoneticPr fontId="8"/>
  </si>
  <si>
    <t>長吉川辺１丁目</t>
    <phoneticPr fontId="8"/>
  </si>
  <si>
    <t>長吉川辺２丁目</t>
    <phoneticPr fontId="8"/>
  </si>
  <si>
    <t>長吉川辺３丁目</t>
    <phoneticPr fontId="8"/>
  </si>
  <si>
    <t>長吉川辺４丁目</t>
    <phoneticPr fontId="8"/>
  </si>
  <si>
    <t>西成区</t>
    <phoneticPr fontId="8"/>
  </si>
  <si>
    <t>山王</t>
    <phoneticPr fontId="8"/>
  </si>
  <si>
    <t>山王１丁目</t>
    <phoneticPr fontId="8"/>
  </si>
  <si>
    <t>山王２丁目</t>
    <phoneticPr fontId="8"/>
  </si>
  <si>
    <t>山王３丁目</t>
    <phoneticPr fontId="8"/>
  </si>
  <si>
    <t>太子</t>
    <phoneticPr fontId="8"/>
  </si>
  <si>
    <t>太子１丁目</t>
    <phoneticPr fontId="8"/>
  </si>
  <si>
    <t>太子２丁目</t>
    <phoneticPr fontId="8"/>
  </si>
  <si>
    <t>萩之茶屋</t>
    <phoneticPr fontId="8"/>
  </si>
  <si>
    <t>萩之茶屋１丁目</t>
    <phoneticPr fontId="8"/>
  </si>
  <si>
    <t>萩之茶屋２丁目</t>
    <phoneticPr fontId="8"/>
  </si>
  <si>
    <t>萩之茶屋３丁目</t>
    <phoneticPr fontId="8"/>
  </si>
  <si>
    <t>花園北</t>
    <phoneticPr fontId="8"/>
  </si>
  <si>
    <t>花園北１丁目</t>
    <phoneticPr fontId="8"/>
  </si>
  <si>
    <t>花園北２丁目</t>
    <phoneticPr fontId="8"/>
  </si>
  <si>
    <t>花園南</t>
    <phoneticPr fontId="8"/>
  </si>
  <si>
    <t>花園南１丁目</t>
    <phoneticPr fontId="8"/>
  </si>
  <si>
    <t>花園南２丁目</t>
    <phoneticPr fontId="8"/>
  </si>
  <si>
    <t>天下茶屋北</t>
    <phoneticPr fontId="8"/>
  </si>
  <si>
    <t>天下茶屋北１丁目</t>
    <phoneticPr fontId="8"/>
  </si>
  <si>
    <t>天下茶屋北２丁目</t>
    <phoneticPr fontId="8"/>
  </si>
  <si>
    <t>天下茶屋東</t>
    <phoneticPr fontId="8"/>
  </si>
  <si>
    <t>天下茶屋東１丁目</t>
    <phoneticPr fontId="8"/>
  </si>
  <si>
    <t>天下茶屋東２丁目</t>
    <phoneticPr fontId="8"/>
  </si>
  <si>
    <t>天下茶屋</t>
    <phoneticPr fontId="8"/>
  </si>
  <si>
    <t>天下茶屋１丁目</t>
    <phoneticPr fontId="8"/>
  </si>
  <si>
    <t>天下茶屋２丁目</t>
    <phoneticPr fontId="8"/>
  </si>
  <si>
    <t>天下茶屋３丁目</t>
    <phoneticPr fontId="8"/>
  </si>
  <si>
    <t>聖天下</t>
    <phoneticPr fontId="8"/>
  </si>
  <si>
    <t>聖天下１丁目</t>
    <phoneticPr fontId="8"/>
  </si>
  <si>
    <t>聖天下２丁目</t>
    <phoneticPr fontId="8"/>
  </si>
  <si>
    <t>天神ノ森</t>
    <phoneticPr fontId="8"/>
  </si>
  <si>
    <t>天神ノ森１丁目</t>
    <phoneticPr fontId="8"/>
  </si>
  <si>
    <t>天神ノ森２丁目</t>
    <phoneticPr fontId="8"/>
  </si>
  <si>
    <t>岸里</t>
    <phoneticPr fontId="8"/>
  </si>
  <si>
    <t>岸里１丁目</t>
    <phoneticPr fontId="8"/>
  </si>
  <si>
    <t>岸里２丁目</t>
    <phoneticPr fontId="8"/>
  </si>
  <si>
    <t>岸里３丁目</t>
    <phoneticPr fontId="8"/>
  </si>
  <si>
    <t>岸里東</t>
    <phoneticPr fontId="8"/>
  </si>
  <si>
    <t>岸里東１丁目</t>
    <phoneticPr fontId="8"/>
  </si>
  <si>
    <t>岸里東２丁目</t>
    <phoneticPr fontId="8"/>
  </si>
  <si>
    <t>玉出東</t>
    <phoneticPr fontId="8"/>
  </si>
  <si>
    <t>玉出東１丁目</t>
    <phoneticPr fontId="8"/>
  </si>
  <si>
    <t>玉出東２丁目</t>
    <phoneticPr fontId="8"/>
  </si>
  <si>
    <t>玉出中</t>
    <phoneticPr fontId="8"/>
  </si>
  <si>
    <t>玉出中１丁目</t>
    <phoneticPr fontId="8"/>
  </si>
  <si>
    <t>玉出中２丁目</t>
    <phoneticPr fontId="8"/>
  </si>
  <si>
    <t>玉出西</t>
    <phoneticPr fontId="8"/>
  </si>
  <si>
    <t>玉出西１丁目</t>
    <phoneticPr fontId="8"/>
  </si>
  <si>
    <t>玉出西２丁目</t>
    <phoneticPr fontId="8"/>
  </si>
  <si>
    <t>北開</t>
    <phoneticPr fontId="8"/>
  </si>
  <si>
    <t>北開１丁目</t>
    <phoneticPr fontId="8"/>
  </si>
  <si>
    <t>北開２丁目</t>
    <phoneticPr fontId="8"/>
  </si>
  <si>
    <t>中開</t>
    <phoneticPr fontId="8"/>
  </si>
  <si>
    <t>中開１丁目</t>
    <phoneticPr fontId="8"/>
  </si>
  <si>
    <t>中開２丁目</t>
    <phoneticPr fontId="8"/>
  </si>
  <si>
    <t>中開３丁目</t>
    <phoneticPr fontId="8"/>
  </si>
  <si>
    <t>南開</t>
    <phoneticPr fontId="8"/>
  </si>
  <si>
    <t>南開１丁目</t>
    <phoneticPr fontId="8"/>
  </si>
  <si>
    <t>南開２丁目</t>
    <phoneticPr fontId="8"/>
  </si>
  <si>
    <t>出城</t>
    <phoneticPr fontId="8"/>
  </si>
  <si>
    <t>出城１丁目</t>
    <phoneticPr fontId="8"/>
  </si>
  <si>
    <t>出城２丁目</t>
    <phoneticPr fontId="8"/>
  </si>
  <si>
    <t>出城３丁目</t>
    <phoneticPr fontId="8"/>
  </si>
  <si>
    <t>長橋</t>
    <phoneticPr fontId="8"/>
  </si>
  <si>
    <t>長橋１丁目</t>
    <phoneticPr fontId="8"/>
  </si>
  <si>
    <t>長橋２丁目</t>
    <phoneticPr fontId="8"/>
  </si>
  <si>
    <t>長橋３丁目</t>
    <phoneticPr fontId="8"/>
  </si>
  <si>
    <t>鶴見橋</t>
    <phoneticPr fontId="8"/>
  </si>
  <si>
    <t>鶴見橋１丁目</t>
    <phoneticPr fontId="8"/>
  </si>
  <si>
    <t>鶴見橋２丁目</t>
    <phoneticPr fontId="8"/>
  </si>
  <si>
    <t>鶴見橋３丁目</t>
    <phoneticPr fontId="8"/>
  </si>
  <si>
    <t>旭</t>
    <phoneticPr fontId="8"/>
  </si>
  <si>
    <t>旭１丁目</t>
    <phoneticPr fontId="8"/>
  </si>
  <si>
    <t>旭２丁目</t>
    <phoneticPr fontId="8"/>
  </si>
  <si>
    <t>旭３丁目</t>
    <phoneticPr fontId="8"/>
  </si>
  <si>
    <t>梅南</t>
    <phoneticPr fontId="8"/>
  </si>
  <si>
    <t>梅南１丁目</t>
    <phoneticPr fontId="8"/>
  </si>
  <si>
    <t>梅南２丁目</t>
    <phoneticPr fontId="8"/>
  </si>
  <si>
    <t>梅南３丁目</t>
    <phoneticPr fontId="8"/>
  </si>
  <si>
    <t>松</t>
    <phoneticPr fontId="8"/>
  </si>
  <si>
    <t>松１丁目</t>
    <phoneticPr fontId="8"/>
  </si>
  <si>
    <t>松２丁目</t>
    <phoneticPr fontId="8"/>
  </si>
  <si>
    <t>松３丁目</t>
    <phoneticPr fontId="8"/>
  </si>
  <si>
    <t>橘</t>
    <phoneticPr fontId="8"/>
  </si>
  <si>
    <t>橘１丁目</t>
    <phoneticPr fontId="8"/>
  </si>
  <si>
    <t>橘２丁目</t>
    <phoneticPr fontId="8"/>
  </si>
  <si>
    <t>橘３丁目</t>
    <phoneticPr fontId="8"/>
  </si>
  <si>
    <t>潮路</t>
    <phoneticPr fontId="8"/>
  </si>
  <si>
    <t>潮路１丁目</t>
    <phoneticPr fontId="8"/>
  </si>
  <si>
    <t>潮路２丁目</t>
    <phoneticPr fontId="8"/>
  </si>
  <si>
    <t>千本北</t>
    <phoneticPr fontId="8"/>
  </si>
  <si>
    <t>千本北１丁目</t>
    <phoneticPr fontId="8"/>
  </si>
  <si>
    <t>千本北２丁目</t>
    <phoneticPr fontId="8"/>
  </si>
  <si>
    <t>千本中</t>
    <phoneticPr fontId="8"/>
  </si>
  <si>
    <t>千本中１丁目</t>
    <phoneticPr fontId="8"/>
  </si>
  <si>
    <t>千本中２丁目</t>
    <phoneticPr fontId="8"/>
  </si>
  <si>
    <t>千本南</t>
    <phoneticPr fontId="8"/>
  </si>
  <si>
    <t>千本南１丁目</t>
    <phoneticPr fontId="8"/>
  </si>
  <si>
    <t>千本南２丁目</t>
    <phoneticPr fontId="8"/>
  </si>
  <si>
    <t>北津守</t>
    <phoneticPr fontId="8"/>
  </si>
  <si>
    <t>北津守１丁目</t>
    <phoneticPr fontId="8"/>
  </si>
  <si>
    <t>北津守２丁目</t>
    <phoneticPr fontId="8"/>
  </si>
  <si>
    <t>北津守３丁目</t>
    <phoneticPr fontId="8"/>
  </si>
  <si>
    <t>北津守４丁目</t>
    <phoneticPr fontId="8"/>
  </si>
  <si>
    <t>津守</t>
    <phoneticPr fontId="8"/>
  </si>
  <si>
    <t>津守１丁目</t>
    <phoneticPr fontId="8"/>
  </si>
  <si>
    <t>津守２丁目</t>
    <phoneticPr fontId="8"/>
  </si>
  <si>
    <t>津守３丁目</t>
    <phoneticPr fontId="8"/>
  </si>
  <si>
    <t>南津守</t>
    <phoneticPr fontId="8"/>
  </si>
  <si>
    <t>南津守１丁目</t>
    <phoneticPr fontId="8"/>
  </si>
  <si>
    <t>南津守２丁目</t>
    <phoneticPr fontId="8"/>
  </si>
  <si>
    <t>南津守３丁目</t>
    <phoneticPr fontId="8"/>
  </si>
  <si>
    <t>南津守４丁目</t>
    <phoneticPr fontId="8"/>
  </si>
  <si>
    <t>南津守５丁目</t>
    <phoneticPr fontId="8"/>
  </si>
  <si>
    <t>南津守６丁目</t>
    <phoneticPr fontId="8"/>
  </si>
  <si>
    <t>南津守７丁目</t>
    <phoneticPr fontId="8"/>
  </si>
  <si>
    <t>平成17年国勢調査　男女別15歳以上就業者数・延べ週間就業時間</t>
    <rPh sb="5" eb="9">
      <t>コクセイチョウサ</t>
    </rPh>
    <phoneticPr fontId="8"/>
  </si>
  <si>
    <t>第12表 就業時間(3区分),男女別15歳以上就業者数及び延べ週間就業時間-町丁･字等</t>
    <phoneticPr fontId="8"/>
  </si>
  <si>
    <t>総　　　　　　　　　　数</t>
    <phoneticPr fontId="8"/>
  </si>
  <si>
    <t>男</t>
    <rPh sb="0" eb="1">
      <t>オトコ</t>
    </rPh>
    <phoneticPr fontId="8"/>
  </si>
  <si>
    <t>女</t>
    <rPh sb="0" eb="1">
      <t>オンナ</t>
    </rPh>
    <phoneticPr fontId="8"/>
  </si>
  <si>
    <t>総数(不詳含)(人)</t>
  </si>
  <si>
    <t>休業者(人)</t>
    <phoneticPr fontId="8"/>
  </si>
  <si>
    <t>35時間未満(人)</t>
    <phoneticPr fontId="8"/>
  </si>
  <si>
    <t>35時間以上(人)</t>
    <phoneticPr fontId="8"/>
  </si>
  <si>
    <t>延べ週間就業時間(時間)</t>
    <phoneticPr fontId="8"/>
  </si>
  <si>
    <t>総数(不詳含)(人)</t>
    <phoneticPr fontId="8"/>
  </si>
  <si>
    <t>-</t>
    <phoneticPr fontId="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#,###"/>
    <numFmt numFmtId="177" formatCode="0_);[Red]\(0\)"/>
  </numFmts>
  <fonts count="15">
    <font>
      <sz val="9"/>
      <name val="ＭＳ 明朝"/>
      <family val="1"/>
      <charset val="128"/>
    </font>
    <font>
      <sz val="11"/>
      <name val="細明朝体"/>
      <family val="3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u/>
      <sz val="9"/>
      <color theme="10"/>
      <name val="ＭＳ 明朝"/>
      <family val="1"/>
      <charset val="128"/>
    </font>
    <font>
      <u/>
      <sz val="12"/>
      <color theme="10"/>
      <name val="ＭＳ 明朝"/>
      <family val="1"/>
      <charset val="128"/>
    </font>
    <font>
      <sz val="11"/>
      <name val="明朝"/>
      <family val="1"/>
      <charset val="128"/>
    </font>
    <font>
      <sz val="8"/>
      <name val="明朝"/>
      <family val="1"/>
      <charset val="128"/>
    </font>
    <font>
      <sz val="6"/>
      <name val="ＭＳ Ｐゴシック"/>
      <family val="3"/>
      <charset val="128"/>
    </font>
    <font>
      <sz val="8"/>
      <name val="明朝"/>
      <family val="3"/>
      <charset val="128"/>
    </font>
    <font>
      <b/>
      <sz val="14"/>
      <name val="ＭＳ ゴシック"/>
      <family val="3"/>
      <charset val="128"/>
    </font>
    <font>
      <sz val="11"/>
      <name val="ＭＳ Ｐゴシック"/>
      <family val="3"/>
      <charset val="128"/>
    </font>
    <font>
      <u/>
      <sz val="14"/>
      <color theme="10"/>
      <name val="ＭＳ 明朝"/>
      <family val="1"/>
      <charset val="128"/>
    </font>
    <font>
      <b/>
      <sz val="11"/>
      <name val="ＭＳ 明朝"/>
      <family val="1"/>
      <charset val="128"/>
    </font>
    <font>
      <sz val="9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1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5">
    <xf numFmtId="0" fontId="0" fillId="0" borderId="0"/>
    <xf numFmtId="0" fontId="4" fillId="0" borderId="0" applyNumberFormat="0" applyFill="0" applyBorder="0" applyAlignment="0" applyProtection="0"/>
    <xf numFmtId="0" fontId="6" fillId="0" borderId="0"/>
    <xf numFmtId="0" fontId="11" fillId="0" borderId="0">
      <alignment vertical="center"/>
    </xf>
    <xf numFmtId="38" fontId="14" fillId="0" borderId="0" applyFont="0" applyFill="0" applyBorder="0" applyAlignment="0" applyProtection="0">
      <alignment vertical="center"/>
    </xf>
  </cellStyleXfs>
  <cellXfs count="53">
    <xf numFmtId="0" fontId="0" fillId="0" borderId="0" xfId="0"/>
    <xf numFmtId="0" fontId="1" fillId="0" borderId="0" xfId="0" applyFont="1"/>
    <xf numFmtId="0" fontId="2" fillId="0" borderId="0" xfId="0" applyFont="1"/>
    <xf numFmtId="0" fontId="7" fillId="0" borderId="0" xfId="2" applyFont="1"/>
    <xf numFmtId="0" fontId="7" fillId="0" borderId="0" xfId="2" applyFont="1" applyAlignment="1">
      <alignment horizontal="center"/>
    </xf>
    <xf numFmtId="0" fontId="9" fillId="0" borderId="0" xfId="0" applyFont="1" applyAlignment="1">
      <alignment vertical="center"/>
    </xf>
    <xf numFmtId="0" fontId="7" fillId="0" borderId="0" xfId="2" applyFont="1" applyAlignment="1">
      <alignment vertical="center"/>
    </xf>
    <xf numFmtId="0" fontId="5" fillId="0" borderId="0" xfId="1" applyFont="1" applyAlignment="1">
      <alignment vertical="center"/>
    </xf>
    <xf numFmtId="0" fontId="10" fillId="0" borderId="0" xfId="0" applyFont="1" applyAlignment="1">
      <alignment vertical="center"/>
    </xf>
    <xf numFmtId="49" fontId="2" fillId="0" borderId="0" xfId="3" applyNumberFormat="1" applyFont="1">
      <alignment vertical="center"/>
    </xf>
    <xf numFmtId="49" fontId="2" fillId="0" borderId="4" xfId="3" applyNumberFormat="1" applyFont="1" applyFill="1" applyBorder="1" applyAlignment="1">
      <alignment horizontal="center" vertical="center"/>
    </xf>
    <xf numFmtId="49" fontId="2" fillId="0" borderId="3" xfId="3" applyNumberFormat="1" applyFont="1" applyFill="1" applyBorder="1" applyAlignment="1">
      <alignment horizontal="center" vertical="center"/>
    </xf>
    <xf numFmtId="49" fontId="2" fillId="0" borderId="0" xfId="3" applyNumberFormat="1" applyFont="1" applyFill="1">
      <alignment vertical="center"/>
    </xf>
    <xf numFmtId="49" fontId="13" fillId="0" borderId="4" xfId="3" applyNumberFormat="1" applyFont="1" applyFill="1" applyBorder="1" applyAlignment="1">
      <alignment horizontal="center" vertical="center"/>
    </xf>
    <xf numFmtId="49" fontId="13" fillId="0" borderId="3" xfId="3" applyNumberFormat="1" applyFont="1" applyFill="1" applyBorder="1" applyAlignment="1">
      <alignment horizontal="center" vertical="center"/>
    </xf>
    <xf numFmtId="49" fontId="13" fillId="0" borderId="0" xfId="3" applyNumberFormat="1" applyFont="1">
      <alignment vertical="center"/>
    </xf>
    <xf numFmtId="176" fontId="13" fillId="0" borderId="0" xfId="3" applyNumberFormat="1" applyFont="1" applyAlignment="1">
      <alignment horizontal="right" vertical="center" shrinkToFit="1"/>
    </xf>
    <xf numFmtId="176" fontId="2" fillId="0" borderId="0" xfId="3" applyNumberFormat="1" applyFont="1" applyAlignment="1">
      <alignment horizontal="right" vertical="center" shrinkToFit="1"/>
    </xf>
    <xf numFmtId="49" fontId="2" fillId="0" borderId="0" xfId="3" applyNumberFormat="1" applyFont="1" applyAlignment="1">
      <alignment horizontal="right" vertical="center" shrinkToFit="1"/>
    </xf>
    <xf numFmtId="49" fontId="2" fillId="0" borderId="0" xfId="3" applyNumberFormat="1" applyFont="1" applyAlignment="1">
      <alignment vertical="center" shrinkToFit="1"/>
    </xf>
    <xf numFmtId="49" fontId="13" fillId="0" borderId="3" xfId="3" applyNumberFormat="1" applyFont="1" applyFill="1" applyBorder="1" applyAlignment="1">
      <alignment vertical="center" shrinkToFit="1"/>
    </xf>
    <xf numFmtId="49" fontId="2" fillId="0" borderId="3" xfId="3" applyNumberFormat="1" applyFont="1" applyFill="1" applyBorder="1" applyAlignment="1">
      <alignment vertical="center" shrinkToFit="1"/>
    </xf>
    <xf numFmtId="49" fontId="2" fillId="0" borderId="0" xfId="3" applyNumberFormat="1" applyFont="1" applyFill="1" applyAlignment="1">
      <alignment vertical="center" shrinkToFit="1"/>
    </xf>
    <xf numFmtId="49" fontId="2" fillId="0" borderId="0" xfId="3" applyNumberFormat="1" applyFont="1" applyAlignment="1">
      <alignment horizontal="center" vertical="center"/>
    </xf>
    <xf numFmtId="49" fontId="2" fillId="0" borderId="4" xfId="3" applyNumberFormat="1" applyFont="1" applyFill="1" applyBorder="1">
      <alignment vertical="center"/>
    </xf>
    <xf numFmtId="49" fontId="2" fillId="0" borderId="3" xfId="3" applyNumberFormat="1" applyFont="1" applyFill="1" applyBorder="1">
      <alignment vertical="center"/>
    </xf>
    <xf numFmtId="49" fontId="2" fillId="0" borderId="0" xfId="3" applyNumberFormat="1" applyFont="1" applyAlignment="1">
      <alignment horizontal="right" vertical="center"/>
    </xf>
    <xf numFmtId="176" fontId="2" fillId="0" borderId="0" xfId="3" applyNumberFormat="1" applyFont="1" applyAlignment="1">
      <alignment horizontal="right" vertical="center"/>
    </xf>
    <xf numFmtId="49" fontId="2" fillId="0" borderId="0" xfId="3" applyNumberFormat="1" applyFont="1" applyFill="1" applyAlignment="1">
      <alignment horizontal="center" vertical="center"/>
    </xf>
    <xf numFmtId="49" fontId="2" fillId="0" borderId="10" xfId="3" applyNumberFormat="1" applyFont="1" applyBorder="1" applyAlignment="1">
      <alignment horizontal="center" vertical="center" shrinkToFit="1"/>
    </xf>
    <xf numFmtId="49" fontId="2" fillId="0" borderId="3" xfId="3" applyNumberFormat="1" applyFont="1" applyFill="1" applyBorder="1" applyAlignment="1">
      <alignment horizontal="left" vertical="center" shrinkToFit="1"/>
    </xf>
    <xf numFmtId="0" fontId="1" fillId="0" borderId="0" xfId="0" applyFont="1" applyAlignment="1">
      <alignment shrinkToFit="1"/>
    </xf>
    <xf numFmtId="0" fontId="2" fillId="0" borderId="0" xfId="0" applyFont="1" applyAlignment="1">
      <alignment shrinkToFit="1"/>
    </xf>
    <xf numFmtId="38" fontId="2" fillId="0" borderId="10" xfId="4" applyFont="1" applyBorder="1" applyAlignment="1">
      <alignment horizontal="center" vertical="center" shrinkToFit="1"/>
    </xf>
    <xf numFmtId="38" fontId="13" fillId="0" borderId="0" xfId="4" applyFont="1" applyAlignment="1">
      <alignment horizontal="right" vertical="center" shrinkToFit="1"/>
    </xf>
    <xf numFmtId="38" fontId="2" fillId="0" borderId="0" xfId="4" applyFont="1" applyAlignment="1">
      <alignment horizontal="right" vertical="center" shrinkToFit="1"/>
    </xf>
    <xf numFmtId="177" fontId="2" fillId="0" borderId="0" xfId="3" applyNumberFormat="1" applyFont="1" applyFill="1" applyAlignment="1">
      <alignment horizontal="right" vertical="center" shrinkToFit="1"/>
    </xf>
    <xf numFmtId="0" fontId="12" fillId="0" borderId="0" xfId="1" applyFont="1" applyAlignment="1">
      <alignment horizontal="left"/>
    </xf>
    <xf numFmtId="49" fontId="2" fillId="0" borderId="0" xfId="3" applyNumberFormat="1" applyFont="1" applyAlignment="1">
      <alignment horizontal="center" vertical="center"/>
    </xf>
    <xf numFmtId="49" fontId="2" fillId="0" borderId="2" xfId="3" applyNumberFormat="1" applyFont="1" applyFill="1" applyBorder="1" applyAlignment="1">
      <alignment horizontal="center" vertical="center"/>
    </xf>
    <xf numFmtId="49" fontId="2" fillId="0" borderId="6" xfId="3" applyNumberFormat="1" applyFont="1" applyFill="1" applyBorder="1" applyAlignment="1">
      <alignment horizontal="center" vertical="center"/>
    </xf>
    <xf numFmtId="49" fontId="2" fillId="0" borderId="1" xfId="3" applyNumberFormat="1" applyFont="1" applyFill="1" applyBorder="1" applyAlignment="1">
      <alignment horizontal="center" vertical="center" wrapText="1"/>
    </xf>
    <xf numFmtId="49" fontId="2" fillId="0" borderId="2" xfId="3" applyNumberFormat="1" applyFont="1" applyFill="1" applyBorder="1" applyAlignment="1">
      <alignment horizontal="center" vertical="center" wrapText="1"/>
    </xf>
    <xf numFmtId="49" fontId="2" fillId="0" borderId="7" xfId="3" applyNumberFormat="1" applyFont="1" applyFill="1" applyBorder="1" applyAlignment="1">
      <alignment horizontal="center" vertical="center" wrapText="1"/>
    </xf>
    <xf numFmtId="49" fontId="2" fillId="0" borderId="6" xfId="3" applyNumberFormat="1" applyFont="1" applyFill="1" applyBorder="1" applyAlignment="1">
      <alignment horizontal="center" vertical="center" wrapText="1"/>
    </xf>
    <xf numFmtId="49" fontId="2" fillId="0" borderId="8" xfId="3" applyNumberFormat="1" applyFont="1" applyBorder="1" applyAlignment="1">
      <alignment horizontal="center" vertical="center" shrinkToFit="1"/>
    </xf>
    <xf numFmtId="49" fontId="2" fillId="0" borderId="5" xfId="3" applyNumberFormat="1" applyFont="1" applyBorder="1" applyAlignment="1">
      <alignment horizontal="center" vertical="center" shrinkToFit="1"/>
    </xf>
    <xf numFmtId="49" fontId="2" fillId="0" borderId="9" xfId="3" applyNumberFormat="1" applyFont="1" applyBorder="1" applyAlignment="1">
      <alignment horizontal="center" vertical="center" shrinkToFit="1"/>
    </xf>
    <xf numFmtId="49" fontId="2" fillId="0" borderId="2" xfId="3" applyNumberFormat="1" applyFont="1" applyFill="1" applyBorder="1" applyAlignment="1">
      <alignment horizontal="center" vertical="center" shrinkToFit="1"/>
    </xf>
    <xf numFmtId="49" fontId="2" fillId="0" borderId="6" xfId="3" applyNumberFormat="1" applyFont="1" applyFill="1" applyBorder="1" applyAlignment="1">
      <alignment horizontal="center" vertical="center" shrinkToFit="1"/>
    </xf>
    <xf numFmtId="38" fontId="2" fillId="0" borderId="8" xfId="4" applyFont="1" applyBorder="1" applyAlignment="1">
      <alignment horizontal="center" vertical="center" shrinkToFit="1"/>
    </xf>
    <xf numFmtId="38" fontId="2" fillId="0" borderId="5" xfId="4" applyFont="1" applyBorder="1" applyAlignment="1">
      <alignment horizontal="center" vertical="center" shrinkToFit="1"/>
    </xf>
    <xf numFmtId="38" fontId="2" fillId="0" borderId="9" xfId="4" applyFont="1" applyBorder="1" applyAlignment="1">
      <alignment horizontal="center" vertical="center" shrinkToFit="1"/>
    </xf>
  </cellXfs>
  <cellStyles count="5">
    <cellStyle name="ハイパーリンク" xfId="1" builtinId="8"/>
    <cellStyle name="桁区切り" xfId="4" builtinId="6"/>
    <cellStyle name="標準" xfId="0" builtinId="0"/>
    <cellStyle name="標準 2" xfId="3"/>
    <cellStyle name="標準_第42表" xfId="2"/>
  </cellStyles>
  <dxfs count="0"/>
  <tableStyles count="0" defaultTableStyle="TableStyleMedium2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8080FF"/>
      <rgbColor rgb="00802060"/>
      <rgbColor rgb="00FFFFC0"/>
      <rgbColor rgb="00A0E0E0"/>
      <rgbColor rgb="00600080"/>
      <rgbColor rgb="00FF8080"/>
      <rgbColor rgb="000080C0"/>
      <rgbColor rgb="00C0C0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69FFFF"/>
      <rgbColor rgb="00CCFFCC"/>
      <rgbColor rgb="00FFFF99"/>
      <rgbColor rgb="00A6CAF0"/>
      <rgbColor rgb="00CC9CCC"/>
      <rgbColor rgb="00CC99FF"/>
      <rgbColor rgb="00E3E3E3"/>
      <rgbColor rgb="003366FF"/>
      <rgbColor rgb="0033CCCC"/>
      <rgbColor rgb="00339933"/>
      <rgbColor rgb="00999933"/>
      <rgbColor rgb="00996633"/>
      <rgbColor rgb="00996666"/>
      <rgbColor rgb="00666699"/>
      <rgbColor rgb="00969696"/>
      <rgbColor rgb="003333CC"/>
      <rgbColor rgb="00336666"/>
      <rgbColor rgb="00003300"/>
      <rgbColor rgb="00333300"/>
      <rgbColor rgb="00663300"/>
      <rgbColor rgb="00993366"/>
      <rgbColor rgb="00333399"/>
      <rgbColor rgb="00424242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theme" Target="theme/theme1.xml"/><Relationship Id="rId3" Type="http://schemas.openxmlformats.org/officeDocument/2006/relationships/worksheet" Target="worksheets/sheet3.xml"/><Relationship Id="rId21" Type="http://schemas.openxmlformats.org/officeDocument/2006/relationships/worksheet" Target="worksheets/sheet21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sharedStrings" Target="sharedStrings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E267"/>
  <sheetViews>
    <sheetView tabSelected="1" zoomScaleNormal="100" zoomScaleSheetLayoutView="75" workbookViewId="0"/>
  </sheetViews>
  <sheetFormatPr defaultRowHeight="9.75" customHeight="1"/>
  <cols>
    <col min="1" max="1" width="9.33203125" style="3"/>
    <col min="2" max="3" width="24.83203125" style="3" customWidth="1"/>
    <col min="4" max="4" width="24.83203125" style="4" customWidth="1"/>
    <col min="5" max="5" width="24.83203125" style="3" customWidth="1"/>
    <col min="6" max="16384" width="9.33203125" style="3"/>
  </cols>
  <sheetData>
    <row r="1" spans="1:5" ht="21" customHeight="1"/>
    <row r="2" spans="1:5" ht="21" customHeight="1">
      <c r="A2" s="8" t="s">
        <v>2461</v>
      </c>
      <c r="C2" s="5"/>
      <c r="D2" s="5"/>
      <c r="E2" s="5"/>
    </row>
    <row r="3" spans="1:5" ht="21" customHeight="1">
      <c r="B3" s="5"/>
      <c r="C3" s="5"/>
      <c r="D3" s="5"/>
      <c r="E3" s="5"/>
    </row>
    <row r="4" spans="1:5" s="6" customFormat="1" ht="21" customHeight="1">
      <c r="B4" s="7"/>
      <c r="C4" s="7" t="s">
        <v>1</v>
      </c>
      <c r="D4" s="7" t="s">
        <v>2</v>
      </c>
      <c r="E4" s="7" t="s">
        <v>3</v>
      </c>
    </row>
    <row r="5" spans="1:5" s="6" customFormat="1" ht="21" customHeight="1">
      <c r="B5" s="5"/>
      <c r="C5" s="7" t="s">
        <v>4</v>
      </c>
      <c r="D5" s="7" t="s">
        <v>5</v>
      </c>
      <c r="E5" s="7" t="s">
        <v>6</v>
      </c>
    </row>
    <row r="6" spans="1:5" s="6" customFormat="1" ht="21" customHeight="1">
      <c r="B6" s="5"/>
      <c r="C6" s="7" t="s">
        <v>7</v>
      </c>
      <c r="D6" s="7" t="s">
        <v>8</v>
      </c>
      <c r="E6" s="7" t="s">
        <v>9</v>
      </c>
    </row>
    <row r="7" spans="1:5" s="6" customFormat="1" ht="21" customHeight="1">
      <c r="B7" s="5"/>
      <c r="C7" s="7" t="s">
        <v>10</v>
      </c>
      <c r="D7" s="7" t="s">
        <v>11</v>
      </c>
      <c r="E7" s="7" t="s">
        <v>12</v>
      </c>
    </row>
    <row r="8" spans="1:5" s="6" customFormat="1" ht="21" customHeight="1">
      <c r="B8" s="5"/>
      <c r="C8" s="7" t="s">
        <v>13</v>
      </c>
      <c r="D8" s="7" t="s">
        <v>14</v>
      </c>
      <c r="E8" s="7" t="s">
        <v>15</v>
      </c>
    </row>
    <row r="9" spans="1:5" s="6" customFormat="1" ht="21" customHeight="1">
      <c r="B9" s="5"/>
      <c r="C9" s="7" t="s">
        <v>16</v>
      </c>
      <c r="D9" s="7" t="s">
        <v>17</v>
      </c>
      <c r="E9" s="7" t="s">
        <v>18</v>
      </c>
    </row>
    <row r="10" spans="1:5" s="6" customFormat="1" ht="21" customHeight="1">
      <c r="B10" s="5"/>
      <c r="C10" s="7" t="s">
        <v>19</v>
      </c>
      <c r="D10" s="7" t="s">
        <v>20</v>
      </c>
      <c r="E10" s="7" t="s">
        <v>21</v>
      </c>
    </row>
    <row r="11" spans="1:5" s="6" customFormat="1" ht="21" customHeight="1">
      <c r="B11" s="5"/>
      <c r="C11" s="7" t="s">
        <v>22</v>
      </c>
      <c r="D11" s="7" t="s">
        <v>23</v>
      </c>
      <c r="E11" s="7" t="s">
        <v>24</v>
      </c>
    </row>
    <row r="12" spans="1:5" ht="21" customHeight="1"/>
    <row r="13" spans="1:5" ht="21" customHeight="1"/>
    <row r="14" spans="1:5" ht="21" customHeight="1"/>
    <row r="15" spans="1:5" ht="21" customHeight="1"/>
    <row r="16" spans="1:5" ht="21" customHeight="1"/>
    <row r="17" ht="21" customHeight="1"/>
    <row r="18" ht="21" customHeight="1"/>
    <row r="19" ht="21" customHeight="1"/>
    <row r="20" ht="21" customHeight="1"/>
    <row r="21" ht="21" customHeight="1"/>
    <row r="22" ht="21" customHeight="1"/>
    <row r="23" ht="21" customHeight="1"/>
    <row r="24" ht="21" customHeight="1"/>
    <row r="25" ht="21" customHeight="1"/>
    <row r="26" ht="21" customHeight="1"/>
    <row r="27" ht="21" customHeight="1"/>
    <row r="28" ht="21" customHeight="1"/>
    <row r="29" ht="21" customHeight="1"/>
    <row r="30" ht="21" customHeight="1"/>
    <row r="31" ht="21" customHeight="1"/>
    <row r="32" ht="21" customHeight="1"/>
    <row r="33" ht="21" customHeight="1"/>
    <row r="34" ht="21" customHeight="1"/>
    <row r="35" ht="21" customHeight="1"/>
    <row r="36" ht="21" customHeight="1"/>
    <row r="37" ht="21" customHeight="1"/>
    <row r="38" ht="21" customHeight="1"/>
    <row r="39" ht="21" customHeight="1"/>
    <row r="40" ht="21" customHeight="1"/>
    <row r="41" ht="21" customHeight="1"/>
    <row r="42" ht="21" customHeight="1"/>
    <row r="43" ht="21" customHeight="1"/>
    <row r="44" ht="21" customHeight="1"/>
    <row r="45" ht="21" customHeight="1"/>
    <row r="46" ht="21" customHeight="1"/>
    <row r="47" ht="21" customHeight="1"/>
    <row r="48" ht="21" customHeight="1"/>
    <row r="49" ht="21" customHeight="1"/>
    <row r="50" ht="21" customHeight="1"/>
    <row r="51" ht="21" customHeight="1"/>
    <row r="52" ht="21" customHeight="1"/>
    <row r="53" ht="21" customHeight="1"/>
    <row r="54" ht="21" customHeight="1"/>
    <row r="55" ht="21" customHeight="1"/>
    <row r="56" ht="21" customHeight="1"/>
    <row r="57" ht="21" customHeight="1"/>
    <row r="58" ht="21" customHeight="1"/>
    <row r="59" ht="21" customHeight="1"/>
    <row r="60" ht="21" customHeight="1"/>
    <row r="61" ht="21" customHeight="1"/>
    <row r="62" ht="21" customHeight="1"/>
    <row r="63" ht="21" customHeight="1"/>
    <row r="64" ht="21" customHeight="1"/>
    <row r="65" ht="21" customHeight="1"/>
    <row r="66" ht="21" customHeight="1"/>
    <row r="67" ht="21" customHeight="1"/>
    <row r="68" ht="21" customHeight="1"/>
    <row r="69" ht="21" customHeight="1"/>
    <row r="70" ht="21" customHeight="1"/>
    <row r="71" ht="21" customHeight="1"/>
    <row r="72" ht="21" customHeight="1"/>
    <row r="73" ht="21" customHeight="1"/>
    <row r="74" ht="21" customHeight="1"/>
    <row r="75" ht="21" customHeight="1"/>
    <row r="76" ht="21" customHeight="1"/>
    <row r="77" ht="21" customHeight="1"/>
    <row r="78" ht="21" customHeight="1"/>
    <row r="79" ht="21" customHeight="1"/>
    <row r="80" ht="21" customHeight="1"/>
    <row r="81" ht="21" customHeight="1"/>
    <row r="82" ht="21" customHeight="1"/>
    <row r="83" ht="21" customHeight="1"/>
    <row r="84" ht="21" customHeight="1"/>
    <row r="85" ht="21" customHeight="1"/>
    <row r="86" ht="21" customHeight="1"/>
    <row r="87" ht="21" customHeight="1"/>
    <row r="88" ht="21" customHeight="1"/>
    <row r="89" ht="21" customHeight="1"/>
    <row r="90" ht="21" customHeight="1"/>
    <row r="91" ht="21" customHeight="1"/>
    <row r="92" ht="21" customHeight="1"/>
    <row r="93" ht="21" customHeight="1"/>
    <row r="94" ht="21" customHeight="1"/>
    <row r="95" ht="21" customHeight="1"/>
    <row r="96" ht="21" customHeight="1"/>
    <row r="97" ht="21" customHeight="1"/>
    <row r="98" ht="21" customHeight="1"/>
    <row r="99" ht="21" customHeight="1"/>
    <row r="100" ht="21" customHeight="1"/>
    <row r="101" ht="21" customHeight="1"/>
    <row r="102" ht="21" customHeight="1"/>
    <row r="103" ht="21" customHeight="1"/>
    <row r="104" ht="21" customHeight="1"/>
    <row r="105" ht="21" customHeight="1"/>
    <row r="106" ht="21" customHeight="1"/>
    <row r="107" ht="21" customHeight="1"/>
    <row r="108" ht="21" customHeight="1"/>
    <row r="109" ht="21" customHeight="1"/>
    <row r="110" ht="21" customHeight="1"/>
    <row r="111" ht="21" customHeight="1"/>
    <row r="112" ht="21" customHeight="1"/>
    <row r="113" ht="21" customHeight="1"/>
    <row r="114" ht="21" customHeight="1"/>
    <row r="115" ht="21" customHeight="1"/>
    <row r="116" ht="21" customHeight="1"/>
    <row r="117" ht="21" customHeight="1"/>
    <row r="118" ht="21" customHeight="1"/>
    <row r="119" ht="21" customHeight="1"/>
    <row r="120" ht="21" customHeight="1"/>
    <row r="121" ht="21" customHeight="1"/>
    <row r="122" ht="21" customHeight="1"/>
    <row r="123" ht="21" customHeight="1"/>
    <row r="124" ht="21" customHeight="1"/>
    <row r="125" ht="21" customHeight="1"/>
    <row r="126" ht="21" customHeight="1"/>
    <row r="127" ht="21" customHeight="1"/>
    <row r="128" ht="21" customHeight="1"/>
    <row r="129" ht="21" customHeight="1"/>
    <row r="130" ht="21" customHeight="1"/>
    <row r="131" ht="21" customHeight="1"/>
    <row r="132" ht="21" customHeight="1"/>
    <row r="133" ht="21" customHeight="1"/>
    <row r="134" ht="21" customHeight="1"/>
    <row r="135" ht="21" customHeight="1"/>
    <row r="136" ht="21" customHeight="1"/>
    <row r="137" ht="21" customHeight="1"/>
    <row r="138" ht="21" customHeight="1"/>
    <row r="139" ht="21" customHeight="1"/>
    <row r="140" ht="21" customHeight="1"/>
    <row r="141" ht="21" customHeight="1"/>
    <row r="142" ht="21" customHeight="1"/>
    <row r="143" ht="21" customHeight="1"/>
    <row r="144" ht="21" customHeight="1"/>
    <row r="145" ht="21" customHeight="1"/>
    <row r="146" ht="21" customHeight="1"/>
    <row r="147" ht="21" customHeight="1"/>
    <row r="148" ht="21" customHeight="1"/>
    <row r="149" ht="21" customHeight="1"/>
    <row r="150" ht="21" customHeight="1"/>
    <row r="151" ht="21" customHeight="1"/>
    <row r="152" ht="21" customHeight="1"/>
    <row r="153" ht="21" customHeight="1"/>
    <row r="154" ht="21" customHeight="1"/>
    <row r="155" ht="21" customHeight="1"/>
    <row r="156" ht="21" customHeight="1"/>
    <row r="157" ht="21" customHeight="1"/>
    <row r="158" ht="21" customHeight="1"/>
    <row r="159" ht="21" customHeight="1"/>
    <row r="160" ht="21" customHeight="1"/>
    <row r="161" ht="21" customHeight="1"/>
    <row r="162" ht="21" customHeight="1"/>
    <row r="163" ht="21" customHeight="1"/>
    <row r="164" ht="21" customHeight="1"/>
    <row r="165" ht="21" customHeight="1"/>
    <row r="166" ht="21" customHeight="1"/>
    <row r="167" ht="21" customHeight="1"/>
    <row r="168" ht="21" customHeight="1"/>
    <row r="169" ht="21" customHeight="1"/>
    <row r="170" ht="21" customHeight="1"/>
    <row r="171" ht="21" customHeight="1"/>
    <row r="172" ht="21" customHeight="1"/>
    <row r="173" ht="21" customHeight="1"/>
    <row r="174" ht="21" customHeight="1"/>
    <row r="175" ht="21" customHeight="1"/>
    <row r="176" ht="21" customHeight="1"/>
    <row r="177" ht="21" customHeight="1"/>
    <row r="178" ht="21" customHeight="1"/>
    <row r="179" ht="21" customHeight="1"/>
    <row r="180" ht="21" customHeight="1"/>
    <row r="181" ht="21" customHeight="1"/>
    <row r="182" ht="21" customHeight="1"/>
    <row r="183" ht="21" customHeight="1"/>
    <row r="184" ht="21" customHeight="1"/>
    <row r="185" ht="21" customHeight="1"/>
    <row r="186" ht="21" customHeight="1"/>
    <row r="187" ht="21" customHeight="1"/>
    <row r="188" ht="21" customHeight="1"/>
    <row r="189" ht="21" customHeight="1"/>
    <row r="190" ht="21" customHeight="1"/>
    <row r="191" ht="21" customHeight="1"/>
    <row r="192" ht="21" customHeight="1"/>
    <row r="193" ht="21" customHeight="1"/>
    <row r="194" ht="21" customHeight="1"/>
    <row r="195" ht="21" customHeight="1"/>
    <row r="196" ht="21" customHeight="1"/>
    <row r="197" ht="21" customHeight="1"/>
    <row r="198" ht="21" customHeight="1"/>
    <row r="199" ht="21" customHeight="1"/>
    <row r="200" ht="21" customHeight="1"/>
    <row r="201" ht="21" customHeight="1"/>
    <row r="202" ht="21" customHeight="1"/>
    <row r="203" ht="21" customHeight="1"/>
    <row r="204" ht="21" customHeight="1"/>
    <row r="205" ht="21" customHeight="1"/>
    <row r="206" ht="21" customHeight="1"/>
    <row r="207" ht="21" customHeight="1"/>
    <row r="208" ht="21" customHeight="1"/>
    <row r="209" ht="21" customHeight="1"/>
    <row r="210" ht="21" customHeight="1"/>
    <row r="211" ht="21" customHeight="1"/>
    <row r="212" ht="21" customHeight="1"/>
    <row r="213" ht="21" customHeight="1"/>
    <row r="214" ht="21" customHeight="1"/>
    <row r="215" ht="21" customHeight="1"/>
    <row r="216" ht="21" customHeight="1"/>
    <row r="217" ht="21" customHeight="1"/>
    <row r="218" ht="21" customHeight="1"/>
    <row r="219" ht="21" customHeight="1"/>
    <row r="220" ht="21" customHeight="1"/>
    <row r="221" ht="21" customHeight="1"/>
    <row r="222" ht="21" customHeight="1"/>
    <row r="223" ht="21" customHeight="1"/>
    <row r="224" ht="21" customHeight="1"/>
    <row r="225" ht="21" customHeight="1"/>
    <row r="226" ht="21" customHeight="1"/>
    <row r="227" ht="21" customHeight="1"/>
    <row r="228" ht="21" customHeight="1"/>
    <row r="229" ht="21" customHeight="1"/>
    <row r="230" ht="21" customHeight="1"/>
    <row r="231" ht="21" customHeight="1"/>
    <row r="232" ht="21" customHeight="1"/>
    <row r="233" ht="21" customHeight="1"/>
    <row r="234" ht="21" customHeight="1"/>
    <row r="235" ht="21" customHeight="1"/>
    <row r="236" ht="21" customHeight="1"/>
    <row r="237" ht="21" customHeight="1"/>
    <row r="238" ht="21" customHeight="1"/>
    <row r="239" ht="21" customHeight="1"/>
    <row r="240" ht="21" customHeight="1"/>
    <row r="241" ht="21" customHeight="1"/>
    <row r="242" ht="21" customHeight="1"/>
    <row r="243" ht="21" customHeight="1"/>
    <row r="244" ht="21" customHeight="1"/>
    <row r="245" ht="21" customHeight="1"/>
    <row r="246" ht="21" customHeight="1"/>
    <row r="247" ht="21" customHeight="1"/>
    <row r="248" ht="21" customHeight="1"/>
    <row r="249" ht="21" customHeight="1"/>
    <row r="250" ht="21" customHeight="1"/>
    <row r="251" ht="21" customHeight="1"/>
    <row r="252" ht="21" customHeight="1"/>
    <row r="253" ht="21" customHeight="1"/>
    <row r="254" ht="21" customHeight="1"/>
    <row r="255" ht="21" customHeight="1"/>
    <row r="256" ht="21" customHeight="1"/>
    <row r="257" ht="21" customHeight="1"/>
    <row r="258" ht="21" customHeight="1"/>
    <row r="259" ht="21" customHeight="1"/>
    <row r="260" ht="21" customHeight="1"/>
    <row r="261" ht="21" customHeight="1"/>
    <row r="262" ht="21" customHeight="1"/>
    <row r="263" ht="21" customHeight="1"/>
    <row r="264" ht="21" customHeight="1"/>
    <row r="265" ht="21" customHeight="1"/>
    <row r="266" ht="21" customHeight="1"/>
    <row r="267" ht="21" customHeight="1"/>
  </sheetData>
  <phoneticPr fontId="3"/>
  <hyperlinks>
    <hyperlink ref="C4" location="'北区　抽出結果'!A1" display="・北区"/>
    <hyperlink ref="C5" location="'都島区　抽出結果'!A1" display="・都島区"/>
    <hyperlink ref="C6" location="'福島区　抽出結果'!A1" display="・福島区"/>
    <hyperlink ref="C7" location="'此花区　抽出結果'!A1" display="・此花区"/>
    <hyperlink ref="C9" location="'西区　抽出結果'!A1" display="・西区"/>
    <hyperlink ref="C8" location="'中央区　抽出結果'!A1" display="・中央区"/>
    <hyperlink ref="C10" location="'港区　抽出結果'!A1" display="・港区"/>
    <hyperlink ref="C11" location="'大正区　抽出結果'!A1" display="・大正区"/>
    <hyperlink ref="D4" location="'天王寺区　抽出結果'!A1" display="・天王寺区"/>
    <hyperlink ref="D5" location="'浪速区　抽出結果'!A1" display="・浪速区"/>
    <hyperlink ref="D6" location="'西淀川区　抽出結果'!A1" display="・西淀川区"/>
    <hyperlink ref="D7" location="'淀川区　抽出結果'!A1" display="・淀川区"/>
    <hyperlink ref="D8" location="'東淀川区　抽出結果'!A1" display="・東淀川区"/>
    <hyperlink ref="D9" location="'東成区　抽出結果'!A1" display="・東成区"/>
    <hyperlink ref="D10" location="'生野区　抽出結果'!A1" display="・生野区"/>
    <hyperlink ref="D11" location="'旭区　抽出結果'!A1" display="・旭区"/>
    <hyperlink ref="E4" location="'城東区　抽出結果'!A1" display="・城東区"/>
    <hyperlink ref="E5" location="'鶴見区　抽出結果'!A1" display="・鶴見区"/>
    <hyperlink ref="E6" location="'阿倍野区　抽出結果'!A1" display="・阿倍野区"/>
    <hyperlink ref="E7" location="'住之江区　抽出結果'!A1" display="・住之江区"/>
    <hyperlink ref="E8" location="'住吉区　抽出結果'!A1" display="・住吉区"/>
    <hyperlink ref="E9" location="'東住吉区　抽出結果'!A1" display="・東住吉区"/>
    <hyperlink ref="E10" location="'平野区　抽出結果'!A1" display="・平野区"/>
    <hyperlink ref="E11" location="'西成区　抽出結果'!A1" display="・西成区"/>
  </hyperlinks>
  <printOptions horizontalCentered="1" gridLinesSet="0"/>
  <pageMargins left="0.78740157480314965" right="0.78740157480314965" top="0.78740157480314965" bottom="0.78740157480314965" header="0.98425196850393704" footer="0.51181102362204722"/>
  <pageSetup paperSize="9" scale="90" pageOrder="overThenDown" orientation="portrait" r:id="rId1"/>
  <headerFooter alignWithMargins="0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R106"/>
  <sheetViews>
    <sheetView zoomScaleNormal="100" workbookViewId="0">
      <selection sqref="A1:D1"/>
    </sheetView>
  </sheetViews>
  <sheetFormatPr defaultRowHeight="13.5"/>
  <cols>
    <col min="1" max="1" width="25.83203125" style="12" customWidth="1"/>
    <col min="2" max="3" width="4.83203125" style="12" customWidth="1"/>
    <col min="4" max="4" width="22.1640625" style="9" customWidth="1"/>
    <col min="5" max="5" width="13.6640625" style="9" bestFit="1" customWidth="1"/>
    <col min="6" max="7" width="19.5" style="9" bestFit="1" customWidth="1"/>
    <col min="8" max="8" width="30.33203125" style="9" bestFit="1" customWidth="1"/>
    <col min="9" max="9" width="22.1640625" style="9" customWidth="1"/>
    <col min="10" max="10" width="13.6640625" style="9" bestFit="1" customWidth="1"/>
    <col min="11" max="12" width="19.5" style="9" bestFit="1" customWidth="1"/>
    <col min="13" max="13" width="30.33203125" style="9" bestFit="1" customWidth="1"/>
    <col min="14" max="14" width="22.6640625" style="9" customWidth="1"/>
    <col min="15" max="15" width="13.6640625" style="9" bestFit="1" customWidth="1"/>
    <col min="16" max="17" width="19.5" style="9" bestFit="1" customWidth="1"/>
    <col min="18" max="18" width="30.33203125" style="9" bestFit="1" customWidth="1"/>
    <col min="19" max="16384" width="9.33203125" style="9"/>
  </cols>
  <sheetData>
    <row r="1" spans="1:18" s="1" customFormat="1" ht="16.5" customHeight="1">
      <c r="A1" s="37" t="s">
        <v>0</v>
      </c>
      <c r="B1" s="37"/>
      <c r="C1" s="37"/>
      <c r="D1" s="37"/>
      <c r="E1" s="31"/>
      <c r="F1" s="31"/>
      <c r="G1" s="31"/>
      <c r="H1" s="31"/>
      <c r="I1" s="32"/>
      <c r="J1" s="32"/>
      <c r="K1" s="32"/>
      <c r="L1" s="32"/>
      <c r="M1" s="32"/>
      <c r="N1" s="32"/>
      <c r="O1" s="32"/>
      <c r="P1" s="31"/>
      <c r="Q1" s="31"/>
      <c r="R1" s="31"/>
    </row>
    <row r="2" spans="1:18" s="1" customFormat="1" ht="16.5" customHeight="1">
      <c r="D2" s="31"/>
      <c r="E2" s="31"/>
      <c r="F2" s="31"/>
      <c r="G2" s="31"/>
      <c r="H2" s="31"/>
      <c r="I2" s="32"/>
      <c r="J2" s="32"/>
      <c r="K2" s="32"/>
      <c r="L2" s="32"/>
      <c r="M2" s="32"/>
      <c r="N2" s="32"/>
      <c r="O2" s="32"/>
      <c r="P2" s="31"/>
      <c r="Q2" s="31"/>
      <c r="R2" s="31"/>
    </row>
    <row r="3" spans="1:18">
      <c r="A3" s="38" t="s">
        <v>2462</v>
      </c>
      <c r="B3" s="38"/>
      <c r="C3" s="38"/>
      <c r="D3" s="38"/>
      <c r="E3" s="38"/>
      <c r="F3" s="38"/>
      <c r="G3" s="38"/>
      <c r="H3" s="38"/>
      <c r="I3" s="38"/>
      <c r="J3" s="38"/>
      <c r="K3" s="38"/>
      <c r="L3" s="38"/>
      <c r="M3" s="38"/>
      <c r="N3" s="38"/>
      <c r="O3" s="38"/>
      <c r="P3" s="38"/>
      <c r="Q3" s="38"/>
      <c r="R3" s="38"/>
    </row>
    <row r="4" spans="1:18">
      <c r="A4" s="9"/>
      <c r="B4" s="9"/>
      <c r="C4" s="9"/>
    </row>
    <row r="6" spans="1:18" ht="13.5" customHeight="1">
      <c r="A6" s="48" t="s">
        <v>26</v>
      </c>
      <c r="B6" s="41" t="s">
        <v>27</v>
      </c>
      <c r="C6" s="42"/>
      <c r="D6" s="45" t="s">
        <v>2463</v>
      </c>
      <c r="E6" s="46"/>
      <c r="F6" s="46"/>
      <c r="G6" s="46"/>
      <c r="H6" s="47"/>
      <c r="I6" s="45" t="s">
        <v>2464</v>
      </c>
      <c r="J6" s="46"/>
      <c r="K6" s="46"/>
      <c r="L6" s="46"/>
      <c r="M6" s="47"/>
      <c r="N6" s="45" t="s">
        <v>2465</v>
      </c>
      <c r="O6" s="46"/>
      <c r="P6" s="46"/>
      <c r="Q6" s="46"/>
      <c r="R6" s="47"/>
    </row>
    <row r="7" spans="1:18" s="23" customFormat="1">
      <c r="A7" s="49"/>
      <c r="B7" s="43"/>
      <c r="C7" s="44"/>
      <c r="D7" s="29" t="s">
        <v>2466</v>
      </c>
      <c r="E7" s="29" t="s">
        <v>2467</v>
      </c>
      <c r="F7" s="29" t="s">
        <v>2468</v>
      </c>
      <c r="G7" s="29" t="s">
        <v>2469</v>
      </c>
      <c r="H7" s="29" t="s">
        <v>2470</v>
      </c>
      <c r="I7" s="29" t="s">
        <v>2471</v>
      </c>
      <c r="J7" s="29" t="s">
        <v>2467</v>
      </c>
      <c r="K7" s="29" t="s">
        <v>2468</v>
      </c>
      <c r="L7" s="29" t="s">
        <v>2469</v>
      </c>
      <c r="M7" s="29" t="s">
        <v>2470</v>
      </c>
      <c r="N7" s="29" t="s">
        <v>2471</v>
      </c>
      <c r="O7" s="29" t="s">
        <v>2467</v>
      </c>
      <c r="P7" s="29" t="s">
        <v>2468</v>
      </c>
      <c r="Q7" s="29" t="s">
        <v>2469</v>
      </c>
      <c r="R7" s="29" t="s">
        <v>2470</v>
      </c>
    </row>
    <row r="8" spans="1:18" s="15" customFormat="1">
      <c r="A8" s="20" t="s">
        <v>845</v>
      </c>
      <c r="B8" s="13" t="s">
        <v>25</v>
      </c>
      <c r="C8" s="14" t="s">
        <v>25</v>
      </c>
      <c r="D8" s="16">
        <v>29284</v>
      </c>
      <c r="E8" s="16">
        <v>456</v>
      </c>
      <c r="F8" s="16">
        <v>7083</v>
      </c>
      <c r="G8" s="16">
        <v>21628</v>
      </c>
      <c r="H8" s="16">
        <v>1204655</v>
      </c>
      <c r="I8" s="16">
        <v>15962</v>
      </c>
      <c r="J8" s="16">
        <v>244</v>
      </c>
      <c r="K8" s="16">
        <v>2070</v>
      </c>
      <c r="L8" s="16">
        <v>13576</v>
      </c>
      <c r="M8" s="16">
        <v>735793</v>
      </c>
      <c r="N8" s="16">
        <v>13322</v>
      </c>
      <c r="O8" s="16">
        <v>212</v>
      </c>
      <c r="P8" s="16">
        <v>5013</v>
      </c>
      <c r="Q8" s="16">
        <v>8052</v>
      </c>
      <c r="R8" s="16">
        <v>468862</v>
      </c>
    </row>
    <row r="9" spans="1:18">
      <c r="A9" s="30" t="s">
        <v>846</v>
      </c>
      <c r="B9" s="10" t="s">
        <v>25</v>
      </c>
      <c r="C9" s="11" t="s">
        <v>25</v>
      </c>
      <c r="D9" s="17">
        <v>2940</v>
      </c>
      <c r="E9" s="17">
        <v>44</v>
      </c>
      <c r="F9" s="17">
        <v>729</v>
      </c>
      <c r="G9" s="17">
        <v>2162</v>
      </c>
      <c r="H9" s="17">
        <v>121368</v>
      </c>
      <c r="I9" s="17">
        <v>1535</v>
      </c>
      <c r="J9" s="17">
        <v>21</v>
      </c>
      <c r="K9" s="17">
        <v>207</v>
      </c>
      <c r="L9" s="17">
        <v>1304</v>
      </c>
      <c r="M9" s="17">
        <v>71523</v>
      </c>
      <c r="N9" s="17">
        <v>1405</v>
      </c>
      <c r="O9" s="17">
        <v>23</v>
      </c>
      <c r="P9" s="17">
        <v>522</v>
      </c>
      <c r="Q9" s="17">
        <v>858</v>
      </c>
      <c r="R9" s="17">
        <v>49845</v>
      </c>
    </row>
    <row r="10" spans="1:18">
      <c r="A10" s="21" t="s">
        <v>847</v>
      </c>
      <c r="B10" s="10" t="s">
        <v>25</v>
      </c>
      <c r="C10" s="11" t="s">
        <v>25</v>
      </c>
      <c r="D10" s="17">
        <v>158</v>
      </c>
      <c r="E10" s="17">
        <v>3</v>
      </c>
      <c r="F10" s="17">
        <v>33</v>
      </c>
      <c r="G10" s="17">
        <v>122</v>
      </c>
      <c r="H10" s="17">
        <v>6826</v>
      </c>
      <c r="I10" s="17">
        <v>71</v>
      </c>
      <c r="J10" s="17">
        <v>1</v>
      </c>
      <c r="K10" s="17">
        <v>7</v>
      </c>
      <c r="L10" s="17">
        <v>63</v>
      </c>
      <c r="M10" s="17">
        <v>3536</v>
      </c>
      <c r="N10" s="17">
        <v>87</v>
      </c>
      <c r="O10" s="17">
        <v>2</v>
      </c>
      <c r="P10" s="17">
        <v>26</v>
      </c>
      <c r="Q10" s="17">
        <v>59</v>
      </c>
      <c r="R10" s="17">
        <v>3290</v>
      </c>
    </row>
    <row r="11" spans="1:18">
      <c r="A11" s="21" t="s">
        <v>848</v>
      </c>
      <c r="B11" s="10" t="s">
        <v>25</v>
      </c>
      <c r="C11" s="11" t="s">
        <v>25</v>
      </c>
      <c r="D11" s="17">
        <v>107</v>
      </c>
      <c r="E11" s="17" t="s">
        <v>35</v>
      </c>
      <c r="F11" s="17">
        <v>28</v>
      </c>
      <c r="G11" s="17">
        <v>79</v>
      </c>
      <c r="H11" s="17">
        <v>4650</v>
      </c>
      <c r="I11" s="17">
        <v>57</v>
      </c>
      <c r="J11" s="17" t="s">
        <v>35</v>
      </c>
      <c r="K11" s="17">
        <v>8</v>
      </c>
      <c r="L11" s="17">
        <v>49</v>
      </c>
      <c r="M11" s="17">
        <v>2724</v>
      </c>
      <c r="N11" s="17">
        <v>50</v>
      </c>
      <c r="O11" s="17" t="s">
        <v>35</v>
      </c>
      <c r="P11" s="17">
        <v>20</v>
      </c>
      <c r="Q11" s="17">
        <v>30</v>
      </c>
      <c r="R11" s="17">
        <v>1926</v>
      </c>
    </row>
    <row r="12" spans="1:18">
      <c r="A12" s="21" t="s">
        <v>849</v>
      </c>
      <c r="B12" s="10" t="s">
        <v>25</v>
      </c>
      <c r="C12" s="11" t="s">
        <v>25</v>
      </c>
      <c r="D12" s="17">
        <v>179</v>
      </c>
      <c r="E12" s="17">
        <v>2</v>
      </c>
      <c r="F12" s="17">
        <v>41</v>
      </c>
      <c r="G12" s="17">
        <v>136</v>
      </c>
      <c r="H12" s="17">
        <v>7615</v>
      </c>
      <c r="I12" s="17">
        <v>98</v>
      </c>
      <c r="J12" s="17">
        <v>2</v>
      </c>
      <c r="K12" s="17">
        <v>7</v>
      </c>
      <c r="L12" s="17">
        <v>89</v>
      </c>
      <c r="M12" s="17">
        <v>4866</v>
      </c>
      <c r="N12" s="17">
        <v>81</v>
      </c>
      <c r="O12" s="17" t="s">
        <v>35</v>
      </c>
      <c r="P12" s="17">
        <v>34</v>
      </c>
      <c r="Q12" s="17">
        <v>47</v>
      </c>
      <c r="R12" s="17">
        <v>2749</v>
      </c>
    </row>
    <row r="13" spans="1:18">
      <c r="A13" s="21" t="s">
        <v>850</v>
      </c>
      <c r="B13" s="10" t="s">
        <v>25</v>
      </c>
      <c r="C13" s="11" t="s">
        <v>25</v>
      </c>
      <c r="D13" s="17">
        <v>19</v>
      </c>
      <c r="E13" s="17" t="s">
        <v>35</v>
      </c>
      <c r="F13" s="17">
        <v>5</v>
      </c>
      <c r="G13" s="17">
        <v>14</v>
      </c>
      <c r="H13" s="17">
        <v>737</v>
      </c>
      <c r="I13" s="17">
        <v>11</v>
      </c>
      <c r="J13" s="17" t="s">
        <v>35</v>
      </c>
      <c r="K13" s="17">
        <v>1</v>
      </c>
      <c r="L13" s="17">
        <v>10</v>
      </c>
      <c r="M13" s="17">
        <v>457</v>
      </c>
      <c r="N13" s="17">
        <v>8</v>
      </c>
      <c r="O13" s="17" t="s">
        <v>35</v>
      </c>
      <c r="P13" s="17">
        <v>4</v>
      </c>
      <c r="Q13" s="17">
        <v>4</v>
      </c>
      <c r="R13" s="17">
        <v>280</v>
      </c>
    </row>
    <row r="14" spans="1:18">
      <c r="A14" s="21" t="s">
        <v>851</v>
      </c>
      <c r="B14" s="10" t="s">
        <v>25</v>
      </c>
      <c r="C14" s="11" t="s">
        <v>25</v>
      </c>
      <c r="D14" s="17">
        <v>344</v>
      </c>
      <c r="E14" s="17">
        <v>3</v>
      </c>
      <c r="F14" s="17">
        <v>84</v>
      </c>
      <c r="G14" s="17">
        <v>257</v>
      </c>
      <c r="H14" s="17">
        <v>14178</v>
      </c>
      <c r="I14" s="17">
        <v>168</v>
      </c>
      <c r="J14" s="17" t="s">
        <v>35</v>
      </c>
      <c r="K14" s="17">
        <v>27</v>
      </c>
      <c r="L14" s="17">
        <v>141</v>
      </c>
      <c r="M14" s="17">
        <v>7655</v>
      </c>
      <c r="N14" s="17">
        <v>176</v>
      </c>
      <c r="O14" s="18">
        <v>3</v>
      </c>
      <c r="P14" s="17">
        <v>57</v>
      </c>
      <c r="Q14" s="18">
        <v>116</v>
      </c>
      <c r="R14" s="17">
        <v>6523</v>
      </c>
    </row>
    <row r="15" spans="1:18">
      <c r="A15" s="21" t="s">
        <v>852</v>
      </c>
      <c r="B15" s="10" t="s">
        <v>25</v>
      </c>
      <c r="C15" s="11" t="s">
        <v>25</v>
      </c>
      <c r="D15" s="17">
        <v>696</v>
      </c>
      <c r="E15" s="17">
        <v>16</v>
      </c>
      <c r="F15" s="18">
        <v>173</v>
      </c>
      <c r="G15" s="17">
        <v>504</v>
      </c>
      <c r="H15" s="17">
        <v>28363</v>
      </c>
      <c r="I15" s="17">
        <v>340</v>
      </c>
      <c r="J15" s="17">
        <v>9</v>
      </c>
      <c r="K15" s="18">
        <v>50</v>
      </c>
      <c r="L15" s="17">
        <v>279</v>
      </c>
      <c r="M15" s="17">
        <v>15531</v>
      </c>
      <c r="N15" s="17">
        <v>356</v>
      </c>
      <c r="O15" s="18">
        <v>7</v>
      </c>
      <c r="P15" s="18">
        <v>123</v>
      </c>
      <c r="Q15" s="17">
        <v>225</v>
      </c>
      <c r="R15" s="17">
        <v>12832</v>
      </c>
    </row>
    <row r="16" spans="1:18">
      <c r="A16" s="21" t="s">
        <v>853</v>
      </c>
      <c r="B16" s="10" t="s">
        <v>25</v>
      </c>
      <c r="C16" s="11" t="s">
        <v>25</v>
      </c>
      <c r="D16" s="17">
        <v>199</v>
      </c>
      <c r="E16" s="17">
        <v>2</v>
      </c>
      <c r="F16" s="18">
        <v>54</v>
      </c>
      <c r="G16" s="18">
        <v>143</v>
      </c>
      <c r="H16" s="18">
        <v>7891</v>
      </c>
      <c r="I16" s="18">
        <v>113</v>
      </c>
      <c r="J16" s="18">
        <v>2</v>
      </c>
      <c r="K16" s="18">
        <v>18</v>
      </c>
      <c r="L16" s="18">
        <v>93</v>
      </c>
      <c r="M16" s="18">
        <v>5021</v>
      </c>
      <c r="N16" s="17">
        <v>86</v>
      </c>
      <c r="O16" s="17" t="s">
        <v>35</v>
      </c>
      <c r="P16" s="18">
        <v>36</v>
      </c>
      <c r="Q16" s="18">
        <v>50</v>
      </c>
      <c r="R16" s="18">
        <v>2870</v>
      </c>
    </row>
    <row r="17" spans="1:18">
      <c r="A17" s="21" t="s">
        <v>854</v>
      </c>
      <c r="B17" s="10" t="s">
        <v>25</v>
      </c>
      <c r="C17" s="11" t="s">
        <v>25</v>
      </c>
      <c r="D17" s="17">
        <v>573</v>
      </c>
      <c r="E17" s="17">
        <v>7</v>
      </c>
      <c r="F17" s="17">
        <v>141</v>
      </c>
      <c r="G17" s="17">
        <v>425</v>
      </c>
      <c r="H17" s="17">
        <v>23663</v>
      </c>
      <c r="I17" s="17">
        <v>313</v>
      </c>
      <c r="J17" s="17">
        <v>2</v>
      </c>
      <c r="K17" s="17">
        <v>48</v>
      </c>
      <c r="L17" s="17">
        <v>263</v>
      </c>
      <c r="M17" s="17">
        <v>14356</v>
      </c>
      <c r="N17" s="17">
        <v>260</v>
      </c>
      <c r="O17" s="17">
        <v>5</v>
      </c>
      <c r="P17" s="17">
        <v>93</v>
      </c>
      <c r="Q17" s="17">
        <v>162</v>
      </c>
      <c r="R17" s="17">
        <v>9307</v>
      </c>
    </row>
    <row r="18" spans="1:18">
      <c r="A18" s="21" t="s">
        <v>855</v>
      </c>
      <c r="B18" s="10" t="s">
        <v>25</v>
      </c>
      <c r="C18" s="11" t="s">
        <v>25</v>
      </c>
      <c r="D18" s="18">
        <v>665</v>
      </c>
      <c r="E18" s="18">
        <v>11</v>
      </c>
      <c r="F18" s="18">
        <v>170</v>
      </c>
      <c r="G18" s="18">
        <v>482</v>
      </c>
      <c r="H18" s="18">
        <v>27445</v>
      </c>
      <c r="I18" s="18">
        <v>364</v>
      </c>
      <c r="J18" s="18">
        <v>5</v>
      </c>
      <c r="K18" s="18">
        <v>41</v>
      </c>
      <c r="L18" s="18">
        <v>317</v>
      </c>
      <c r="M18" s="18">
        <v>17377</v>
      </c>
      <c r="N18" s="18">
        <v>301</v>
      </c>
      <c r="O18" s="18">
        <v>6</v>
      </c>
      <c r="P18" s="18">
        <v>129</v>
      </c>
      <c r="Q18" s="18">
        <v>165</v>
      </c>
      <c r="R18" s="18">
        <v>10068</v>
      </c>
    </row>
    <row r="19" spans="1:18">
      <c r="A19" s="21" t="s">
        <v>389</v>
      </c>
      <c r="B19" s="10" t="s">
        <v>25</v>
      </c>
      <c r="C19" s="11" t="s">
        <v>25</v>
      </c>
      <c r="D19" s="17">
        <v>1093</v>
      </c>
      <c r="E19" s="17">
        <v>22</v>
      </c>
      <c r="F19" s="17">
        <v>229</v>
      </c>
      <c r="G19" s="17">
        <v>839</v>
      </c>
      <c r="H19" s="17">
        <v>46207</v>
      </c>
      <c r="I19" s="17">
        <v>600</v>
      </c>
      <c r="J19" s="17">
        <v>6</v>
      </c>
      <c r="K19" s="17">
        <v>74</v>
      </c>
      <c r="L19" s="17">
        <v>518</v>
      </c>
      <c r="M19" s="17">
        <v>27945</v>
      </c>
      <c r="N19" s="17">
        <v>493</v>
      </c>
      <c r="O19" s="17">
        <v>16</v>
      </c>
      <c r="P19" s="17">
        <v>155</v>
      </c>
      <c r="Q19" s="17">
        <v>321</v>
      </c>
      <c r="R19" s="17">
        <v>18262</v>
      </c>
    </row>
    <row r="20" spans="1:18">
      <c r="A20" s="21" t="s">
        <v>856</v>
      </c>
      <c r="B20" s="10" t="s">
        <v>25</v>
      </c>
      <c r="C20" s="11" t="s">
        <v>25</v>
      </c>
      <c r="D20" s="18">
        <v>557</v>
      </c>
      <c r="E20" s="18">
        <v>13</v>
      </c>
      <c r="F20" s="18">
        <v>132</v>
      </c>
      <c r="G20" s="18">
        <v>411</v>
      </c>
      <c r="H20" s="18">
        <v>23594</v>
      </c>
      <c r="I20" s="18">
        <v>299</v>
      </c>
      <c r="J20" s="18">
        <v>4</v>
      </c>
      <c r="K20" s="18">
        <v>41</v>
      </c>
      <c r="L20" s="18">
        <v>253</v>
      </c>
      <c r="M20" s="18">
        <v>14124</v>
      </c>
      <c r="N20" s="18">
        <v>258</v>
      </c>
      <c r="O20" s="18">
        <v>9</v>
      </c>
      <c r="P20" s="18">
        <v>91</v>
      </c>
      <c r="Q20" s="18">
        <v>158</v>
      </c>
      <c r="R20" s="18">
        <v>9470</v>
      </c>
    </row>
    <row r="21" spans="1:18">
      <c r="A21" s="21" t="s">
        <v>857</v>
      </c>
      <c r="B21" s="10" t="s">
        <v>25</v>
      </c>
      <c r="C21" s="11" t="s">
        <v>25</v>
      </c>
      <c r="D21" s="17">
        <v>172</v>
      </c>
      <c r="E21" s="17">
        <v>3</v>
      </c>
      <c r="F21" s="17">
        <v>33</v>
      </c>
      <c r="G21" s="17">
        <v>134</v>
      </c>
      <c r="H21" s="17">
        <v>7417</v>
      </c>
      <c r="I21" s="17">
        <v>85</v>
      </c>
      <c r="J21" s="17">
        <v>1</v>
      </c>
      <c r="K21" s="17">
        <v>11</v>
      </c>
      <c r="L21" s="17">
        <v>72</v>
      </c>
      <c r="M21" s="17">
        <v>4001</v>
      </c>
      <c r="N21" s="17">
        <v>87</v>
      </c>
      <c r="O21" s="17">
        <v>2</v>
      </c>
      <c r="P21" s="17">
        <v>22</v>
      </c>
      <c r="Q21" s="17">
        <v>62</v>
      </c>
      <c r="R21" s="17">
        <v>3416</v>
      </c>
    </row>
    <row r="22" spans="1:18">
      <c r="A22" s="21" t="s">
        <v>858</v>
      </c>
      <c r="B22" s="10" t="s">
        <v>25</v>
      </c>
      <c r="C22" s="11" t="s">
        <v>25</v>
      </c>
      <c r="D22" s="17">
        <v>240</v>
      </c>
      <c r="E22" s="17">
        <v>6</v>
      </c>
      <c r="F22" s="17">
        <v>39</v>
      </c>
      <c r="G22" s="17">
        <v>195</v>
      </c>
      <c r="H22" s="17">
        <v>9950</v>
      </c>
      <c r="I22" s="17">
        <v>142</v>
      </c>
      <c r="J22" s="17">
        <v>1</v>
      </c>
      <c r="K22" s="17">
        <v>14</v>
      </c>
      <c r="L22" s="17">
        <v>127</v>
      </c>
      <c r="M22" s="17">
        <v>6359</v>
      </c>
      <c r="N22" s="17">
        <v>98</v>
      </c>
      <c r="O22" s="17">
        <v>5</v>
      </c>
      <c r="P22" s="17">
        <v>25</v>
      </c>
      <c r="Q22" s="17">
        <v>68</v>
      </c>
      <c r="R22" s="17">
        <v>3591</v>
      </c>
    </row>
    <row r="23" spans="1:18">
      <c r="A23" s="21" t="s">
        <v>859</v>
      </c>
      <c r="B23" s="10" t="s">
        <v>25</v>
      </c>
      <c r="C23" s="11" t="s">
        <v>25</v>
      </c>
      <c r="D23" s="17">
        <v>124</v>
      </c>
      <c r="E23" s="18" t="s">
        <v>35</v>
      </c>
      <c r="F23" s="17">
        <v>25</v>
      </c>
      <c r="G23" s="17">
        <v>99</v>
      </c>
      <c r="H23" s="17">
        <v>5246</v>
      </c>
      <c r="I23" s="17">
        <v>74</v>
      </c>
      <c r="J23" s="18" t="s">
        <v>35</v>
      </c>
      <c r="K23" s="17">
        <v>8</v>
      </c>
      <c r="L23" s="17">
        <v>66</v>
      </c>
      <c r="M23" s="17">
        <v>3461</v>
      </c>
      <c r="N23" s="17">
        <v>50</v>
      </c>
      <c r="O23" s="18" t="s">
        <v>35</v>
      </c>
      <c r="P23" s="17">
        <v>17</v>
      </c>
      <c r="Q23" s="17">
        <v>33</v>
      </c>
      <c r="R23" s="17">
        <v>1785</v>
      </c>
    </row>
    <row r="24" spans="1:18">
      <c r="A24" s="21" t="s">
        <v>860</v>
      </c>
      <c r="B24" s="10" t="s">
        <v>25</v>
      </c>
      <c r="C24" s="11" t="s">
        <v>25</v>
      </c>
      <c r="D24" s="17">
        <v>665</v>
      </c>
      <c r="E24" s="17">
        <v>17</v>
      </c>
      <c r="F24" s="17">
        <v>167</v>
      </c>
      <c r="G24" s="17">
        <v>478</v>
      </c>
      <c r="H24" s="17">
        <v>27908</v>
      </c>
      <c r="I24" s="17">
        <v>345</v>
      </c>
      <c r="J24" s="17">
        <v>6</v>
      </c>
      <c r="K24" s="17">
        <v>56</v>
      </c>
      <c r="L24" s="17">
        <v>280</v>
      </c>
      <c r="M24" s="17">
        <v>16167</v>
      </c>
      <c r="N24" s="17">
        <v>320</v>
      </c>
      <c r="O24" s="17">
        <v>11</v>
      </c>
      <c r="P24" s="17">
        <v>111</v>
      </c>
      <c r="Q24" s="17">
        <v>198</v>
      </c>
      <c r="R24" s="17">
        <v>11741</v>
      </c>
    </row>
    <row r="25" spans="1:18">
      <c r="A25" s="21" t="s">
        <v>861</v>
      </c>
      <c r="B25" s="10" t="s">
        <v>25</v>
      </c>
      <c r="C25" s="11" t="s">
        <v>25</v>
      </c>
      <c r="D25" s="17">
        <v>239</v>
      </c>
      <c r="E25" s="17">
        <v>4</v>
      </c>
      <c r="F25" s="17">
        <v>51</v>
      </c>
      <c r="G25" s="17">
        <v>183</v>
      </c>
      <c r="H25" s="17">
        <v>9933</v>
      </c>
      <c r="I25" s="17">
        <v>131</v>
      </c>
      <c r="J25" s="17">
        <v>2</v>
      </c>
      <c r="K25" s="17">
        <v>15</v>
      </c>
      <c r="L25" s="17">
        <v>113</v>
      </c>
      <c r="M25" s="17">
        <v>6196</v>
      </c>
      <c r="N25" s="17">
        <v>108</v>
      </c>
      <c r="O25" s="17">
        <v>2</v>
      </c>
      <c r="P25" s="17">
        <v>36</v>
      </c>
      <c r="Q25" s="17">
        <v>70</v>
      </c>
      <c r="R25" s="17">
        <v>3737</v>
      </c>
    </row>
    <row r="26" spans="1:18">
      <c r="A26" s="21" t="s">
        <v>862</v>
      </c>
      <c r="B26" s="10" t="s">
        <v>25</v>
      </c>
      <c r="C26" s="11" t="s">
        <v>25</v>
      </c>
      <c r="D26" s="17">
        <v>381</v>
      </c>
      <c r="E26" s="17">
        <v>3</v>
      </c>
      <c r="F26" s="17">
        <v>88</v>
      </c>
      <c r="G26" s="17">
        <v>290</v>
      </c>
      <c r="H26" s="17">
        <v>15870</v>
      </c>
      <c r="I26" s="17">
        <v>208</v>
      </c>
      <c r="J26" s="17">
        <v>1</v>
      </c>
      <c r="K26" s="17">
        <v>24</v>
      </c>
      <c r="L26" s="17">
        <v>183</v>
      </c>
      <c r="M26" s="17">
        <v>9870</v>
      </c>
      <c r="N26" s="17">
        <v>173</v>
      </c>
      <c r="O26" s="17">
        <v>2</v>
      </c>
      <c r="P26" s="17">
        <v>64</v>
      </c>
      <c r="Q26" s="17">
        <v>107</v>
      </c>
      <c r="R26" s="17">
        <v>6000</v>
      </c>
    </row>
    <row r="27" spans="1:18">
      <c r="A27" s="21" t="s">
        <v>863</v>
      </c>
      <c r="B27" s="10" t="s">
        <v>25</v>
      </c>
      <c r="C27" s="11" t="s">
        <v>25</v>
      </c>
      <c r="D27" s="17">
        <v>224</v>
      </c>
      <c r="E27" s="17">
        <v>6</v>
      </c>
      <c r="F27" s="17">
        <v>54</v>
      </c>
      <c r="G27" s="17">
        <v>164</v>
      </c>
      <c r="H27" s="17">
        <v>9099</v>
      </c>
      <c r="I27" s="17">
        <v>113</v>
      </c>
      <c r="J27" s="17">
        <v>2</v>
      </c>
      <c r="K27" s="17">
        <v>14</v>
      </c>
      <c r="L27" s="17">
        <v>97</v>
      </c>
      <c r="M27" s="17">
        <v>5188</v>
      </c>
      <c r="N27" s="17">
        <v>111</v>
      </c>
      <c r="O27" s="17">
        <v>4</v>
      </c>
      <c r="P27" s="17">
        <v>40</v>
      </c>
      <c r="Q27" s="17">
        <v>67</v>
      </c>
      <c r="R27" s="17">
        <v>3911</v>
      </c>
    </row>
    <row r="28" spans="1:18">
      <c r="A28" s="21" t="s">
        <v>864</v>
      </c>
      <c r="B28" s="10" t="s">
        <v>25</v>
      </c>
      <c r="C28" s="11" t="s">
        <v>25</v>
      </c>
      <c r="D28" s="17">
        <v>372</v>
      </c>
      <c r="E28" s="17">
        <v>8</v>
      </c>
      <c r="F28" s="17">
        <v>93</v>
      </c>
      <c r="G28" s="17">
        <v>271</v>
      </c>
      <c r="H28" s="17">
        <v>14969</v>
      </c>
      <c r="I28" s="17">
        <v>205</v>
      </c>
      <c r="J28" s="17">
        <v>6</v>
      </c>
      <c r="K28" s="17">
        <v>32</v>
      </c>
      <c r="L28" s="17">
        <v>167</v>
      </c>
      <c r="M28" s="17">
        <v>8947</v>
      </c>
      <c r="N28" s="17">
        <v>167</v>
      </c>
      <c r="O28" s="17">
        <v>2</v>
      </c>
      <c r="P28" s="17">
        <v>61</v>
      </c>
      <c r="Q28" s="17">
        <v>104</v>
      </c>
      <c r="R28" s="17">
        <v>6022</v>
      </c>
    </row>
    <row r="29" spans="1:18">
      <c r="A29" s="21" t="s">
        <v>865</v>
      </c>
      <c r="B29" s="10" t="s">
        <v>25</v>
      </c>
      <c r="C29" s="11" t="s">
        <v>25</v>
      </c>
      <c r="D29" s="17">
        <v>176</v>
      </c>
      <c r="E29" s="17">
        <v>1</v>
      </c>
      <c r="F29" s="17">
        <v>35</v>
      </c>
      <c r="G29" s="17">
        <v>138</v>
      </c>
      <c r="H29" s="17">
        <v>7621</v>
      </c>
      <c r="I29" s="17">
        <v>101</v>
      </c>
      <c r="J29" s="17">
        <v>1</v>
      </c>
      <c r="K29" s="17">
        <v>8</v>
      </c>
      <c r="L29" s="17">
        <v>90</v>
      </c>
      <c r="M29" s="17">
        <v>4722</v>
      </c>
      <c r="N29" s="17">
        <v>75</v>
      </c>
      <c r="O29" s="17" t="s">
        <v>35</v>
      </c>
      <c r="P29" s="17">
        <v>27</v>
      </c>
      <c r="Q29" s="17">
        <v>48</v>
      </c>
      <c r="R29" s="17">
        <v>2899</v>
      </c>
    </row>
    <row r="30" spans="1:18">
      <c r="A30" s="21" t="s">
        <v>866</v>
      </c>
      <c r="B30" s="10" t="s">
        <v>25</v>
      </c>
      <c r="C30" s="11" t="s">
        <v>25</v>
      </c>
      <c r="D30" s="17">
        <v>659</v>
      </c>
      <c r="E30" s="17">
        <v>6</v>
      </c>
      <c r="F30" s="17">
        <v>168</v>
      </c>
      <c r="G30" s="17">
        <v>484</v>
      </c>
      <c r="H30" s="17">
        <v>26895</v>
      </c>
      <c r="I30" s="17">
        <v>343</v>
      </c>
      <c r="J30" s="17">
        <v>4</v>
      </c>
      <c r="K30" s="17">
        <v>53</v>
      </c>
      <c r="L30" s="17">
        <v>285</v>
      </c>
      <c r="M30" s="17">
        <v>15344</v>
      </c>
      <c r="N30" s="17">
        <v>316</v>
      </c>
      <c r="O30" s="17">
        <v>2</v>
      </c>
      <c r="P30" s="17">
        <v>115</v>
      </c>
      <c r="Q30" s="17">
        <v>199</v>
      </c>
      <c r="R30" s="17">
        <v>11551</v>
      </c>
    </row>
    <row r="31" spans="1:18">
      <c r="A31" s="21" t="s">
        <v>867</v>
      </c>
      <c r="B31" s="10" t="s">
        <v>25</v>
      </c>
      <c r="C31" s="11" t="s">
        <v>25</v>
      </c>
      <c r="D31" s="17">
        <v>506</v>
      </c>
      <c r="E31" s="17">
        <v>5</v>
      </c>
      <c r="F31" s="17">
        <v>130</v>
      </c>
      <c r="G31" s="17">
        <v>371</v>
      </c>
      <c r="H31" s="17">
        <v>20697</v>
      </c>
      <c r="I31" s="17">
        <v>255</v>
      </c>
      <c r="J31" s="17">
        <v>3</v>
      </c>
      <c r="K31" s="17">
        <v>44</v>
      </c>
      <c r="L31" s="17">
        <v>208</v>
      </c>
      <c r="M31" s="17">
        <v>11248</v>
      </c>
      <c r="N31" s="17">
        <v>251</v>
      </c>
      <c r="O31" s="17">
        <v>2</v>
      </c>
      <c r="P31" s="17">
        <v>86</v>
      </c>
      <c r="Q31" s="17">
        <v>163</v>
      </c>
      <c r="R31" s="17">
        <v>9449</v>
      </c>
    </row>
    <row r="32" spans="1:18">
      <c r="A32" s="21" t="s">
        <v>868</v>
      </c>
      <c r="B32" s="10" t="s">
        <v>25</v>
      </c>
      <c r="C32" s="11" t="s">
        <v>25</v>
      </c>
      <c r="D32" s="17">
        <v>153</v>
      </c>
      <c r="E32" s="17">
        <v>1</v>
      </c>
      <c r="F32" s="17">
        <v>38</v>
      </c>
      <c r="G32" s="17">
        <v>113</v>
      </c>
      <c r="H32" s="17">
        <v>6198</v>
      </c>
      <c r="I32" s="17">
        <v>88</v>
      </c>
      <c r="J32" s="18">
        <v>1</v>
      </c>
      <c r="K32" s="17">
        <v>9</v>
      </c>
      <c r="L32" s="17">
        <v>77</v>
      </c>
      <c r="M32" s="17">
        <v>4096</v>
      </c>
      <c r="N32" s="17">
        <v>65</v>
      </c>
      <c r="O32" s="17" t="s">
        <v>35</v>
      </c>
      <c r="P32" s="17">
        <v>29</v>
      </c>
      <c r="Q32" s="17">
        <v>36</v>
      </c>
      <c r="R32" s="17">
        <v>2102</v>
      </c>
    </row>
    <row r="33" spans="1:18">
      <c r="A33" s="21" t="s">
        <v>869</v>
      </c>
      <c r="B33" s="10" t="s">
        <v>25</v>
      </c>
      <c r="C33" s="11" t="s">
        <v>25</v>
      </c>
      <c r="D33" s="17">
        <v>253</v>
      </c>
      <c r="E33" s="17">
        <v>9</v>
      </c>
      <c r="F33" s="17">
        <v>64</v>
      </c>
      <c r="G33" s="17">
        <v>178</v>
      </c>
      <c r="H33" s="17">
        <v>9927</v>
      </c>
      <c r="I33" s="17">
        <v>152</v>
      </c>
      <c r="J33" s="17">
        <v>7</v>
      </c>
      <c r="K33" s="17">
        <v>27</v>
      </c>
      <c r="L33" s="17">
        <v>117</v>
      </c>
      <c r="M33" s="17">
        <v>6390</v>
      </c>
      <c r="N33" s="17">
        <v>101</v>
      </c>
      <c r="O33" s="17">
        <v>2</v>
      </c>
      <c r="P33" s="17">
        <v>37</v>
      </c>
      <c r="Q33" s="17">
        <v>61</v>
      </c>
      <c r="R33" s="17">
        <v>3537</v>
      </c>
    </row>
    <row r="34" spans="1:18">
      <c r="A34" s="21" t="s">
        <v>870</v>
      </c>
      <c r="B34" s="10" t="s">
        <v>25</v>
      </c>
      <c r="C34" s="11" t="s">
        <v>25</v>
      </c>
      <c r="D34" s="18">
        <v>52</v>
      </c>
      <c r="E34" s="18">
        <v>1</v>
      </c>
      <c r="F34" s="18">
        <v>18</v>
      </c>
      <c r="G34" s="18">
        <v>32</v>
      </c>
      <c r="H34" s="18">
        <v>1837</v>
      </c>
      <c r="I34" s="18">
        <v>33</v>
      </c>
      <c r="J34" s="18">
        <v>1</v>
      </c>
      <c r="K34" s="18">
        <v>6</v>
      </c>
      <c r="L34" s="18">
        <v>26</v>
      </c>
      <c r="M34" s="18">
        <v>1365</v>
      </c>
      <c r="N34" s="18">
        <v>19</v>
      </c>
      <c r="O34" s="18" t="s">
        <v>2472</v>
      </c>
      <c r="P34" s="18">
        <v>12</v>
      </c>
      <c r="Q34" s="18">
        <v>6</v>
      </c>
      <c r="R34" s="18">
        <v>472</v>
      </c>
    </row>
    <row r="35" spans="1:18">
      <c r="A35" s="21" t="s">
        <v>871</v>
      </c>
      <c r="B35" s="10" t="s">
        <v>25</v>
      </c>
      <c r="C35" s="11" t="s">
        <v>25</v>
      </c>
      <c r="D35" s="17">
        <v>201</v>
      </c>
      <c r="E35" s="18">
        <v>8</v>
      </c>
      <c r="F35" s="17">
        <v>46</v>
      </c>
      <c r="G35" s="17">
        <v>146</v>
      </c>
      <c r="H35" s="17">
        <v>8090</v>
      </c>
      <c r="I35" s="17">
        <v>119</v>
      </c>
      <c r="J35" s="18">
        <v>6</v>
      </c>
      <c r="K35" s="17">
        <v>21</v>
      </c>
      <c r="L35" s="17">
        <v>91</v>
      </c>
      <c r="M35" s="17">
        <v>5025</v>
      </c>
      <c r="N35" s="17">
        <v>82</v>
      </c>
      <c r="O35" s="18">
        <v>2</v>
      </c>
      <c r="P35" s="17">
        <v>25</v>
      </c>
      <c r="Q35" s="17">
        <v>55</v>
      </c>
      <c r="R35" s="17">
        <v>3065</v>
      </c>
    </row>
    <row r="36" spans="1:18">
      <c r="A36" s="21" t="s">
        <v>872</v>
      </c>
      <c r="B36" s="10" t="s">
        <v>25</v>
      </c>
      <c r="C36" s="11" t="s">
        <v>25</v>
      </c>
      <c r="D36" s="17">
        <v>549</v>
      </c>
      <c r="E36" s="17">
        <v>7</v>
      </c>
      <c r="F36" s="17">
        <v>135</v>
      </c>
      <c r="G36" s="17">
        <v>406</v>
      </c>
      <c r="H36" s="17">
        <v>22683</v>
      </c>
      <c r="I36" s="17">
        <v>297</v>
      </c>
      <c r="J36" s="17">
        <v>7</v>
      </c>
      <c r="K36" s="17">
        <v>38</v>
      </c>
      <c r="L36" s="17">
        <v>252</v>
      </c>
      <c r="M36" s="17">
        <v>13574</v>
      </c>
      <c r="N36" s="17">
        <v>252</v>
      </c>
      <c r="O36" s="17" t="s">
        <v>35</v>
      </c>
      <c r="P36" s="17">
        <v>97</v>
      </c>
      <c r="Q36" s="17">
        <v>154</v>
      </c>
      <c r="R36" s="17">
        <v>9109</v>
      </c>
    </row>
    <row r="37" spans="1:18">
      <c r="A37" s="21" t="s">
        <v>873</v>
      </c>
      <c r="B37" s="10" t="s">
        <v>25</v>
      </c>
      <c r="C37" s="11" t="s">
        <v>25</v>
      </c>
      <c r="D37" s="17">
        <v>271</v>
      </c>
      <c r="E37" s="17">
        <v>3</v>
      </c>
      <c r="F37" s="17">
        <v>77</v>
      </c>
      <c r="G37" s="17">
        <v>190</v>
      </c>
      <c r="H37" s="17">
        <v>10763</v>
      </c>
      <c r="I37" s="17">
        <v>146</v>
      </c>
      <c r="J37" s="17">
        <v>3</v>
      </c>
      <c r="K37" s="17">
        <v>24</v>
      </c>
      <c r="L37" s="17">
        <v>119</v>
      </c>
      <c r="M37" s="17">
        <v>6432</v>
      </c>
      <c r="N37" s="17">
        <v>125</v>
      </c>
      <c r="O37" s="17" t="s">
        <v>35</v>
      </c>
      <c r="P37" s="17">
        <v>53</v>
      </c>
      <c r="Q37" s="17">
        <v>71</v>
      </c>
      <c r="R37" s="17">
        <v>4331</v>
      </c>
    </row>
    <row r="38" spans="1:18">
      <c r="A38" s="21" t="s">
        <v>874</v>
      </c>
      <c r="B38" s="10" t="s">
        <v>25</v>
      </c>
      <c r="C38" s="11" t="s">
        <v>25</v>
      </c>
      <c r="D38" s="17">
        <v>278</v>
      </c>
      <c r="E38" s="17">
        <v>4</v>
      </c>
      <c r="F38" s="17">
        <v>58</v>
      </c>
      <c r="G38" s="17">
        <v>216</v>
      </c>
      <c r="H38" s="17">
        <v>11920</v>
      </c>
      <c r="I38" s="17">
        <v>151</v>
      </c>
      <c r="J38" s="17">
        <v>4</v>
      </c>
      <c r="K38" s="17">
        <v>14</v>
      </c>
      <c r="L38" s="17">
        <v>133</v>
      </c>
      <c r="M38" s="17">
        <v>7142</v>
      </c>
      <c r="N38" s="17">
        <v>127</v>
      </c>
      <c r="O38" s="17" t="s">
        <v>35</v>
      </c>
      <c r="P38" s="17">
        <v>44</v>
      </c>
      <c r="Q38" s="17">
        <v>83</v>
      </c>
      <c r="R38" s="17">
        <v>4778</v>
      </c>
    </row>
    <row r="39" spans="1:18">
      <c r="A39" s="21" t="s">
        <v>875</v>
      </c>
      <c r="B39" s="10" t="s">
        <v>25</v>
      </c>
      <c r="C39" s="11" t="s">
        <v>25</v>
      </c>
      <c r="D39" s="17">
        <v>94</v>
      </c>
      <c r="E39" s="17" t="s">
        <v>35</v>
      </c>
      <c r="F39" s="17">
        <v>35</v>
      </c>
      <c r="G39" s="17">
        <v>59</v>
      </c>
      <c r="H39" s="17">
        <v>3686</v>
      </c>
      <c r="I39" s="17">
        <v>53</v>
      </c>
      <c r="J39" s="17" t="s">
        <v>35</v>
      </c>
      <c r="K39" s="17">
        <v>9</v>
      </c>
      <c r="L39" s="17">
        <v>44</v>
      </c>
      <c r="M39" s="17">
        <v>2500</v>
      </c>
      <c r="N39" s="17">
        <v>41</v>
      </c>
      <c r="O39" s="17" t="s">
        <v>35</v>
      </c>
      <c r="P39" s="17">
        <v>26</v>
      </c>
      <c r="Q39" s="17">
        <v>15</v>
      </c>
      <c r="R39" s="17">
        <v>1186</v>
      </c>
    </row>
    <row r="40" spans="1:18">
      <c r="A40" s="21" t="s">
        <v>876</v>
      </c>
      <c r="B40" s="10" t="s">
        <v>25</v>
      </c>
      <c r="C40" s="11" t="s">
        <v>25</v>
      </c>
      <c r="D40" s="17">
        <v>507</v>
      </c>
      <c r="E40" s="17">
        <v>5</v>
      </c>
      <c r="F40" s="17">
        <v>109</v>
      </c>
      <c r="G40" s="17">
        <v>387</v>
      </c>
      <c r="H40" s="17">
        <v>21367</v>
      </c>
      <c r="I40" s="17">
        <v>282</v>
      </c>
      <c r="J40" s="18">
        <v>4</v>
      </c>
      <c r="K40" s="17">
        <v>34</v>
      </c>
      <c r="L40" s="17">
        <v>240</v>
      </c>
      <c r="M40" s="17">
        <v>12867</v>
      </c>
      <c r="N40" s="17">
        <v>225</v>
      </c>
      <c r="O40" s="17">
        <v>1</v>
      </c>
      <c r="P40" s="17">
        <v>75</v>
      </c>
      <c r="Q40" s="17">
        <v>147</v>
      </c>
      <c r="R40" s="17">
        <v>8500</v>
      </c>
    </row>
    <row r="41" spans="1:18">
      <c r="A41" s="21" t="s">
        <v>877</v>
      </c>
      <c r="B41" s="10" t="s">
        <v>25</v>
      </c>
      <c r="C41" s="11" t="s">
        <v>25</v>
      </c>
      <c r="D41" s="17">
        <v>201</v>
      </c>
      <c r="E41" s="17">
        <v>4</v>
      </c>
      <c r="F41" s="17">
        <v>40</v>
      </c>
      <c r="G41" s="17">
        <v>124</v>
      </c>
      <c r="H41" s="17">
        <v>7181</v>
      </c>
      <c r="I41" s="17">
        <v>117</v>
      </c>
      <c r="J41" s="17">
        <v>3</v>
      </c>
      <c r="K41" s="17">
        <v>13</v>
      </c>
      <c r="L41" s="17">
        <v>80</v>
      </c>
      <c r="M41" s="17">
        <v>4606</v>
      </c>
      <c r="N41" s="17">
        <v>84</v>
      </c>
      <c r="O41" s="17">
        <v>1</v>
      </c>
      <c r="P41" s="17">
        <v>27</v>
      </c>
      <c r="Q41" s="17">
        <v>44</v>
      </c>
      <c r="R41" s="17">
        <v>2575</v>
      </c>
    </row>
    <row r="42" spans="1:18">
      <c r="A42" s="21" t="s">
        <v>878</v>
      </c>
      <c r="B42" s="10" t="s">
        <v>25</v>
      </c>
      <c r="C42" s="11" t="s">
        <v>25</v>
      </c>
      <c r="D42" s="18">
        <v>585</v>
      </c>
      <c r="E42" s="18">
        <v>9</v>
      </c>
      <c r="F42" s="18">
        <v>136</v>
      </c>
      <c r="G42" s="18">
        <v>439</v>
      </c>
      <c r="H42" s="18">
        <v>24199</v>
      </c>
      <c r="I42" s="18">
        <v>331</v>
      </c>
      <c r="J42" s="18">
        <v>4</v>
      </c>
      <c r="K42" s="18">
        <v>51</v>
      </c>
      <c r="L42" s="18">
        <v>275</v>
      </c>
      <c r="M42" s="18">
        <v>15000</v>
      </c>
      <c r="N42" s="18">
        <v>254</v>
      </c>
      <c r="O42" s="18">
        <v>5</v>
      </c>
      <c r="P42" s="18">
        <v>85</v>
      </c>
      <c r="Q42" s="18">
        <v>164</v>
      </c>
      <c r="R42" s="18">
        <v>9199</v>
      </c>
    </row>
    <row r="43" spans="1:18">
      <c r="A43" s="21" t="s">
        <v>879</v>
      </c>
      <c r="B43" s="10" t="s">
        <v>25</v>
      </c>
      <c r="C43" s="11" t="s">
        <v>25</v>
      </c>
      <c r="D43" s="17">
        <v>443</v>
      </c>
      <c r="E43" s="17">
        <v>8</v>
      </c>
      <c r="F43" s="17">
        <v>83</v>
      </c>
      <c r="G43" s="17">
        <v>348</v>
      </c>
      <c r="H43" s="17">
        <v>18775</v>
      </c>
      <c r="I43" s="17">
        <v>229</v>
      </c>
      <c r="J43" s="17">
        <v>6</v>
      </c>
      <c r="K43" s="17">
        <v>26</v>
      </c>
      <c r="L43" s="17">
        <v>195</v>
      </c>
      <c r="M43" s="17">
        <v>10645</v>
      </c>
      <c r="N43" s="17">
        <v>214</v>
      </c>
      <c r="O43" s="17">
        <v>2</v>
      </c>
      <c r="P43" s="17">
        <v>57</v>
      </c>
      <c r="Q43" s="17">
        <v>153</v>
      </c>
      <c r="R43" s="17">
        <v>8130</v>
      </c>
    </row>
    <row r="44" spans="1:18">
      <c r="A44" s="21" t="s">
        <v>880</v>
      </c>
      <c r="B44" s="10" t="s">
        <v>25</v>
      </c>
      <c r="C44" s="11" t="s">
        <v>25</v>
      </c>
      <c r="D44" s="17">
        <v>2256</v>
      </c>
      <c r="E44" s="18">
        <v>36</v>
      </c>
      <c r="F44" s="17">
        <v>553</v>
      </c>
      <c r="G44" s="17">
        <v>1634</v>
      </c>
      <c r="H44" s="17">
        <v>90487</v>
      </c>
      <c r="I44" s="17">
        <v>1207</v>
      </c>
      <c r="J44" s="18">
        <v>22</v>
      </c>
      <c r="K44" s="17">
        <v>166</v>
      </c>
      <c r="L44" s="17">
        <v>1003</v>
      </c>
      <c r="M44" s="17">
        <v>54369</v>
      </c>
      <c r="N44" s="17">
        <v>1049</v>
      </c>
      <c r="O44" s="18">
        <v>14</v>
      </c>
      <c r="P44" s="17">
        <v>387</v>
      </c>
      <c r="Q44" s="17">
        <v>631</v>
      </c>
      <c r="R44" s="17">
        <v>36118</v>
      </c>
    </row>
    <row r="45" spans="1:18">
      <c r="A45" s="21" t="s">
        <v>881</v>
      </c>
      <c r="B45" s="10" t="s">
        <v>25</v>
      </c>
      <c r="C45" s="11" t="s">
        <v>25</v>
      </c>
      <c r="D45" s="17">
        <v>308</v>
      </c>
      <c r="E45" s="17">
        <v>4</v>
      </c>
      <c r="F45" s="17">
        <v>71</v>
      </c>
      <c r="G45" s="17">
        <v>233</v>
      </c>
      <c r="H45" s="17">
        <v>13153</v>
      </c>
      <c r="I45" s="17">
        <v>177</v>
      </c>
      <c r="J45" s="17">
        <v>3</v>
      </c>
      <c r="K45" s="17">
        <v>24</v>
      </c>
      <c r="L45" s="17">
        <v>150</v>
      </c>
      <c r="M45" s="17">
        <v>8288</v>
      </c>
      <c r="N45" s="17">
        <v>131</v>
      </c>
      <c r="O45" s="17">
        <v>1</v>
      </c>
      <c r="P45" s="17">
        <v>47</v>
      </c>
      <c r="Q45" s="17">
        <v>83</v>
      </c>
      <c r="R45" s="17">
        <v>4865</v>
      </c>
    </row>
    <row r="46" spans="1:18">
      <c r="A46" s="21" t="s">
        <v>882</v>
      </c>
      <c r="B46" s="10" t="s">
        <v>25</v>
      </c>
      <c r="C46" s="11" t="s">
        <v>25</v>
      </c>
      <c r="D46" s="17">
        <v>830</v>
      </c>
      <c r="E46" s="17">
        <v>16</v>
      </c>
      <c r="F46" s="17">
        <v>219</v>
      </c>
      <c r="G46" s="17">
        <v>593</v>
      </c>
      <c r="H46" s="17">
        <v>33510</v>
      </c>
      <c r="I46" s="17">
        <v>451</v>
      </c>
      <c r="J46" s="17">
        <v>9</v>
      </c>
      <c r="K46" s="17">
        <v>58</v>
      </c>
      <c r="L46" s="17">
        <v>383</v>
      </c>
      <c r="M46" s="17">
        <v>20808</v>
      </c>
      <c r="N46" s="17">
        <v>379</v>
      </c>
      <c r="O46" s="17">
        <v>7</v>
      </c>
      <c r="P46" s="17">
        <v>161</v>
      </c>
      <c r="Q46" s="17">
        <v>210</v>
      </c>
      <c r="R46" s="17">
        <v>12702</v>
      </c>
    </row>
    <row r="47" spans="1:18">
      <c r="A47" s="21" t="s">
        <v>883</v>
      </c>
      <c r="B47" s="10" t="s">
        <v>25</v>
      </c>
      <c r="C47" s="11" t="s">
        <v>25</v>
      </c>
      <c r="D47" s="17">
        <v>552</v>
      </c>
      <c r="E47" s="17">
        <v>9</v>
      </c>
      <c r="F47" s="17">
        <v>131</v>
      </c>
      <c r="G47" s="17">
        <v>382</v>
      </c>
      <c r="H47" s="17">
        <v>20924</v>
      </c>
      <c r="I47" s="17">
        <v>269</v>
      </c>
      <c r="J47" s="17">
        <v>4</v>
      </c>
      <c r="K47" s="17">
        <v>45</v>
      </c>
      <c r="L47" s="17">
        <v>205</v>
      </c>
      <c r="M47" s="17">
        <v>11302</v>
      </c>
      <c r="N47" s="17">
        <v>283</v>
      </c>
      <c r="O47" s="17">
        <v>5</v>
      </c>
      <c r="P47" s="17">
        <v>86</v>
      </c>
      <c r="Q47" s="17">
        <v>177</v>
      </c>
      <c r="R47" s="17">
        <v>9622</v>
      </c>
    </row>
    <row r="48" spans="1:18">
      <c r="A48" s="21" t="s">
        <v>884</v>
      </c>
      <c r="B48" s="10" t="s">
        <v>25</v>
      </c>
      <c r="C48" s="11" t="s">
        <v>25</v>
      </c>
      <c r="D48" s="17">
        <v>339</v>
      </c>
      <c r="E48" s="18">
        <v>5</v>
      </c>
      <c r="F48" s="17">
        <v>74</v>
      </c>
      <c r="G48" s="17">
        <v>259</v>
      </c>
      <c r="H48" s="17">
        <v>13720</v>
      </c>
      <c r="I48" s="17">
        <v>184</v>
      </c>
      <c r="J48" s="18">
        <v>4</v>
      </c>
      <c r="K48" s="17">
        <v>26</v>
      </c>
      <c r="L48" s="17">
        <v>154</v>
      </c>
      <c r="M48" s="17">
        <v>8150</v>
      </c>
      <c r="N48" s="17">
        <v>155</v>
      </c>
      <c r="O48" s="18">
        <v>1</v>
      </c>
      <c r="P48" s="17">
        <v>48</v>
      </c>
      <c r="Q48" s="17">
        <v>105</v>
      </c>
      <c r="R48" s="17">
        <v>5570</v>
      </c>
    </row>
    <row r="49" spans="1:18">
      <c r="A49" s="21" t="s">
        <v>885</v>
      </c>
      <c r="B49" s="10" t="s">
        <v>25</v>
      </c>
      <c r="C49" s="11" t="s">
        <v>25</v>
      </c>
      <c r="D49" s="17">
        <v>227</v>
      </c>
      <c r="E49" s="18">
        <v>2</v>
      </c>
      <c r="F49" s="17">
        <v>58</v>
      </c>
      <c r="G49" s="17">
        <v>167</v>
      </c>
      <c r="H49" s="17">
        <v>9180</v>
      </c>
      <c r="I49" s="17">
        <v>126</v>
      </c>
      <c r="J49" s="18">
        <v>2</v>
      </c>
      <c r="K49" s="17">
        <v>13</v>
      </c>
      <c r="L49" s="17">
        <v>111</v>
      </c>
      <c r="M49" s="17">
        <v>5821</v>
      </c>
      <c r="N49" s="17">
        <v>101</v>
      </c>
      <c r="O49" s="18" t="s">
        <v>35</v>
      </c>
      <c r="P49" s="17">
        <v>45</v>
      </c>
      <c r="Q49" s="17">
        <v>56</v>
      </c>
      <c r="R49" s="17">
        <v>3359</v>
      </c>
    </row>
    <row r="50" spans="1:18">
      <c r="A50" s="21" t="s">
        <v>886</v>
      </c>
      <c r="B50" s="10" t="s">
        <v>25</v>
      </c>
      <c r="C50" s="11" t="s">
        <v>25</v>
      </c>
      <c r="D50" s="17">
        <v>2379</v>
      </c>
      <c r="E50" s="18">
        <v>49</v>
      </c>
      <c r="F50" s="17">
        <v>604</v>
      </c>
      <c r="G50" s="17">
        <v>1724</v>
      </c>
      <c r="H50" s="17">
        <v>96981</v>
      </c>
      <c r="I50" s="17">
        <v>1313</v>
      </c>
      <c r="J50" s="18">
        <v>28</v>
      </c>
      <c r="K50" s="17">
        <v>158</v>
      </c>
      <c r="L50" s="17">
        <v>1126</v>
      </c>
      <c r="M50" s="17">
        <v>61195</v>
      </c>
      <c r="N50" s="17">
        <v>1066</v>
      </c>
      <c r="O50" s="18">
        <v>21</v>
      </c>
      <c r="P50" s="17">
        <v>446</v>
      </c>
      <c r="Q50" s="17">
        <v>598</v>
      </c>
      <c r="R50" s="17">
        <v>35786</v>
      </c>
    </row>
    <row r="51" spans="1:18">
      <c r="A51" s="21" t="s">
        <v>887</v>
      </c>
      <c r="B51" s="10" t="s">
        <v>25</v>
      </c>
      <c r="C51" s="11" t="s">
        <v>25</v>
      </c>
      <c r="D51" s="17">
        <v>697</v>
      </c>
      <c r="E51" s="17">
        <v>16</v>
      </c>
      <c r="F51" s="17">
        <v>173</v>
      </c>
      <c r="G51" s="17">
        <v>507</v>
      </c>
      <c r="H51" s="17">
        <v>28415</v>
      </c>
      <c r="I51" s="17">
        <v>400</v>
      </c>
      <c r="J51" s="18">
        <v>9</v>
      </c>
      <c r="K51" s="17">
        <v>41</v>
      </c>
      <c r="L51" s="17">
        <v>349</v>
      </c>
      <c r="M51" s="17">
        <v>18691</v>
      </c>
      <c r="N51" s="17">
        <v>297</v>
      </c>
      <c r="O51" s="17">
        <v>7</v>
      </c>
      <c r="P51" s="17">
        <v>132</v>
      </c>
      <c r="Q51" s="17">
        <v>158</v>
      </c>
      <c r="R51" s="17">
        <v>9724</v>
      </c>
    </row>
    <row r="52" spans="1:18">
      <c r="A52" s="21" t="s">
        <v>888</v>
      </c>
      <c r="B52" s="10" t="s">
        <v>25</v>
      </c>
      <c r="C52" s="11" t="s">
        <v>25</v>
      </c>
      <c r="D52" s="17">
        <v>772</v>
      </c>
      <c r="E52" s="17">
        <v>14</v>
      </c>
      <c r="F52" s="17">
        <v>187</v>
      </c>
      <c r="G52" s="17">
        <v>571</v>
      </c>
      <c r="H52" s="17">
        <v>32285</v>
      </c>
      <c r="I52" s="17">
        <v>422</v>
      </c>
      <c r="J52" s="18">
        <v>9</v>
      </c>
      <c r="K52" s="17">
        <v>46</v>
      </c>
      <c r="L52" s="17">
        <v>367</v>
      </c>
      <c r="M52" s="17">
        <v>20149</v>
      </c>
      <c r="N52" s="17">
        <v>350</v>
      </c>
      <c r="O52" s="17">
        <v>5</v>
      </c>
      <c r="P52" s="17">
        <v>141</v>
      </c>
      <c r="Q52" s="17">
        <v>204</v>
      </c>
      <c r="R52" s="17">
        <v>12136</v>
      </c>
    </row>
    <row r="53" spans="1:18">
      <c r="A53" s="21" t="s">
        <v>889</v>
      </c>
      <c r="B53" s="10" t="s">
        <v>25</v>
      </c>
      <c r="C53" s="11" t="s">
        <v>25</v>
      </c>
      <c r="D53" s="17">
        <v>445</v>
      </c>
      <c r="E53" s="18">
        <v>10</v>
      </c>
      <c r="F53" s="17">
        <v>118</v>
      </c>
      <c r="G53" s="17">
        <v>317</v>
      </c>
      <c r="H53" s="17">
        <v>17795</v>
      </c>
      <c r="I53" s="17">
        <v>241</v>
      </c>
      <c r="J53" s="18">
        <v>5</v>
      </c>
      <c r="K53" s="17">
        <v>44</v>
      </c>
      <c r="L53" s="17">
        <v>192</v>
      </c>
      <c r="M53" s="17">
        <v>10749</v>
      </c>
      <c r="N53" s="17">
        <v>204</v>
      </c>
      <c r="O53" s="18">
        <v>5</v>
      </c>
      <c r="P53" s="17">
        <v>74</v>
      </c>
      <c r="Q53" s="17">
        <v>125</v>
      </c>
      <c r="R53" s="17">
        <v>7046</v>
      </c>
    </row>
    <row r="54" spans="1:18">
      <c r="A54" s="21" t="s">
        <v>890</v>
      </c>
      <c r="B54" s="10" t="s">
        <v>25</v>
      </c>
      <c r="C54" s="11" t="s">
        <v>25</v>
      </c>
      <c r="D54" s="17">
        <v>465</v>
      </c>
      <c r="E54" s="18">
        <v>9</v>
      </c>
      <c r="F54" s="17">
        <v>126</v>
      </c>
      <c r="G54" s="17">
        <v>329</v>
      </c>
      <c r="H54" s="17">
        <v>18486</v>
      </c>
      <c r="I54" s="17">
        <v>250</v>
      </c>
      <c r="J54" s="18">
        <v>5</v>
      </c>
      <c r="K54" s="17">
        <v>27</v>
      </c>
      <c r="L54" s="17">
        <v>218</v>
      </c>
      <c r="M54" s="17">
        <v>11606</v>
      </c>
      <c r="N54" s="17">
        <v>215</v>
      </c>
      <c r="O54" s="18">
        <v>4</v>
      </c>
      <c r="P54" s="17">
        <v>99</v>
      </c>
      <c r="Q54" s="17">
        <v>111</v>
      </c>
      <c r="R54" s="17">
        <v>6880</v>
      </c>
    </row>
    <row r="55" spans="1:18">
      <c r="A55" s="21" t="s">
        <v>891</v>
      </c>
      <c r="B55" s="10" t="s">
        <v>25</v>
      </c>
      <c r="C55" s="11" t="s">
        <v>25</v>
      </c>
      <c r="D55" s="17">
        <v>757</v>
      </c>
      <c r="E55" s="17">
        <v>10</v>
      </c>
      <c r="F55" s="17">
        <v>193</v>
      </c>
      <c r="G55" s="17">
        <v>554</v>
      </c>
      <c r="H55" s="17">
        <v>30841</v>
      </c>
      <c r="I55" s="17">
        <v>393</v>
      </c>
      <c r="J55" s="17">
        <v>5</v>
      </c>
      <c r="K55" s="17">
        <v>57</v>
      </c>
      <c r="L55" s="17">
        <v>331</v>
      </c>
      <c r="M55" s="17">
        <v>18007</v>
      </c>
      <c r="N55" s="17">
        <v>364</v>
      </c>
      <c r="O55" s="17">
        <v>5</v>
      </c>
      <c r="P55" s="17">
        <v>136</v>
      </c>
      <c r="Q55" s="17">
        <v>223</v>
      </c>
      <c r="R55" s="17">
        <v>12834</v>
      </c>
    </row>
    <row r="56" spans="1:18">
      <c r="A56" s="21" t="s">
        <v>892</v>
      </c>
      <c r="B56" s="10" t="s">
        <v>25</v>
      </c>
      <c r="C56" s="11" t="s">
        <v>25</v>
      </c>
      <c r="D56" s="17">
        <v>525</v>
      </c>
      <c r="E56" s="17">
        <v>5</v>
      </c>
      <c r="F56" s="17">
        <v>123</v>
      </c>
      <c r="G56" s="17">
        <v>397</v>
      </c>
      <c r="H56" s="17">
        <v>21685</v>
      </c>
      <c r="I56" s="17">
        <v>302</v>
      </c>
      <c r="J56" s="17">
        <v>3</v>
      </c>
      <c r="K56" s="17">
        <v>48</v>
      </c>
      <c r="L56" s="17">
        <v>251</v>
      </c>
      <c r="M56" s="17">
        <v>13691</v>
      </c>
      <c r="N56" s="17">
        <v>223</v>
      </c>
      <c r="O56" s="17">
        <v>2</v>
      </c>
      <c r="P56" s="17">
        <v>75</v>
      </c>
      <c r="Q56" s="17">
        <v>146</v>
      </c>
      <c r="R56" s="17">
        <v>7994</v>
      </c>
    </row>
    <row r="57" spans="1:18">
      <c r="A57" s="21" t="s">
        <v>893</v>
      </c>
      <c r="B57" s="10" t="s">
        <v>25</v>
      </c>
      <c r="C57" s="11" t="s">
        <v>25</v>
      </c>
      <c r="D57" s="17">
        <v>270</v>
      </c>
      <c r="E57" s="17">
        <v>3</v>
      </c>
      <c r="F57" s="17">
        <v>58</v>
      </c>
      <c r="G57" s="17">
        <v>209</v>
      </c>
      <c r="H57" s="17">
        <v>11215</v>
      </c>
      <c r="I57" s="17">
        <v>155</v>
      </c>
      <c r="J57" s="18">
        <v>2</v>
      </c>
      <c r="K57" s="17">
        <v>20</v>
      </c>
      <c r="L57" s="17">
        <v>133</v>
      </c>
      <c r="M57" s="17">
        <v>7215</v>
      </c>
      <c r="N57" s="17">
        <v>115</v>
      </c>
      <c r="O57" s="17">
        <v>1</v>
      </c>
      <c r="P57" s="17">
        <v>38</v>
      </c>
      <c r="Q57" s="17">
        <v>76</v>
      </c>
      <c r="R57" s="17">
        <v>4000</v>
      </c>
    </row>
    <row r="58" spans="1:18">
      <c r="A58" s="21" t="s">
        <v>894</v>
      </c>
      <c r="B58" s="10" t="s">
        <v>25</v>
      </c>
      <c r="C58" s="11" t="s">
        <v>25</v>
      </c>
      <c r="D58" s="17">
        <v>255</v>
      </c>
      <c r="E58" s="17">
        <v>2</v>
      </c>
      <c r="F58" s="17">
        <v>65</v>
      </c>
      <c r="G58" s="17">
        <v>188</v>
      </c>
      <c r="H58" s="17">
        <v>10470</v>
      </c>
      <c r="I58" s="17">
        <v>147</v>
      </c>
      <c r="J58" s="17">
        <v>1</v>
      </c>
      <c r="K58" s="17">
        <v>28</v>
      </c>
      <c r="L58" s="17">
        <v>118</v>
      </c>
      <c r="M58" s="17">
        <v>6476</v>
      </c>
      <c r="N58" s="17">
        <v>108</v>
      </c>
      <c r="O58" s="17">
        <v>1</v>
      </c>
      <c r="P58" s="17">
        <v>37</v>
      </c>
      <c r="Q58" s="17">
        <v>70</v>
      </c>
      <c r="R58" s="17">
        <v>3994</v>
      </c>
    </row>
    <row r="59" spans="1:18">
      <c r="A59" s="21" t="s">
        <v>895</v>
      </c>
      <c r="B59" s="10" t="s">
        <v>25</v>
      </c>
      <c r="C59" s="11" t="s">
        <v>25</v>
      </c>
      <c r="D59" s="17">
        <v>586</v>
      </c>
      <c r="E59" s="17">
        <v>14</v>
      </c>
      <c r="F59" s="17">
        <v>160</v>
      </c>
      <c r="G59" s="17">
        <v>412</v>
      </c>
      <c r="H59" s="17">
        <v>23914</v>
      </c>
      <c r="I59" s="17">
        <v>309</v>
      </c>
      <c r="J59" s="17">
        <v>4</v>
      </c>
      <c r="K59" s="17">
        <v>45</v>
      </c>
      <c r="L59" s="17">
        <v>260</v>
      </c>
      <c r="M59" s="17">
        <v>14639</v>
      </c>
      <c r="N59" s="17">
        <v>277</v>
      </c>
      <c r="O59" s="17">
        <v>10</v>
      </c>
      <c r="P59" s="17">
        <v>115</v>
      </c>
      <c r="Q59" s="17">
        <v>152</v>
      </c>
      <c r="R59" s="17">
        <v>9275</v>
      </c>
    </row>
    <row r="60" spans="1:18">
      <c r="A60" s="21" t="s">
        <v>896</v>
      </c>
      <c r="B60" s="10" t="s">
        <v>25</v>
      </c>
      <c r="C60" s="11" t="s">
        <v>25</v>
      </c>
      <c r="D60" s="17">
        <v>417</v>
      </c>
      <c r="E60" s="17">
        <v>3</v>
      </c>
      <c r="F60" s="17">
        <v>96</v>
      </c>
      <c r="G60" s="17">
        <v>318</v>
      </c>
      <c r="H60" s="17">
        <v>16558</v>
      </c>
      <c r="I60" s="17">
        <v>269</v>
      </c>
      <c r="J60" s="17">
        <v>1</v>
      </c>
      <c r="K60" s="17">
        <v>41</v>
      </c>
      <c r="L60" s="17">
        <v>227</v>
      </c>
      <c r="M60" s="17">
        <v>11607</v>
      </c>
      <c r="N60" s="17">
        <v>148</v>
      </c>
      <c r="O60" s="17">
        <v>2</v>
      </c>
      <c r="P60" s="17">
        <v>55</v>
      </c>
      <c r="Q60" s="17">
        <v>91</v>
      </c>
      <c r="R60" s="17">
        <v>4951</v>
      </c>
    </row>
    <row r="61" spans="1:18">
      <c r="A61" s="21" t="s">
        <v>897</v>
      </c>
      <c r="B61" s="10" t="s">
        <v>25</v>
      </c>
      <c r="C61" s="11" t="s">
        <v>25</v>
      </c>
      <c r="D61" s="17">
        <v>433</v>
      </c>
      <c r="E61" s="17">
        <v>5</v>
      </c>
      <c r="F61" s="17">
        <v>90</v>
      </c>
      <c r="G61" s="17">
        <v>338</v>
      </c>
      <c r="H61" s="17">
        <v>17763</v>
      </c>
      <c r="I61" s="17">
        <v>259</v>
      </c>
      <c r="J61" s="17">
        <v>3</v>
      </c>
      <c r="K61" s="17">
        <v>27</v>
      </c>
      <c r="L61" s="17">
        <v>229</v>
      </c>
      <c r="M61" s="17">
        <v>11940</v>
      </c>
      <c r="N61" s="17">
        <v>174</v>
      </c>
      <c r="O61" s="17">
        <v>2</v>
      </c>
      <c r="P61" s="17">
        <v>63</v>
      </c>
      <c r="Q61" s="17">
        <v>109</v>
      </c>
      <c r="R61" s="17">
        <v>5823</v>
      </c>
    </row>
    <row r="62" spans="1:18">
      <c r="A62" s="21" t="s">
        <v>898</v>
      </c>
      <c r="B62" s="10" t="s">
        <v>25</v>
      </c>
      <c r="C62" s="11" t="s">
        <v>25</v>
      </c>
      <c r="D62" s="17">
        <v>295</v>
      </c>
      <c r="E62" s="17">
        <v>4</v>
      </c>
      <c r="F62" s="17">
        <v>83</v>
      </c>
      <c r="G62" s="17">
        <v>207</v>
      </c>
      <c r="H62" s="17">
        <v>11595</v>
      </c>
      <c r="I62" s="17">
        <v>180</v>
      </c>
      <c r="J62" s="17">
        <v>3</v>
      </c>
      <c r="K62" s="17">
        <v>27</v>
      </c>
      <c r="L62" s="17">
        <v>149</v>
      </c>
      <c r="M62" s="17">
        <v>7936</v>
      </c>
      <c r="N62" s="17">
        <v>115</v>
      </c>
      <c r="O62" s="17">
        <v>1</v>
      </c>
      <c r="P62" s="17">
        <v>56</v>
      </c>
      <c r="Q62" s="17">
        <v>58</v>
      </c>
      <c r="R62" s="17">
        <v>3659</v>
      </c>
    </row>
    <row r="63" spans="1:18">
      <c r="A63" s="21" t="s">
        <v>899</v>
      </c>
      <c r="B63" s="10" t="s">
        <v>25</v>
      </c>
      <c r="C63" s="11" t="s">
        <v>25</v>
      </c>
      <c r="D63" s="17">
        <v>442</v>
      </c>
      <c r="E63" s="17">
        <v>9</v>
      </c>
      <c r="F63" s="17">
        <v>117</v>
      </c>
      <c r="G63" s="17">
        <v>316</v>
      </c>
      <c r="H63" s="17">
        <v>17618</v>
      </c>
      <c r="I63" s="17">
        <v>243</v>
      </c>
      <c r="J63" s="17">
        <v>6</v>
      </c>
      <c r="K63" s="17">
        <v>33</v>
      </c>
      <c r="L63" s="17">
        <v>204</v>
      </c>
      <c r="M63" s="17">
        <v>10986</v>
      </c>
      <c r="N63" s="17">
        <v>199</v>
      </c>
      <c r="O63" s="17">
        <v>3</v>
      </c>
      <c r="P63" s="17">
        <v>84</v>
      </c>
      <c r="Q63" s="17">
        <v>112</v>
      </c>
      <c r="R63" s="17">
        <v>6632</v>
      </c>
    </row>
    <row r="64" spans="1:18">
      <c r="A64" s="21" t="s">
        <v>900</v>
      </c>
      <c r="B64" s="10" t="s">
        <v>25</v>
      </c>
      <c r="C64" s="11" t="s">
        <v>25</v>
      </c>
      <c r="D64" s="17">
        <v>791</v>
      </c>
      <c r="E64" s="17">
        <v>13</v>
      </c>
      <c r="F64" s="17">
        <v>218</v>
      </c>
      <c r="G64" s="17">
        <v>559</v>
      </c>
      <c r="H64" s="17">
        <v>31678</v>
      </c>
      <c r="I64" s="17">
        <v>453</v>
      </c>
      <c r="J64" s="17">
        <v>5</v>
      </c>
      <c r="K64" s="17">
        <v>57</v>
      </c>
      <c r="L64" s="17">
        <v>391</v>
      </c>
      <c r="M64" s="17">
        <v>20944</v>
      </c>
      <c r="N64" s="17">
        <v>338</v>
      </c>
      <c r="O64" s="18">
        <v>8</v>
      </c>
      <c r="P64" s="17">
        <v>161</v>
      </c>
      <c r="Q64" s="17">
        <v>168</v>
      </c>
      <c r="R64" s="17">
        <v>10734</v>
      </c>
    </row>
    <row r="65" spans="1:18">
      <c r="A65" s="21" t="s">
        <v>901</v>
      </c>
      <c r="B65" s="10" t="s">
        <v>25</v>
      </c>
      <c r="C65" s="11" t="s">
        <v>25</v>
      </c>
      <c r="D65" s="17">
        <v>589</v>
      </c>
      <c r="E65" s="17">
        <v>9</v>
      </c>
      <c r="F65" s="17">
        <v>161</v>
      </c>
      <c r="G65" s="17">
        <v>419</v>
      </c>
      <c r="H65" s="17">
        <v>23266</v>
      </c>
      <c r="I65" s="17">
        <v>319</v>
      </c>
      <c r="J65" s="17">
        <v>3</v>
      </c>
      <c r="K65" s="17">
        <v>50</v>
      </c>
      <c r="L65" s="17">
        <v>266</v>
      </c>
      <c r="M65" s="17">
        <v>14100</v>
      </c>
      <c r="N65" s="17">
        <v>270</v>
      </c>
      <c r="O65" s="17">
        <v>6</v>
      </c>
      <c r="P65" s="17">
        <v>111</v>
      </c>
      <c r="Q65" s="17">
        <v>153</v>
      </c>
      <c r="R65" s="17">
        <v>9166</v>
      </c>
    </row>
    <row r="66" spans="1:18">
      <c r="A66" s="21" t="s">
        <v>902</v>
      </c>
      <c r="B66" s="10" t="s">
        <v>25</v>
      </c>
      <c r="C66" s="11" t="s">
        <v>25</v>
      </c>
      <c r="D66" s="17">
        <v>298</v>
      </c>
      <c r="E66" s="17">
        <v>4</v>
      </c>
      <c r="F66" s="17">
        <v>82</v>
      </c>
      <c r="G66" s="17">
        <v>212</v>
      </c>
      <c r="H66" s="17">
        <v>11826</v>
      </c>
      <c r="I66" s="17">
        <v>159</v>
      </c>
      <c r="J66" s="17">
        <v>2</v>
      </c>
      <c r="K66" s="17">
        <v>28</v>
      </c>
      <c r="L66" s="17">
        <v>129</v>
      </c>
      <c r="M66" s="17">
        <v>6913</v>
      </c>
      <c r="N66" s="17">
        <v>139</v>
      </c>
      <c r="O66" s="17">
        <v>2</v>
      </c>
      <c r="P66" s="17">
        <v>54</v>
      </c>
      <c r="Q66" s="17">
        <v>83</v>
      </c>
      <c r="R66" s="17">
        <v>4913</v>
      </c>
    </row>
    <row r="67" spans="1:18">
      <c r="A67" s="21" t="s">
        <v>903</v>
      </c>
      <c r="B67" s="10" t="s">
        <v>25</v>
      </c>
      <c r="C67" s="11" t="s">
        <v>25</v>
      </c>
      <c r="D67" s="17">
        <v>291</v>
      </c>
      <c r="E67" s="17">
        <v>5</v>
      </c>
      <c r="F67" s="17">
        <v>79</v>
      </c>
      <c r="G67" s="17">
        <v>207</v>
      </c>
      <c r="H67" s="17">
        <v>11440</v>
      </c>
      <c r="I67" s="17">
        <v>160</v>
      </c>
      <c r="J67" s="17">
        <v>1</v>
      </c>
      <c r="K67" s="17">
        <v>22</v>
      </c>
      <c r="L67" s="17">
        <v>137</v>
      </c>
      <c r="M67" s="17">
        <v>7187</v>
      </c>
      <c r="N67" s="17">
        <v>131</v>
      </c>
      <c r="O67" s="17">
        <v>4</v>
      </c>
      <c r="P67" s="17">
        <v>57</v>
      </c>
      <c r="Q67" s="17">
        <v>70</v>
      </c>
      <c r="R67" s="17">
        <v>4253</v>
      </c>
    </row>
    <row r="68" spans="1:18">
      <c r="A68" s="21" t="s">
        <v>904</v>
      </c>
      <c r="B68" s="10" t="s">
        <v>25</v>
      </c>
      <c r="C68" s="11" t="s">
        <v>25</v>
      </c>
      <c r="D68" s="17">
        <v>582</v>
      </c>
      <c r="E68" s="17">
        <v>12</v>
      </c>
      <c r="F68" s="17">
        <v>138</v>
      </c>
      <c r="G68" s="17">
        <v>432</v>
      </c>
      <c r="H68" s="17">
        <v>23614</v>
      </c>
      <c r="I68" s="17">
        <v>251</v>
      </c>
      <c r="J68" s="17">
        <v>5</v>
      </c>
      <c r="K68" s="17">
        <v>34</v>
      </c>
      <c r="L68" s="17">
        <v>212</v>
      </c>
      <c r="M68" s="17">
        <v>11328</v>
      </c>
      <c r="N68" s="17">
        <v>331</v>
      </c>
      <c r="O68" s="17">
        <v>7</v>
      </c>
      <c r="P68" s="17">
        <v>104</v>
      </c>
      <c r="Q68" s="17">
        <v>220</v>
      </c>
      <c r="R68" s="17">
        <v>12286</v>
      </c>
    </row>
    <row r="69" spans="1:18">
      <c r="A69" s="21" t="s">
        <v>905</v>
      </c>
      <c r="B69" s="10" t="s">
        <v>25</v>
      </c>
      <c r="C69" s="11" t="s">
        <v>25</v>
      </c>
      <c r="D69" s="17">
        <v>267</v>
      </c>
      <c r="E69" s="17">
        <v>3</v>
      </c>
      <c r="F69" s="17">
        <v>85</v>
      </c>
      <c r="G69" s="17">
        <v>179</v>
      </c>
      <c r="H69" s="17">
        <v>10680</v>
      </c>
      <c r="I69" s="17">
        <v>135</v>
      </c>
      <c r="J69" s="17">
        <v>2</v>
      </c>
      <c r="K69" s="17">
        <v>26</v>
      </c>
      <c r="L69" s="17">
        <v>107</v>
      </c>
      <c r="M69" s="17">
        <v>6077</v>
      </c>
      <c r="N69" s="17">
        <v>132</v>
      </c>
      <c r="O69" s="17">
        <v>1</v>
      </c>
      <c r="P69" s="17">
        <v>59</v>
      </c>
      <c r="Q69" s="17">
        <v>72</v>
      </c>
      <c r="R69" s="17">
        <v>4603</v>
      </c>
    </row>
    <row r="70" spans="1:18">
      <c r="A70" s="21" t="s">
        <v>906</v>
      </c>
      <c r="B70" s="10" t="s">
        <v>25</v>
      </c>
      <c r="C70" s="11" t="s">
        <v>25</v>
      </c>
      <c r="D70" s="17">
        <v>1212</v>
      </c>
      <c r="E70" s="17">
        <v>22</v>
      </c>
      <c r="F70" s="17">
        <v>284</v>
      </c>
      <c r="G70" s="17">
        <v>902</v>
      </c>
      <c r="H70" s="17">
        <v>49856</v>
      </c>
      <c r="I70" s="17">
        <v>695</v>
      </c>
      <c r="J70" s="17">
        <v>11</v>
      </c>
      <c r="K70" s="17">
        <v>72</v>
      </c>
      <c r="L70" s="17">
        <v>610</v>
      </c>
      <c r="M70" s="17">
        <v>32594</v>
      </c>
      <c r="N70" s="17">
        <v>517</v>
      </c>
      <c r="O70" s="17">
        <v>11</v>
      </c>
      <c r="P70" s="17">
        <v>212</v>
      </c>
      <c r="Q70" s="17">
        <v>292</v>
      </c>
      <c r="R70" s="17">
        <v>17262</v>
      </c>
    </row>
    <row r="71" spans="1:18">
      <c r="A71" s="21" t="s">
        <v>907</v>
      </c>
      <c r="B71" s="10" t="s">
        <v>25</v>
      </c>
      <c r="C71" s="11" t="s">
        <v>25</v>
      </c>
      <c r="D71" s="17">
        <v>215</v>
      </c>
      <c r="E71" s="17">
        <v>2</v>
      </c>
      <c r="F71" s="17">
        <v>55</v>
      </c>
      <c r="G71" s="17">
        <v>157</v>
      </c>
      <c r="H71" s="17">
        <v>8809</v>
      </c>
      <c r="I71" s="17">
        <v>113</v>
      </c>
      <c r="J71" s="17">
        <v>1</v>
      </c>
      <c r="K71" s="17">
        <v>11</v>
      </c>
      <c r="L71" s="17">
        <v>101</v>
      </c>
      <c r="M71" s="17">
        <v>5372</v>
      </c>
      <c r="N71" s="17">
        <v>102</v>
      </c>
      <c r="O71" s="17">
        <v>1</v>
      </c>
      <c r="P71" s="17">
        <v>44</v>
      </c>
      <c r="Q71" s="17">
        <v>56</v>
      </c>
      <c r="R71" s="17">
        <v>3437</v>
      </c>
    </row>
    <row r="72" spans="1:18">
      <c r="A72" s="21" t="s">
        <v>908</v>
      </c>
      <c r="B72" s="10" t="s">
        <v>25</v>
      </c>
      <c r="C72" s="11" t="s">
        <v>25</v>
      </c>
      <c r="D72" s="17">
        <v>997</v>
      </c>
      <c r="E72" s="17">
        <v>20</v>
      </c>
      <c r="F72" s="17">
        <v>229</v>
      </c>
      <c r="G72" s="17">
        <v>745</v>
      </c>
      <c r="H72" s="17">
        <v>41047</v>
      </c>
      <c r="I72" s="17">
        <v>582</v>
      </c>
      <c r="J72" s="17">
        <v>10</v>
      </c>
      <c r="K72" s="17">
        <v>61</v>
      </c>
      <c r="L72" s="17">
        <v>509</v>
      </c>
      <c r="M72" s="17">
        <v>27222</v>
      </c>
      <c r="N72" s="17">
        <v>415</v>
      </c>
      <c r="O72" s="17">
        <v>10</v>
      </c>
      <c r="P72" s="17">
        <v>168</v>
      </c>
      <c r="Q72" s="17">
        <v>236</v>
      </c>
      <c r="R72" s="17">
        <v>13825</v>
      </c>
    </row>
    <row r="73" spans="1:18">
      <c r="A73" s="21" t="s">
        <v>909</v>
      </c>
      <c r="B73" s="10" t="s">
        <v>25</v>
      </c>
      <c r="C73" s="11" t="s">
        <v>25</v>
      </c>
      <c r="D73" s="17">
        <v>682</v>
      </c>
      <c r="E73" s="17">
        <v>7</v>
      </c>
      <c r="F73" s="17">
        <v>168</v>
      </c>
      <c r="G73" s="17">
        <v>506</v>
      </c>
      <c r="H73" s="17">
        <v>27924</v>
      </c>
      <c r="I73" s="17">
        <v>382</v>
      </c>
      <c r="J73" s="17">
        <v>3</v>
      </c>
      <c r="K73" s="17">
        <v>52</v>
      </c>
      <c r="L73" s="17">
        <v>326</v>
      </c>
      <c r="M73" s="17">
        <v>17529</v>
      </c>
      <c r="N73" s="17">
        <v>300</v>
      </c>
      <c r="O73" s="17">
        <v>4</v>
      </c>
      <c r="P73" s="17">
        <v>116</v>
      </c>
      <c r="Q73" s="17">
        <v>180</v>
      </c>
      <c r="R73" s="17">
        <v>10395</v>
      </c>
    </row>
    <row r="74" spans="1:18">
      <c r="A74" s="21" t="s">
        <v>910</v>
      </c>
      <c r="B74" s="10" t="s">
        <v>25</v>
      </c>
      <c r="C74" s="11" t="s">
        <v>25</v>
      </c>
      <c r="D74" s="17">
        <v>312</v>
      </c>
      <c r="E74" s="17">
        <v>5</v>
      </c>
      <c r="F74" s="17">
        <v>67</v>
      </c>
      <c r="G74" s="17">
        <v>240</v>
      </c>
      <c r="H74" s="17">
        <v>13235</v>
      </c>
      <c r="I74" s="17">
        <v>172</v>
      </c>
      <c r="J74" s="17">
        <v>2</v>
      </c>
      <c r="K74" s="17">
        <v>18</v>
      </c>
      <c r="L74" s="17">
        <v>152</v>
      </c>
      <c r="M74" s="17">
        <v>8220</v>
      </c>
      <c r="N74" s="17">
        <v>140</v>
      </c>
      <c r="O74" s="17">
        <v>3</v>
      </c>
      <c r="P74" s="17">
        <v>49</v>
      </c>
      <c r="Q74" s="17">
        <v>88</v>
      </c>
      <c r="R74" s="17">
        <v>5015</v>
      </c>
    </row>
    <row r="75" spans="1:18">
      <c r="A75" s="21" t="s">
        <v>911</v>
      </c>
      <c r="B75" s="10" t="s">
        <v>25</v>
      </c>
      <c r="C75" s="11" t="s">
        <v>25</v>
      </c>
      <c r="D75" s="17">
        <v>370</v>
      </c>
      <c r="E75" s="17">
        <v>2</v>
      </c>
      <c r="F75" s="17">
        <v>101</v>
      </c>
      <c r="G75" s="17">
        <v>266</v>
      </c>
      <c r="H75" s="17">
        <v>14689</v>
      </c>
      <c r="I75" s="17">
        <v>210</v>
      </c>
      <c r="J75" s="18">
        <v>1</v>
      </c>
      <c r="K75" s="17">
        <v>34</v>
      </c>
      <c r="L75" s="17">
        <v>174</v>
      </c>
      <c r="M75" s="17">
        <v>9309</v>
      </c>
      <c r="N75" s="17">
        <v>160</v>
      </c>
      <c r="O75" s="17">
        <v>1</v>
      </c>
      <c r="P75" s="17">
        <v>67</v>
      </c>
      <c r="Q75" s="17">
        <v>92</v>
      </c>
      <c r="R75" s="17">
        <v>5380</v>
      </c>
    </row>
    <row r="76" spans="1:18">
      <c r="A76" s="21" t="s">
        <v>912</v>
      </c>
      <c r="B76" s="10" t="s">
        <v>25</v>
      </c>
      <c r="C76" s="11" t="s">
        <v>25</v>
      </c>
      <c r="D76" s="17">
        <v>614</v>
      </c>
      <c r="E76" s="17">
        <v>5</v>
      </c>
      <c r="F76" s="17">
        <v>150</v>
      </c>
      <c r="G76" s="17">
        <v>458</v>
      </c>
      <c r="H76" s="17">
        <v>25530</v>
      </c>
      <c r="I76" s="17">
        <v>334</v>
      </c>
      <c r="J76" s="17">
        <v>2</v>
      </c>
      <c r="K76" s="17">
        <v>44</v>
      </c>
      <c r="L76" s="17">
        <v>287</v>
      </c>
      <c r="M76" s="17">
        <v>15782</v>
      </c>
      <c r="N76" s="17">
        <v>280</v>
      </c>
      <c r="O76" s="17">
        <v>3</v>
      </c>
      <c r="P76" s="17">
        <v>106</v>
      </c>
      <c r="Q76" s="17">
        <v>171</v>
      </c>
      <c r="R76" s="17">
        <v>9748</v>
      </c>
    </row>
    <row r="77" spans="1:18">
      <c r="A77" s="21" t="s">
        <v>913</v>
      </c>
      <c r="B77" s="10" t="s">
        <v>25</v>
      </c>
      <c r="C77" s="11" t="s">
        <v>25</v>
      </c>
      <c r="D77" s="17">
        <v>435</v>
      </c>
      <c r="E77" s="17">
        <v>9</v>
      </c>
      <c r="F77" s="17">
        <v>108</v>
      </c>
      <c r="G77" s="17">
        <v>318</v>
      </c>
      <c r="H77" s="17">
        <v>17854</v>
      </c>
      <c r="I77" s="17">
        <v>236</v>
      </c>
      <c r="J77" s="17">
        <v>5</v>
      </c>
      <c r="K77" s="17">
        <v>22</v>
      </c>
      <c r="L77" s="17">
        <v>209</v>
      </c>
      <c r="M77" s="17">
        <v>11136</v>
      </c>
      <c r="N77" s="17">
        <v>199</v>
      </c>
      <c r="O77" s="17">
        <v>4</v>
      </c>
      <c r="P77" s="17">
        <v>86</v>
      </c>
      <c r="Q77" s="17">
        <v>109</v>
      </c>
      <c r="R77" s="17">
        <v>6718</v>
      </c>
    </row>
    <row r="78" spans="1:18">
      <c r="A78" s="21" t="s">
        <v>914</v>
      </c>
      <c r="B78" s="10" t="s">
        <v>25</v>
      </c>
      <c r="C78" s="11" t="s">
        <v>25</v>
      </c>
      <c r="D78" s="17">
        <v>421</v>
      </c>
      <c r="E78" s="17">
        <v>7</v>
      </c>
      <c r="F78" s="17">
        <v>108</v>
      </c>
      <c r="G78" s="17">
        <v>306</v>
      </c>
      <c r="H78" s="17">
        <v>17680</v>
      </c>
      <c r="I78" s="17">
        <v>223</v>
      </c>
      <c r="J78" s="17">
        <v>5</v>
      </c>
      <c r="K78" s="17">
        <v>28</v>
      </c>
      <c r="L78" s="17">
        <v>190</v>
      </c>
      <c r="M78" s="17">
        <v>10700</v>
      </c>
      <c r="N78" s="17">
        <v>198</v>
      </c>
      <c r="O78" s="17">
        <v>2</v>
      </c>
      <c r="P78" s="17">
        <v>80</v>
      </c>
      <c r="Q78" s="17">
        <v>116</v>
      </c>
      <c r="R78" s="17">
        <v>6980</v>
      </c>
    </row>
    <row r="79" spans="1:18">
      <c r="A79" s="21" t="s">
        <v>915</v>
      </c>
      <c r="B79" s="10" t="s">
        <v>25</v>
      </c>
      <c r="C79" s="11" t="s">
        <v>25</v>
      </c>
      <c r="D79" s="17">
        <v>781</v>
      </c>
      <c r="E79" s="17">
        <v>12</v>
      </c>
      <c r="F79" s="17">
        <v>173</v>
      </c>
      <c r="G79" s="17">
        <v>596</v>
      </c>
      <c r="H79" s="17">
        <v>32980</v>
      </c>
      <c r="I79" s="17">
        <v>425</v>
      </c>
      <c r="J79" s="17">
        <v>7</v>
      </c>
      <c r="K79" s="17">
        <v>48</v>
      </c>
      <c r="L79" s="17">
        <v>370</v>
      </c>
      <c r="M79" s="17">
        <v>19888</v>
      </c>
      <c r="N79" s="17">
        <v>356</v>
      </c>
      <c r="O79" s="17">
        <v>5</v>
      </c>
      <c r="P79" s="17">
        <v>125</v>
      </c>
      <c r="Q79" s="17">
        <v>226</v>
      </c>
      <c r="R79" s="17">
        <v>13092</v>
      </c>
    </row>
    <row r="80" spans="1:18">
      <c r="A80" s="21" t="s">
        <v>916</v>
      </c>
      <c r="B80" s="10" t="s">
        <v>25</v>
      </c>
      <c r="C80" s="11" t="s">
        <v>25</v>
      </c>
      <c r="D80" s="17">
        <v>695</v>
      </c>
      <c r="E80" s="17">
        <v>9</v>
      </c>
      <c r="F80" s="17">
        <v>167</v>
      </c>
      <c r="G80" s="17">
        <v>517</v>
      </c>
      <c r="H80" s="17">
        <v>28837</v>
      </c>
      <c r="I80" s="17">
        <v>385</v>
      </c>
      <c r="J80" s="17">
        <v>6</v>
      </c>
      <c r="K80" s="17">
        <v>42</v>
      </c>
      <c r="L80" s="17">
        <v>336</v>
      </c>
      <c r="M80" s="17">
        <v>18094</v>
      </c>
      <c r="N80" s="17">
        <v>310</v>
      </c>
      <c r="O80" s="18">
        <v>3</v>
      </c>
      <c r="P80" s="17">
        <v>125</v>
      </c>
      <c r="Q80" s="17">
        <v>181</v>
      </c>
      <c r="R80" s="17">
        <v>10743</v>
      </c>
    </row>
    <row r="81" spans="1:18">
      <c r="A81" s="21" t="s">
        <v>917</v>
      </c>
      <c r="B81" s="10" t="s">
        <v>25</v>
      </c>
      <c r="C81" s="11" t="s">
        <v>25</v>
      </c>
      <c r="D81" s="17">
        <v>363</v>
      </c>
      <c r="E81" s="17">
        <v>4</v>
      </c>
      <c r="F81" s="17">
        <v>82</v>
      </c>
      <c r="G81" s="17">
        <v>277</v>
      </c>
      <c r="H81" s="17">
        <v>15229</v>
      </c>
      <c r="I81" s="17">
        <v>212</v>
      </c>
      <c r="J81" s="17">
        <v>3</v>
      </c>
      <c r="K81" s="17">
        <v>24</v>
      </c>
      <c r="L81" s="17">
        <v>185</v>
      </c>
      <c r="M81" s="17">
        <v>9768</v>
      </c>
      <c r="N81" s="17">
        <v>151</v>
      </c>
      <c r="O81" s="18">
        <v>1</v>
      </c>
      <c r="P81" s="17">
        <v>58</v>
      </c>
      <c r="Q81" s="17">
        <v>92</v>
      </c>
      <c r="R81" s="17">
        <v>5461</v>
      </c>
    </row>
    <row r="82" spans="1:18">
      <c r="A82" s="21" t="s">
        <v>918</v>
      </c>
      <c r="B82" s="10" t="s">
        <v>25</v>
      </c>
      <c r="C82" s="11" t="s">
        <v>25</v>
      </c>
      <c r="D82" s="17">
        <v>412</v>
      </c>
      <c r="E82" s="18">
        <v>6</v>
      </c>
      <c r="F82" s="17">
        <v>94</v>
      </c>
      <c r="G82" s="17">
        <v>311</v>
      </c>
      <c r="H82" s="17">
        <v>17051</v>
      </c>
      <c r="I82" s="17">
        <v>242</v>
      </c>
      <c r="J82" s="18">
        <v>3</v>
      </c>
      <c r="K82" s="17">
        <v>27</v>
      </c>
      <c r="L82" s="17">
        <v>211</v>
      </c>
      <c r="M82" s="17">
        <v>11096</v>
      </c>
      <c r="N82" s="17">
        <v>170</v>
      </c>
      <c r="O82" s="18">
        <v>3</v>
      </c>
      <c r="P82" s="17">
        <v>67</v>
      </c>
      <c r="Q82" s="17">
        <v>100</v>
      </c>
      <c r="R82" s="17">
        <v>5955</v>
      </c>
    </row>
    <row r="83" spans="1:18">
      <c r="A83" s="21" t="s">
        <v>919</v>
      </c>
      <c r="B83" s="10" t="s">
        <v>25</v>
      </c>
      <c r="C83" s="11" t="s">
        <v>25</v>
      </c>
      <c r="D83" s="17">
        <v>756</v>
      </c>
      <c r="E83" s="18">
        <v>5</v>
      </c>
      <c r="F83" s="17">
        <v>184</v>
      </c>
      <c r="G83" s="17">
        <v>567</v>
      </c>
      <c r="H83" s="17">
        <v>31328</v>
      </c>
      <c r="I83" s="17">
        <v>414</v>
      </c>
      <c r="J83" s="18">
        <v>4</v>
      </c>
      <c r="K83" s="17">
        <v>61</v>
      </c>
      <c r="L83" s="17">
        <v>349</v>
      </c>
      <c r="M83" s="17">
        <v>18982</v>
      </c>
      <c r="N83" s="17">
        <v>342</v>
      </c>
      <c r="O83" s="18">
        <v>1</v>
      </c>
      <c r="P83" s="17">
        <v>123</v>
      </c>
      <c r="Q83" s="17">
        <v>218</v>
      </c>
      <c r="R83" s="17">
        <v>12346</v>
      </c>
    </row>
    <row r="84" spans="1:18">
      <c r="A84" s="21" t="s">
        <v>920</v>
      </c>
      <c r="B84" s="10" t="s">
        <v>25</v>
      </c>
      <c r="C84" s="11" t="s">
        <v>25</v>
      </c>
      <c r="D84" s="18">
        <v>784</v>
      </c>
      <c r="E84" s="18">
        <v>6</v>
      </c>
      <c r="F84" s="18">
        <v>205</v>
      </c>
      <c r="G84" s="18">
        <v>572</v>
      </c>
      <c r="H84" s="18">
        <v>31944</v>
      </c>
      <c r="I84" s="18">
        <v>405</v>
      </c>
      <c r="J84" s="18">
        <v>3</v>
      </c>
      <c r="K84" s="18">
        <v>53</v>
      </c>
      <c r="L84" s="18">
        <v>348</v>
      </c>
      <c r="M84" s="18">
        <v>18529</v>
      </c>
      <c r="N84" s="18">
        <v>379</v>
      </c>
      <c r="O84" s="18">
        <v>3</v>
      </c>
      <c r="P84" s="18">
        <v>152</v>
      </c>
      <c r="Q84" s="18">
        <v>224</v>
      </c>
      <c r="R84" s="18">
        <v>13415</v>
      </c>
    </row>
    <row r="85" spans="1:18">
      <c r="A85" s="21" t="s">
        <v>921</v>
      </c>
      <c r="B85" s="10" t="s">
        <v>25</v>
      </c>
      <c r="C85" s="11" t="s">
        <v>25</v>
      </c>
      <c r="D85" s="18">
        <v>326</v>
      </c>
      <c r="E85" s="18">
        <v>10</v>
      </c>
      <c r="F85" s="18">
        <v>73</v>
      </c>
      <c r="G85" s="18">
        <v>243</v>
      </c>
      <c r="H85" s="18">
        <v>13350</v>
      </c>
      <c r="I85" s="18">
        <v>190</v>
      </c>
      <c r="J85" s="18">
        <v>7</v>
      </c>
      <c r="K85" s="18">
        <v>14</v>
      </c>
      <c r="L85" s="18">
        <v>169</v>
      </c>
      <c r="M85" s="18">
        <v>8839</v>
      </c>
      <c r="N85" s="18">
        <v>136</v>
      </c>
      <c r="O85" s="18">
        <v>3</v>
      </c>
      <c r="P85" s="18">
        <v>59</v>
      </c>
      <c r="Q85" s="18">
        <v>74</v>
      </c>
      <c r="R85" s="18">
        <v>4511</v>
      </c>
    </row>
    <row r="86" spans="1:18">
      <c r="A86" s="21" t="s">
        <v>922</v>
      </c>
      <c r="B86" s="10" t="s">
        <v>25</v>
      </c>
      <c r="C86" s="11" t="s">
        <v>25</v>
      </c>
      <c r="D86" s="18">
        <v>474</v>
      </c>
      <c r="E86" s="18">
        <v>2</v>
      </c>
      <c r="F86" s="18">
        <v>108</v>
      </c>
      <c r="G86" s="18">
        <v>363</v>
      </c>
      <c r="H86" s="18">
        <v>20228</v>
      </c>
      <c r="I86" s="18">
        <v>255</v>
      </c>
      <c r="J86" s="18">
        <v>1</v>
      </c>
      <c r="K86" s="18">
        <v>33</v>
      </c>
      <c r="L86" s="18">
        <v>221</v>
      </c>
      <c r="M86" s="18">
        <v>11999</v>
      </c>
      <c r="N86" s="18">
        <v>219</v>
      </c>
      <c r="O86" s="18">
        <v>1</v>
      </c>
      <c r="P86" s="18">
        <v>75</v>
      </c>
      <c r="Q86" s="18">
        <v>142</v>
      </c>
      <c r="R86" s="18">
        <v>8229</v>
      </c>
    </row>
    <row r="87" spans="1:18">
      <c r="A87" s="21" t="s">
        <v>923</v>
      </c>
      <c r="B87" s="10" t="s">
        <v>25</v>
      </c>
      <c r="C87" s="11" t="s">
        <v>25</v>
      </c>
      <c r="D87" s="17">
        <v>1083</v>
      </c>
      <c r="E87" s="17">
        <v>18</v>
      </c>
      <c r="F87" s="17">
        <v>217</v>
      </c>
      <c r="G87" s="17">
        <v>846</v>
      </c>
      <c r="H87" s="17">
        <v>47537</v>
      </c>
      <c r="I87" s="17">
        <v>610</v>
      </c>
      <c r="J87" s="17">
        <v>10</v>
      </c>
      <c r="K87" s="17">
        <v>61</v>
      </c>
      <c r="L87" s="17">
        <v>537</v>
      </c>
      <c r="M87" s="17">
        <v>29532</v>
      </c>
      <c r="N87" s="17">
        <v>473</v>
      </c>
      <c r="O87" s="17">
        <v>8</v>
      </c>
      <c r="P87" s="17">
        <v>156</v>
      </c>
      <c r="Q87" s="17">
        <v>309</v>
      </c>
      <c r="R87" s="17">
        <v>18005</v>
      </c>
    </row>
    <row r="88" spans="1:18">
      <c r="A88" s="21" t="s">
        <v>924</v>
      </c>
      <c r="B88" s="10" t="s">
        <v>25</v>
      </c>
      <c r="C88" s="11" t="s">
        <v>25</v>
      </c>
      <c r="D88" s="17">
        <v>510</v>
      </c>
      <c r="E88" s="17">
        <v>9</v>
      </c>
      <c r="F88" s="17">
        <v>117</v>
      </c>
      <c r="G88" s="17">
        <v>379</v>
      </c>
      <c r="H88" s="17">
        <v>21342</v>
      </c>
      <c r="I88" s="17">
        <v>260</v>
      </c>
      <c r="J88" s="17">
        <v>4</v>
      </c>
      <c r="K88" s="17">
        <v>37</v>
      </c>
      <c r="L88" s="17">
        <v>215</v>
      </c>
      <c r="M88" s="17">
        <v>12091</v>
      </c>
      <c r="N88" s="17">
        <v>250</v>
      </c>
      <c r="O88" s="17">
        <v>5</v>
      </c>
      <c r="P88" s="17">
        <v>80</v>
      </c>
      <c r="Q88" s="17">
        <v>164</v>
      </c>
      <c r="R88" s="17">
        <v>9251</v>
      </c>
    </row>
    <row r="89" spans="1:18">
      <c r="A89" s="21" t="s">
        <v>925</v>
      </c>
      <c r="B89" s="10" t="s">
        <v>25</v>
      </c>
      <c r="C89" s="11" t="s">
        <v>25</v>
      </c>
      <c r="D89" s="17">
        <v>36</v>
      </c>
      <c r="E89" s="17" t="s">
        <v>35</v>
      </c>
      <c r="F89" s="17">
        <v>8</v>
      </c>
      <c r="G89" s="17">
        <v>28</v>
      </c>
      <c r="H89" s="17">
        <v>1617</v>
      </c>
      <c r="I89" s="17">
        <v>19</v>
      </c>
      <c r="J89" s="17" t="s">
        <v>35</v>
      </c>
      <c r="K89" s="17">
        <v>2</v>
      </c>
      <c r="L89" s="17">
        <v>17</v>
      </c>
      <c r="M89" s="17">
        <v>931</v>
      </c>
      <c r="N89" s="17">
        <v>17</v>
      </c>
      <c r="O89" s="17" t="s">
        <v>35</v>
      </c>
      <c r="P89" s="17">
        <v>6</v>
      </c>
      <c r="Q89" s="17">
        <v>11</v>
      </c>
      <c r="R89" s="17">
        <v>686</v>
      </c>
    </row>
    <row r="90" spans="1:18">
      <c r="B90" s="28"/>
      <c r="C90" s="28"/>
    </row>
    <row r="91" spans="1:18">
      <c r="B91" s="28"/>
      <c r="C91" s="28"/>
    </row>
    <row r="92" spans="1:18">
      <c r="B92" s="28"/>
      <c r="C92" s="28"/>
    </row>
    <row r="93" spans="1:18">
      <c r="B93" s="28"/>
      <c r="C93" s="28"/>
    </row>
    <row r="94" spans="1:18">
      <c r="B94" s="28"/>
      <c r="C94" s="28"/>
    </row>
    <row r="95" spans="1:18">
      <c r="B95" s="28"/>
      <c r="C95" s="28"/>
    </row>
    <row r="96" spans="1:18">
      <c r="B96" s="28"/>
      <c r="C96" s="28"/>
    </row>
    <row r="97" spans="2:3">
      <c r="B97" s="28"/>
      <c r="C97" s="28"/>
    </row>
    <row r="98" spans="2:3">
      <c r="B98" s="28"/>
      <c r="C98" s="28"/>
    </row>
    <row r="99" spans="2:3">
      <c r="B99" s="28"/>
      <c r="C99" s="28"/>
    </row>
    <row r="100" spans="2:3">
      <c r="B100" s="28"/>
      <c r="C100" s="28"/>
    </row>
    <row r="101" spans="2:3">
      <c r="B101" s="28"/>
      <c r="C101" s="28"/>
    </row>
    <row r="102" spans="2:3">
      <c r="B102" s="28"/>
      <c r="C102" s="28"/>
    </row>
    <row r="103" spans="2:3">
      <c r="B103" s="28"/>
      <c r="C103" s="28"/>
    </row>
    <row r="104" spans="2:3">
      <c r="B104" s="28"/>
      <c r="C104" s="28"/>
    </row>
    <row r="105" spans="2:3">
      <c r="B105" s="28"/>
      <c r="C105" s="28"/>
    </row>
    <row r="106" spans="2:3">
      <c r="B106" s="28"/>
      <c r="C106" s="28"/>
    </row>
  </sheetData>
  <mergeCells count="7">
    <mergeCell ref="A1:D1"/>
    <mergeCell ref="A3:R3"/>
    <mergeCell ref="A6:A7"/>
    <mergeCell ref="B6:C7"/>
    <mergeCell ref="D6:H6"/>
    <mergeCell ref="I6:M6"/>
    <mergeCell ref="N6:R6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65" fitToHeight="0" pageOrder="overThenDown" orientation="landscape" horizontalDpi="300" verticalDpi="300" r:id="rId1"/>
  <headerFooter alignWithMargins="0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R110"/>
  <sheetViews>
    <sheetView zoomScaleNormal="100" workbookViewId="0">
      <selection sqref="A1:D1"/>
    </sheetView>
  </sheetViews>
  <sheetFormatPr defaultRowHeight="13.5"/>
  <cols>
    <col min="1" max="1" width="25.83203125" style="12" customWidth="1"/>
    <col min="2" max="3" width="4.83203125" style="12" customWidth="1"/>
    <col min="4" max="4" width="22.1640625" style="9" customWidth="1"/>
    <col min="5" max="5" width="13.6640625" style="9" bestFit="1" customWidth="1"/>
    <col min="6" max="7" width="19.5" style="9" bestFit="1" customWidth="1"/>
    <col min="8" max="8" width="30.33203125" style="9" bestFit="1" customWidth="1"/>
    <col min="9" max="9" width="22.1640625" style="9" customWidth="1"/>
    <col min="10" max="10" width="13.6640625" style="9" bestFit="1" customWidth="1"/>
    <col min="11" max="12" width="19.5" style="9" bestFit="1" customWidth="1"/>
    <col min="13" max="13" width="30.33203125" style="9" bestFit="1" customWidth="1"/>
    <col min="14" max="14" width="22.6640625" style="9" customWidth="1"/>
    <col min="15" max="15" width="13.6640625" style="9" bestFit="1" customWidth="1"/>
    <col min="16" max="17" width="19.5" style="9" bestFit="1" customWidth="1"/>
    <col min="18" max="18" width="30.33203125" style="9" bestFit="1" customWidth="1"/>
    <col min="19" max="16384" width="9.33203125" style="9"/>
  </cols>
  <sheetData>
    <row r="1" spans="1:18" s="1" customFormat="1" ht="16.5" customHeight="1">
      <c r="A1" s="37" t="s">
        <v>0</v>
      </c>
      <c r="B1" s="37"/>
      <c r="C1" s="37"/>
      <c r="D1" s="37"/>
      <c r="E1" s="31"/>
      <c r="F1" s="31"/>
      <c r="G1" s="31"/>
      <c r="H1" s="31"/>
      <c r="I1" s="32"/>
      <c r="J1" s="32"/>
      <c r="K1" s="32"/>
      <c r="L1" s="32"/>
      <c r="M1" s="32"/>
      <c r="N1" s="32"/>
      <c r="O1" s="32"/>
      <c r="P1" s="31"/>
      <c r="Q1" s="31"/>
      <c r="R1" s="31"/>
    </row>
    <row r="2" spans="1:18" s="1" customFormat="1" ht="16.5" customHeight="1">
      <c r="D2" s="31"/>
      <c r="E2" s="31"/>
      <c r="F2" s="31"/>
      <c r="G2" s="31"/>
      <c r="H2" s="31"/>
      <c r="I2" s="32"/>
      <c r="J2" s="32"/>
      <c r="K2" s="32"/>
      <c r="L2" s="32"/>
      <c r="M2" s="32"/>
      <c r="N2" s="32"/>
      <c r="O2" s="32"/>
      <c r="P2" s="31"/>
      <c r="Q2" s="31"/>
      <c r="R2" s="31"/>
    </row>
    <row r="3" spans="1:18">
      <c r="A3" s="38" t="s">
        <v>2462</v>
      </c>
      <c r="B3" s="38"/>
      <c r="C3" s="38"/>
      <c r="D3" s="38"/>
      <c r="E3" s="38"/>
      <c r="F3" s="38"/>
      <c r="G3" s="38"/>
      <c r="H3" s="38"/>
      <c r="I3" s="38"/>
      <c r="J3" s="38"/>
      <c r="K3" s="38"/>
      <c r="L3" s="38"/>
      <c r="M3" s="38"/>
      <c r="N3" s="38"/>
      <c r="O3" s="38"/>
      <c r="P3" s="38"/>
      <c r="Q3" s="38"/>
      <c r="R3" s="38"/>
    </row>
    <row r="4" spans="1:18">
      <c r="A4" s="9"/>
      <c r="B4" s="9"/>
      <c r="C4" s="9"/>
    </row>
    <row r="6" spans="1:18" ht="13.5" customHeight="1">
      <c r="A6" s="48" t="s">
        <v>26</v>
      </c>
      <c r="B6" s="41" t="s">
        <v>27</v>
      </c>
      <c r="C6" s="42"/>
      <c r="D6" s="45" t="s">
        <v>2463</v>
      </c>
      <c r="E6" s="46"/>
      <c r="F6" s="46"/>
      <c r="G6" s="46"/>
      <c r="H6" s="47"/>
      <c r="I6" s="45" t="s">
        <v>2464</v>
      </c>
      <c r="J6" s="46"/>
      <c r="K6" s="46"/>
      <c r="L6" s="46"/>
      <c r="M6" s="47"/>
      <c r="N6" s="45" t="s">
        <v>2465</v>
      </c>
      <c r="O6" s="46"/>
      <c r="P6" s="46"/>
      <c r="Q6" s="46"/>
      <c r="R6" s="47"/>
    </row>
    <row r="7" spans="1:18" s="23" customFormat="1">
      <c r="A7" s="49"/>
      <c r="B7" s="43"/>
      <c r="C7" s="44"/>
      <c r="D7" s="29" t="s">
        <v>2466</v>
      </c>
      <c r="E7" s="29" t="s">
        <v>2467</v>
      </c>
      <c r="F7" s="29" t="s">
        <v>2468</v>
      </c>
      <c r="G7" s="29" t="s">
        <v>2469</v>
      </c>
      <c r="H7" s="29" t="s">
        <v>2470</v>
      </c>
      <c r="I7" s="29" t="s">
        <v>2471</v>
      </c>
      <c r="J7" s="29" t="s">
        <v>2467</v>
      </c>
      <c r="K7" s="29" t="s">
        <v>2468</v>
      </c>
      <c r="L7" s="29" t="s">
        <v>2469</v>
      </c>
      <c r="M7" s="29" t="s">
        <v>2470</v>
      </c>
      <c r="N7" s="29" t="s">
        <v>2471</v>
      </c>
      <c r="O7" s="29" t="s">
        <v>2467</v>
      </c>
      <c r="P7" s="29" t="s">
        <v>2468</v>
      </c>
      <c r="Q7" s="29" t="s">
        <v>2469</v>
      </c>
      <c r="R7" s="29" t="s">
        <v>2470</v>
      </c>
    </row>
    <row r="8" spans="1:18" s="15" customFormat="1">
      <c r="A8" s="20" t="s">
        <v>926</v>
      </c>
      <c r="B8" s="13" t="s">
        <v>25</v>
      </c>
      <c r="C8" s="14" t="s">
        <v>25</v>
      </c>
      <c r="D8" s="16">
        <v>20361</v>
      </c>
      <c r="E8" s="16">
        <v>524</v>
      </c>
      <c r="F8" s="16">
        <v>5201</v>
      </c>
      <c r="G8" s="16">
        <v>14528</v>
      </c>
      <c r="H8" s="16">
        <v>830577</v>
      </c>
      <c r="I8" s="16">
        <v>11365</v>
      </c>
      <c r="J8" s="16">
        <v>304</v>
      </c>
      <c r="K8" s="16">
        <v>1860</v>
      </c>
      <c r="L8" s="16">
        <v>9143</v>
      </c>
      <c r="M8" s="16">
        <v>508712</v>
      </c>
      <c r="N8" s="16">
        <v>8996</v>
      </c>
      <c r="O8" s="16">
        <v>220</v>
      </c>
      <c r="P8" s="16">
        <v>3341</v>
      </c>
      <c r="Q8" s="16">
        <v>5385</v>
      </c>
      <c r="R8" s="16">
        <v>321865</v>
      </c>
    </row>
    <row r="9" spans="1:18">
      <c r="A9" s="30" t="s">
        <v>927</v>
      </c>
      <c r="B9" s="10" t="s">
        <v>25</v>
      </c>
      <c r="C9" s="11" t="s">
        <v>25</v>
      </c>
      <c r="D9" s="17">
        <v>1342</v>
      </c>
      <c r="E9" s="17">
        <v>15</v>
      </c>
      <c r="F9" s="17">
        <v>320</v>
      </c>
      <c r="G9" s="17">
        <v>1002</v>
      </c>
      <c r="H9" s="17">
        <v>57480</v>
      </c>
      <c r="I9" s="17">
        <v>784</v>
      </c>
      <c r="J9" s="17">
        <v>11</v>
      </c>
      <c r="K9" s="17">
        <v>116</v>
      </c>
      <c r="L9" s="17">
        <v>655</v>
      </c>
      <c r="M9" s="17">
        <v>36842</v>
      </c>
      <c r="N9" s="17">
        <v>558</v>
      </c>
      <c r="O9" s="17">
        <v>4</v>
      </c>
      <c r="P9" s="17">
        <v>204</v>
      </c>
      <c r="Q9" s="17">
        <v>347</v>
      </c>
      <c r="R9" s="17">
        <v>20638</v>
      </c>
    </row>
    <row r="10" spans="1:18">
      <c r="A10" s="21" t="s">
        <v>928</v>
      </c>
      <c r="B10" s="10" t="s">
        <v>25</v>
      </c>
      <c r="C10" s="11" t="s">
        <v>25</v>
      </c>
      <c r="D10" s="17">
        <v>363</v>
      </c>
      <c r="E10" s="17">
        <v>4</v>
      </c>
      <c r="F10" s="17">
        <v>76</v>
      </c>
      <c r="G10" s="17">
        <v>281</v>
      </c>
      <c r="H10" s="17">
        <v>15531</v>
      </c>
      <c r="I10" s="17">
        <v>208</v>
      </c>
      <c r="J10" s="17">
        <v>1</v>
      </c>
      <c r="K10" s="17">
        <v>25</v>
      </c>
      <c r="L10" s="17">
        <v>180</v>
      </c>
      <c r="M10" s="17">
        <v>9833</v>
      </c>
      <c r="N10" s="17">
        <v>155</v>
      </c>
      <c r="O10" s="17">
        <v>3</v>
      </c>
      <c r="P10" s="17">
        <v>51</v>
      </c>
      <c r="Q10" s="17">
        <v>101</v>
      </c>
      <c r="R10" s="17">
        <v>5698</v>
      </c>
    </row>
    <row r="11" spans="1:18">
      <c r="A11" s="21" t="s">
        <v>929</v>
      </c>
      <c r="B11" s="10" t="s">
        <v>25</v>
      </c>
      <c r="C11" s="11" t="s">
        <v>25</v>
      </c>
      <c r="D11" s="17">
        <v>351</v>
      </c>
      <c r="E11" s="17">
        <v>2</v>
      </c>
      <c r="F11" s="17">
        <v>91</v>
      </c>
      <c r="G11" s="17">
        <v>258</v>
      </c>
      <c r="H11" s="17">
        <v>15080</v>
      </c>
      <c r="I11" s="17">
        <v>218</v>
      </c>
      <c r="J11" s="17">
        <v>2</v>
      </c>
      <c r="K11" s="17">
        <v>30</v>
      </c>
      <c r="L11" s="17">
        <v>186</v>
      </c>
      <c r="M11" s="17">
        <v>10365</v>
      </c>
      <c r="N11" s="17">
        <v>133</v>
      </c>
      <c r="O11" s="17" t="s">
        <v>35</v>
      </c>
      <c r="P11" s="17">
        <v>61</v>
      </c>
      <c r="Q11" s="17">
        <v>72</v>
      </c>
      <c r="R11" s="17">
        <v>4715</v>
      </c>
    </row>
    <row r="12" spans="1:18">
      <c r="A12" s="21" t="s">
        <v>930</v>
      </c>
      <c r="B12" s="10" t="s">
        <v>25</v>
      </c>
      <c r="C12" s="11" t="s">
        <v>25</v>
      </c>
      <c r="D12" s="17">
        <v>628</v>
      </c>
      <c r="E12" s="17">
        <v>9</v>
      </c>
      <c r="F12" s="17">
        <v>153</v>
      </c>
      <c r="G12" s="17">
        <v>463</v>
      </c>
      <c r="H12" s="17">
        <v>26869</v>
      </c>
      <c r="I12" s="17">
        <v>358</v>
      </c>
      <c r="J12" s="17">
        <v>8</v>
      </c>
      <c r="K12" s="17">
        <v>61</v>
      </c>
      <c r="L12" s="17">
        <v>289</v>
      </c>
      <c r="M12" s="17">
        <v>16644</v>
      </c>
      <c r="N12" s="17">
        <v>270</v>
      </c>
      <c r="O12" s="17">
        <v>1</v>
      </c>
      <c r="P12" s="17">
        <v>92</v>
      </c>
      <c r="Q12" s="17">
        <v>174</v>
      </c>
      <c r="R12" s="17">
        <v>10225</v>
      </c>
    </row>
    <row r="13" spans="1:18">
      <c r="A13" s="21" t="s">
        <v>931</v>
      </c>
      <c r="B13" s="10" t="s">
        <v>25</v>
      </c>
      <c r="C13" s="11" t="s">
        <v>25</v>
      </c>
      <c r="D13" s="17">
        <v>1090</v>
      </c>
      <c r="E13" s="17">
        <v>31</v>
      </c>
      <c r="F13" s="17">
        <v>315</v>
      </c>
      <c r="G13" s="17">
        <v>740</v>
      </c>
      <c r="H13" s="17">
        <v>43964</v>
      </c>
      <c r="I13" s="17">
        <v>633</v>
      </c>
      <c r="J13" s="17">
        <v>18</v>
      </c>
      <c r="K13" s="17">
        <v>123</v>
      </c>
      <c r="L13" s="17">
        <v>490</v>
      </c>
      <c r="M13" s="17">
        <v>28322</v>
      </c>
      <c r="N13" s="17">
        <v>457</v>
      </c>
      <c r="O13" s="17">
        <v>13</v>
      </c>
      <c r="P13" s="17">
        <v>192</v>
      </c>
      <c r="Q13" s="17">
        <v>250</v>
      </c>
      <c r="R13" s="17">
        <v>15642</v>
      </c>
    </row>
    <row r="14" spans="1:18">
      <c r="A14" s="21" t="s">
        <v>932</v>
      </c>
      <c r="B14" s="10" t="s">
        <v>25</v>
      </c>
      <c r="C14" s="11" t="s">
        <v>25</v>
      </c>
      <c r="D14" s="17">
        <v>325</v>
      </c>
      <c r="E14" s="17">
        <v>13</v>
      </c>
      <c r="F14" s="17">
        <v>84</v>
      </c>
      <c r="G14" s="17">
        <v>226</v>
      </c>
      <c r="H14" s="17">
        <v>12876</v>
      </c>
      <c r="I14" s="17">
        <v>178</v>
      </c>
      <c r="J14" s="17">
        <v>8</v>
      </c>
      <c r="K14" s="17">
        <v>24</v>
      </c>
      <c r="L14" s="17">
        <v>144</v>
      </c>
      <c r="M14" s="17">
        <v>7811</v>
      </c>
      <c r="N14" s="17">
        <v>147</v>
      </c>
      <c r="O14" s="18">
        <v>5</v>
      </c>
      <c r="P14" s="17">
        <v>60</v>
      </c>
      <c r="Q14" s="18">
        <v>82</v>
      </c>
      <c r="R14" s="17">
        <v>5065</v>
      </c>
    </row>
    <row r="15" spans="1:18">
      <c r="A15" s="21" t="s">
        <v>933</v>
      </c>
      <c r="B15" s="10" t="s">
        <v>25</v>
      </c>
      <c r="C15" s="11" t="s">
        <v>25</v>
      </c>
      <c r="D15" s="17">
        <v>251</v>
      </c>
      <c r="E15" s="17">
        <v>6</v>
      </c>
      <c r="F15" s="18">
        <v>110</v>
      </c>
      <c r="G15" s="17">
        <v>134</v>
      </c>
      <c r="H15" s="17">
        <v>9679</v>
      </c>
      <c r="I15" s="17">
        <v>162</v>
      </c>
      <c r="J15" s="17">
        <v>4</v>
      </c>
      <c r="K15" s="18">
        <v>69</v>
      </c>
      <c r="L15" s="17">
        <v>89</v>
      </c>
      <c r="M15" s="17">
        <v>6771</v>
      </c>
      <c r="N15" s="17">
        <v>89</v>
      </c>
      <c r="O15" s="18">
        <v>2</v>
      </c>
      <c r="P15" s="18">
        <v>41</v>
      </c>
      <c r="Q15" s="17">
        <v>45</v>
      </c>
      <c r="R15" s="17">
        <v>2908</v>
      </c>
    </row>
    <row r="16" spans="1:18">
      <c r="A16" s="21" t="s">
        <v>934</v>
      </c>
      <c r="B16" s="10" t="s">
        <v>25</v>
      </c>
      <c r="C16" s="11" t="s">
        <v>25</v>
      </c>
      <c r="D16" s="17">
        <v>514</v>
      </c>
      <c r="E16" s="17">
        <v>12</v>
      </c>
      <c r="F16" s="18">
        <v>121</v>
      </c>
      <c r="G16" s="18">
        <v>380</v>
      </c>
      <c r="H16" s="18">
        <v>21409</v>
      </c>
      <c r="I16" s="18">
        <v>293</v>
      </c>
      <c r="J16" s="18">
        <v>6</v>
      </c>
      <c r="K16" s="18">
        <v>30</v>
      </c>
      <c r="L16" s="18">
        <v>257</v>
      </c>
      <c r="M16" s="18">
        <v>13740</v>
      </c>
      <c r="N16" s="17">
        <v>221</v>
      </c>
      <c r="O16" s="17">
        <v>6</v>
      </c>
      <c r="P16" s="18">
        <v>91</v>
      </c>
      <c r="Q16" s="18">
        <v>123</v>
      </c>
      <c r="R16" s="18">
        <v>7669</v>
      </c>
    </row>
    <row r="17" spans="1:18">
      <c r="A17" s="21" t="s">
        <v>425</v>
      </c>
      <c r="B17" s="10" t="s">
        <v>25</v>
      </c>
      <c r="C17" s="11" t="s">
        <v>25</v>
      </c>
      <c r="D17" s="17">
        <v>1162</v>
      </c>
      <c r="E17" s="17">
        <v>27</v>
      </c>
      <c r="F17" s="17">
        <v>324</v>
      </c>
      <c r="G17" s="17">
        <v>810</v>
      </c>
      <c r="H17" s="17">
        <v>46609</v>
      </c>
      <c r="I17" s="17">
        <v>607</v>
      </c>
      <c r="J17" s="17">
        <v>14</v>
      </c>
      <c r="K17" s="17">
        <v>99</v>
      </c>
      <c r="L17" s="17">
        <v>494</v>
      </c>
      <c r="M17" s="17">
        <v>27291</v>
      </c>
      <c r="N17" s="17">
        <v>555</v>
      </c>
      <c r="O17" s="17">
        <v>13</v>
      </c>
      <c r="P17" s="17">
        <v>225</v>
      </c>
      <c r="Q17" s="17">
        <v>316</v>
      </c>
      <c r="R17" s="17">
        <v>19318</v>
      </c>
    </row>
    <row r="18" spans="1:18">
      <c r="A18" s="21" t="s">
        <v>935</v>
      </c>
      <c r="B18" s="10" t="s">
        <v>25</v>
      </c>
      <c r="C18" s="11" t="s">
        <v>25</v>
      </c>
      <c r="D18" s="18">
        <v>129</v>
      </c>
      <c r="E18" s="18">
        <v>2</v>
      </c>
      <c r="F18" s="18">
        <v>22</v>
      </c>
      <c r="G18" s="18">
        <v>105</v>
      </c>
      <c r="H18" s="18">
        <v>5577</v>
      </c>
      <c r="I18" s="18">
        <v>66</v>
      </c>
      <c r="J18" s="18">
        <v>2</v>
      </c>
      <c r="K18" s="18">
        <v>4</v>
      </c>
      <c r="L18" s="18">
        <v>60</v>
      </c>
      <c r="M18" s="18">
        <v>3173</v>
      </c>
      <c r="N18" s="18">
        <v>63</v>
      </c>
      <c r="O18" s="18" t="s">
        <v>35</v>
      </c>
      <c r="P18" s="18">
        <v>18</v>
      </c>
      <c r="Q18" s="18">
        <v>45</v>
      </c>
      <c r="R18" s="18">
        <v>2404</v>
      </c>
    </row>
    <row r="19" spans="1:18">
      <c r="A19" s="21" t="s">
        <v>936</v>
      </c>
      <c r="B19" s="10" t="s">
        <v>25</v>
      </c>
      <c r="C19" s="11" t="s">
        <v>25</v>
      </c>
      <c r="D19" s="17">
        <v>422</v>
      </c>
      <c r="E19" s="17">
        <v>16</v>
      </c>
      <c r="F19" s="17">
        <v>122</v>
      </c>
      <c r="G19" s="17">
        <v>283</v>
      </c>
      <c r="H19" s="17">
        <v>16790</v>
      </c>
      <c r="I19" s="17">
        <v>215</v>
      </c>
      <c r="J19" s="17">
        <v>7</v>
      </c>
      <c r="K19" s="17">
        <v>33</v>
      </c>
      <c r="L19" s="17">
        <v>175</v>
      </c>
      <c r="M19" s="17">
        <v>9834</v>
      </c>
      <c r="N19" s="17">
        <v>207</v>
      </c>
      <c r="O19" s="17">
        <v>9</v>
      </c>
      <c r="P19" s="17">
        <v>89</v>
      </c>
      <c r="Q19" s="17">
        <v>108</v>
      </c>
      <c r="R19" s="17">
        <v>6956</v>
      </c>
    </row>
    <row r="20" spans="1:18">
      <c r="A20" s="21" t="s">
        <v>937</v>
      </c>
      <c r="B20" s="10" t="s">
        <v>25</v>
      </c>
      <c r="C20" s="11" t="s">
        <v>25</v>
      </c>
      <c r="D20" s="18">
        <v>611</v>
      </c>
      <c r="E20" s="18">
        <v>9</v>
      </c>
      <c r="F20" s="18">
        <v>180</v>
      </c>
      <c r="G20" s="18">
        <v>422</v>
      </c>
      <c r="H20" s="18">
        <v>24242</v>
      </c>
      <c r="I20" s="18">
        <v>326</v>
      </c>
      <c r="J20" s="18">
        <v>5</v>
      </c>
      <c r="K20" s="18">
        <v>62</v>
      </c>
      <c r="L20" s="18">
        <v>259</v>
      </c>
      <c r="M20" s="18">
        <v>14284</v>
      </c>
      <c r="N20" s="18">
        <v>285</v>
      </c>
      <c r="O20" s="18">
        <v>4</v>
      </c>
      <c r="P20" s="18">
        <v>118</v>
      </c>
      <c r="Q20" s="18">
        <v>163</v>
      </c>
      <c r="R20" s="18">
        <v>9958</v>
      </c>
    </row>
    <row r="21" spans="1:18">
      <c r="A21" s="21" t="s">
        <v>938</v>
      </c>
      <c r="B21" s="10" t="s">
        <v>25</v>
      </c>
      <c r="C21" s="11" t="s">
        <v>25</v>
      </c>
      <c r="D21" s="17">
        <v>453</v>
      </c>
      <c r="E21" s="17">
        <v>14</v>
      </c>
      <c r="F21" s="17">
        <v>119</v>
      </c>
      <c r="G21" s="17">
        <v>319</v>
      </c>
      <c r="H21" s="17">
        <v>18213</v>
      </c>
      <c r="I21" s="17">
        <v>247</v>
      </c>
      <c r="J21" s="17">
        <v>4</v>
      </c>
      <c r="K21" s="17">
        <v>43</v>
      </c>
      <c r="L21" s="17">
        <v>200</v>
      </c>
      <c r="M21" s="17">
        <v>11287</v>
      </c>
      <c r="N21" s="17">
        <v>206</v>
      </c>
      <c r="O21" s="17">
        <v>10</v>
      </c>
      <c r="P21" s="17">
        <v>76</v>
      </c>
      <c r="Q21" s="17">
        <v>119</v>
      </c>
      <c r="R21" s="17">
        <v>6926</v>
      </c>
    </row>
    <row r="22" spans="1:18">
      <c r="A22" s="21" t="s">
        <v>939</v>
      </c>
      <c r="B22" s="10" t="s">
        <v>25</v>
      </c>
      <c r="C22" s="11" t="s">
        <v>25</v>
      </c>
      <c r="D22" s="17">
        <v>180</v>
      </c>
      <c r="E22" s="17">
        <v>7</v>
      </c>
      <c r="F22" s="17">
        <v>38</v>
      </c>
      <c r="G22" s="17">
        <v>135</v>
      </c>
      <c r="H22" s="17">
        <v>7753</v>
      </c>
      <c r="I22" s="17">
        <v>98</v>
      </c>
      <c r="J22" s="17">
        <v>2</v>
      </c>
      <c r="K22" s="17">
        <v>8</v>
      </c>
      <c r="L22" s="17">
        <v>88</v>
      </c>
      <c r="M22" s="17">
        <v>4858</v>
      </c>
      <c r="N22" s="17">
        <v>82</v>
      </c>
      <c r="O22" s="17">
        <v>5</v>
      </c>
      <c r="P22" s="17">
        <v>30</v>
      </c>
      <c r="Q22" s="17">
        <v>47</v>
      </c>
      <c r="R22" s="17">
        <v>2895</v>
      </c>
    </row>
    <row r="23" spans="1:18">
      <c r="A23" s="21" t="s">
        <v>940</v>
      </c>
      <c r="B23" s="10" t="s">
        <v>25</v>
      </c>
      <c r="C23" s="11" t="s">
        <v>25</v>
      </c>
      <c r="D23" s="17">
        <v>273</v>
      </c>
      <c r="E23" s="18">
        <v>7</v>
      </c>
      <c r="F23" s="17">
        <v>81</v>
      </c>
      <c r="G23" s="17">
        <v>184</v>
      </c>
      <c r="H23" s="17">
        <v>10460</v>
      </c>
      <c r="I23" s="17">
        <v>149</v>
      </c>
      <c r="J23" s="18">
        <v>2</v>
      </c>
      <c r="K23" s="17">
        <v>35</v>
      </c>
      <c r="L23" s="17">
        <v>112</v>
      </c>
      <c r="M23" s="17">
        <v>6429</v>
      </c>
      <c r="N23" s="17">
        <v>124</v>
      </c>
      <c r="O23" s="18">
        <v>5</v>
      </c>
      <c r="P23" s="17">
        <v>46</v>
      </c>
      <c r="Q23" s="17">
        <v>72</v>
      </c>
      <c r="R23" s="17">
        <v>4031</v>
      </c>
    </row>
    <row r="24" spans="1:18">
      <c r="A24" s="21" t="s">
        <v>941</v>
      </c>
      <c r="B24" s="10" t="s">
        <v>25</v>
      </c>
      <c r="C24" s="11" t="s">
        <v>25</v>
      </c>
      <c r="D24" s="17">
        <v>763</v>
      </c>
      <c r="E24" s="17">
        <v>24</v>
      </c>
      <c r="F24" s="17">
        <v>185</v>
      </c>
      <c r="G24" s="17">
        <v>553</v>
      </c>
      <c r="H24" s="17">
        <v>31952</v>
      </c>
      <c r="I24" s="17">
        <v>483</v>
      </c>
      <c r="J24" s="17">
        <v>17</v>
      </c>
      <c r="K24" s="17">
        <v>95</v>
      </c>
      <c r="L24" s="17">
        <v>370</v>
      </c>
      <c r="M24" s="17">
        <v>21096</v>
      </c>
      <c r="N24" s="17">
        <v>280</v>
      </c>
      <c r="O24" s="17">
        <v>7</v>
      </c>
      <c r="P24" s="17">
        <v>90</v>
      </c>
      <c r="Q24" s="17">
        <v>183</v>
      </c>
      <c r="R24" s="17">
        <v>10856</v>
      </c>
    </row>
    <row r="25" spans="1:18">
      <c r="A25" s="21" t="s">
        <v>942</v>
      </c>
      <c r="B25" s="10" t="s">
        <v>25</v>
      </c>
      <c r="C25" s="11" t="s">
        <v>25</v>
      </c>
      <c r="D25" s="17">
        <v>423</v>
      </c>
      <c r="E25" s="17">
        <v>14</v>
      </c>
      <c r="F25" s="17">
        <v>96</v>
      </c>
      <c r="G25" s="17">
        <v>313</v>
      </c>
      <c r="H25" s="17">
        <v>17920</v>
      </c>
      <c r="I25" s="17">
        <v>259</v>
      </c>
      <c r="J25" s="17">
        <v>11</v>
      </c>
      <c r="K25" s="17">
        <v>42</v>
      </c>
      <c r="L25" s="17">
        <v>206</v>
      </c>
      <c r="M25" s="17">
        <v>11647</v>
      </c>
      <c r="N25" s="17">
        <v>164</v>
      </c>
      <c r="O25" s="17">
        <v>3</v>
      </c>
      <c r="P25" s="17">
        <v>54</v>
      </c>
      <c r="Q25" s="17">
        <v>107</v>
      </c>
      <c r="R25" s="17">
        <v>6273</v>
      </c>
    </row>
    <row r="26" spans="1:18">
      <c r="A26" s="21" t="s">
        <v>943</v>
      </c>
      <c r="B26" s="10" t="s">
        <v>25</v>
      </c>
      <c r="C26" s="11" t="s">
        <v>25</v>
      </c>
      <c r="D26" s="17">
        <v>234</v>
      </c>
      <c r="E26" s="17">
        <v>9</v>
      </c>
      <c r="F26" s="17">
        <v>63</v>
      </c>
      <c r="G26" s="17">
        <v>161</v>
      </c>
      <c r="H26" s="17">
        <v>9580</v>
      </c>
      <c r="I26" s="17">
        <v>161</v>
      </c>
      <c r="J26" s="17">
        <v>5</v>
      </c>
      <c r="K26" s="17">
        <v>40</v>
      </c>
      <c r="L26" s="17">
        <v>115</v>
      </c>
      <c r="M26" s="17">
        <v>6784</v>
      </c>
      <c r="N26" s="17">
        <v>73</v>
      </c>
      <c r="O26" s="17">
        <v>4</v>
      </c>
      <c r="P26" s="17">
        <v>23</v>
      </c>
      <c r="Q26" s="17">
        <v>46</v>
      </c>
      <c r="R26" s="17">
        <v>2796</v>
      </c>
    </row>
    <row r="27" spans="1:18">
      <c r="A27" s="21" t="s">
        <v>944</v>
      </c>
      <c r="B27" s="10" t="s">
        <v>25</v>
      </c>
      <c r="C27" s="11" t="s">
        <v>25</v>
      </c>
      <c r="D27" s="17">
        <v>106</v>
      </c>
      <c r="E27" s="17">
        <v>1</v>
      </c>
      <c r="F27" s="17">
        <v>26</v>
      </c>
      <c r="G27" s="17">
        <v>79</v>
      </c>
      <c r="H27" s="17">
        <v>4452</v>
      </c>
      <c r="I27" s="17">
        <v>63</v>
      </c>
      <c r="J27" s="17">
        <v>1</v>
      </c>
      <c r="K27" s="17">
        <v>13</v>
      </c>
      <c r="L27" s="17">
        <v>49</v>
      </c>
      <c r="M27" s="17">
        <v>2665</v>
      </c>
      <c r="N27" s="17">
        <v>43</v>
      </c>
      <c r="O27" s="17" t="s">
        <v>35</v>
      </c>
      <c r="P27" s="17">
        <v>13</v>
      </c>
      <c r="Q27" s="17">
        <v>30</v>
      </c>
      <c r="R27" s="17">
        <v>1787</v>
      </c>
    </row>
    <row r="28" spans="1:18">
      <c r="A28" s="21" t="s">
        <v>945</v>
      </c>
      <c r="B28" s="10" t="s">
        <v>25</v>
      </c>
      <c r="C28" s="11" t="s">
        <v>25</v>
      </c>
      <c r="D28" s="17">
        <v>1689</v>
      </c>
      <c r="E28" s="17">
        <v>71</v>
      </c>
      <c r="F28" s="17">
        <v>498</v>
      </c>
      <c r="G28" s="17">
        <v>1107</v>
      </c>
      <c r="H28" s="17">
        <v>66272</v>
      </c>
      <c r="I28" s="17">
        <v>1087</v>
      </c>
      <c r="J28" s="17">
        <v>43</v>
      </c>
      <c r="K28" s="17">
        <v>264</v>
      </c>
      <c r="L28" s="17">
        <v>773</v>
      </c>
      <c r="M28" s="17">
        <v>45522</v>
      </c>
      <c r="N28" s="17">
        <v>602</v>
      </c>
      <c r="O28" s="17">
        <v>28</v>
      </c>
      <c r="P28" s="17">
        <v>234</v>
      </c>
      <c r="Q28" s="17">
        <v>334</v>
      </c>
      <c r="R28" s="17">
        <v>20750</v>
      </c>
    </row>
    <row r="29" spans="1:18">
      <c r="A29" s="21" t="s">
        <v>946</v>
      </c>
      <c r="B29" s="10" t="s">
        <v>25</v>
      </c>
      <c r="C29" s="11" t="s">
        <v>25</v>
      </c>
      <c r="D29" s="17">
        <v>158</v>
      </c>
      <c r="E29" s="17">
        <v>7</v>
      </c>
      <c r="F29" s="17">
        <v>40</v>
      </c>
      <c r="G29" s="17">
        <v>110</v>
      </c>
      <c r="H29" s="17">
        <v>6322</v>
      </c>
      <c r="I29" s="17">
        <v>84</v>
      </c>
      <c r="J29" s="17">
        <v>5</v>
      </c>
      <c r="K29" s="17">
        <v>12</v>
      </c>
      <c r="L29" s="17">
        <v>67</v>
      </c>
      <c r="M29" s="17">
        <v>3696</v>
      </c>
      <c r="N29" s="17">
        <v>74</v>
      </c>
      <c r="O29" s="17">
        <v>2</v>
      </c>
      <c r="P29" s="17">
        <v>28</v>
      </c>
      <c r="Q29" s="17">
        <v>43</v>
      </c>
      <c r="R29" s="17">
        <v>2626</v>
      </c>
    </row>
    <row r="30" spans="1:18">
      <c r="A30" s="21" t="s">
        <v>947</v>
      </c>
      <c r="B30" s="10" t="s">
        <v>25</v>
      </c>
      <c r="C30" s="11" t="s">
        <v>25</v>
      </c>
      <c r="D30" s="17">
        <v>373</v>
      </c>
      <c r="E30" s="17">
        <v>13</v>
      </c>
      <c r="F30" s="17">
        <v>110</v>
      </c>
      <c r="G30" s="17">
        <v>249</v>
      </c>
      <c r="H30" s="17">
        <v>15344</v>
      </c>
      <c r="I30" s="17">
        <v>214</v>
      </c>
      <c r="J30" s="17">
        <v>6</v>
      </c>
      <c r="K30" s="17">
        <v>47</v>
      </c>
      <c r="L30" s="17">
        <v>161</v>
      </c>
      <c r="M30" s="17">
        <v>9678</v>
      </c>
      <c r="N30" s="17">
        <v>159</v>
      </c>
      <c r="O30" s="17">
        <v>7</v>
      </c>
      <c r="P30" s="17">
        <v>63</v>
      </c>
      <c r="Q30" s="17">
        <v>88</v>
      </c>
      <c r="R30" s="17">
        <v>5666</v>
      </c>
    </row>
    <row r="31" spans="1:18">
      <c r="A31" s="21" t="s">
        <v>948</v>
      </c>
      <c r="B31" s="10" t="s">
        <v>25</v>
      </c>
      <c r="C31" s="11" t="s">
        <v>25</v>
      </c>
      <c r="D31" s="17">
        <v>1158</v>
      </c>
      <c r="E31" s="17">
        <v>51</v>
      </c>
      <c r="F31" s="17">
        <v>348</v>
      </c>
      <c r="G31" s="17">
        <v>748</v>
      </c>
      <c r="H31" s="17">
        <v>44606</v>
      </c>
      <c r="I31" s="17">
        <v>789</v>
      </c>
      <c r="J31" s="17">
        <v>32</v>
      </c>
      <c r="K31" s="17">
        <v>205</v>
      </c>
      <c r="L31" s="17">
        <v>545</v>
      </c>
      <c r="M31" s="17">
        <v>32148</v>
      </c>
      <c r="N31" s="17">
        <v>369</v>
      </c>
      <c r="O31" s="17">
        <v>19</v>
      </c>
      <c r="P31" s="17">
        <v>143</v>
      </c>
      <c r="Q31" s="17">
        <v>203</v>
      </c>
      <c r="R31" s="17">
        <v>12458</v>
      </c>
    </row>
    <row r="32" spans="1:18">
      <c r="A32" s="21" t="s">
        <v>949</v>
      </c>
      <c r="B32" s="10" t="s">
        <v>25</v>
      </c>
      <c r="C32" s="11" t="s">
        <v>25</v>
      </c>
      <c r="D32" s="17">
        <v>696</v>
      </c>
      <c r="E32" s="17">
        <v>16</v>
      </c>
      <c r="F32" s="17">
        <v>175</v>
      </c>
      <c r="G32" s="17">
        <v>500</v>
      </c>
      <c r="H32" s="17">
        <v>28631</v>
      </c>
      <c r="I32" s="17">
        <v>362</v>
      </c>
      <c r="J32" s="18">
        <v>8</v>
      </c>
      <c r="K32" s="17">
        <v>64</v>
      </c>
      <c r="L32" s="17">
        <v>287</v>
      </c>
      <c r="M32" s="17">
        <v>16145</v>
      </c>
      <c r="N32" s="17">
        <v>334</v>
      </c>
      <c r="O32" s="17">
        <v>8</v>
      </c>
      <c r="P32" s="17">
        <v>111</v>
      </c>
      <c r="Q32" s="17">
        <v>213</v>
      </c>
      <c r="R32" s="17">
        <v>12486</v>
      </c>
    </row>
    <row r="33" spans="1:18">
      <c r="A33" s="21" t="s">
        <v>950</v>
      </c>
      <c r="B33" s="10" t="s">
        <v>25</v>
      </c>
      <c r="C33" s="11" t="s">
        <v>25</v>
      </c>
      <c r="D33" s="17">
        <v>123</v>
      </c>
      <c r="E33" s="17">
        <v>2</v>
      </c>
      <c r="F33" s="17">
        <v>41</v>
      </c>
      <c r="G33" s="17">
        <v>79</v>
      </c>
      <c r="H33" s="17">
        <v>4910</v>
      </c>
      <c r="I33" s="17">
        <v>71</v>
      </c>
      <c r="J33" s="17">
        <v>1</v>
      </c>
      <c r="K33" s="17">
        <v>19</v>
      </c>
      <c r="L33" s="17">
        <v>50</v>
      </c>
      <c r="M33" s="17">
        <v>3000</v>
      </c>
      <c r="N33" s="17">
        <v>52</v>
      </c>
      <c r="O33" s="17">
        <v>1</v>
      </c>
      <c r="P33" s="17">
        <v>22</v>
      </c>
      <c r="Q33" s="17">
        <v>29</v>
      </c>
      <c r="R33" s="17">
        <v>1910</v>
      </c>
    </row>
    <row r="34" spans="1:18">
      <c r="A34" s="21" t="s">
        <v>951</v>
      </c>
      <c r="B34" s="10" t="s">
        <v>25</v>
      </c>
      <c r="C34" s="11" t="s">
        <v>25</v>
      </c>
      <c r="D34" s="18">
        <v>134</v>
      </c>
      <c r="E34" s="18">
        <v>7</v>
      </c>
      <c r="F34" s="18">
        <v>23</v>
      </c>
      <c r="G34" s="18">
        <v>102</v>
      </c>
      <c r="H34" s="18">
        <v>5691</v>
      </c>
      <c r="I34" s="18">
        <v>68</v>
      </c>
      <c r="J34" s="18">
        <v>3</v>
      </c>
      <c r="K34" s="18">
        <v>7</v>
      </c>
      <c r="L34" s="18">
        <v>57</v>
      </c>
      <c r="M34" s="18">
        <v>3115</v>
      </c>
      <c r="N34" s="18">
        <v>66</v>
      </c>
      <c r="O34" s="18">
        <v>4</v>
      </c>
      <c r="P34" s="18">
        <v>16</v>
      </c>
      <c r="Q34" s="18">
        <v>45</v>
      </c>
      <c r="R34" s="18">
        <v>2576</v>
      </c>
    </row>
    <row r="35" spans="1:18">
      <c r="A35" s="21" t="s">
        <v>952</v>
      </c>
      <c r="B35" s="10" t="s">
        <v>25</v>
      </c>
      <c r="C35" s="11" t="s">
        <v>25</v>
      </c>
      <c r="D35" s="17">
        <v>439</v>
      </c>
      <c r="E35" s="18">
        <v>7</v>
      </c>
      <c r="F35" s="17">
        <v>111</v>
      </c>
      <c r="G35" s="17">
        <v>319</v>
      </c>
      <c r="H35" s="17">
        <v>18030</v>
      </c>
      <c r="I35" s="17">
        <v>223</v>
      </c>
      <c r="J35" s="18">
        <v>4</v>
      </c>
      <c r="K35" s="17">
        <v>38</v>
      </c>
      <c r="L35" s="17">
        <v>180</v>
      </c>
      <c r="M35" s="17">
        <v>10030</v>
      </c>
      <c r="N35" s="17">
        <v>216</v>
      </c>
      <c r="O35" s="18">
        <v>3</v>
      </c>
      <c r="P35" s="17">
        <v>73</v>
      </c>
      <c r="Q35" s="17">
        <v>139</v>
      </c>
      <c r="R35" s="17">
        <v>8000</v>
      </c>
    </row>
    <row r="36" spans="1:18">
      <c r="A36" s="21" t="s">
        <v>953</v>
      </c>
      <c r="B36" s="10" t="s">
        <v>25</v>
      </c>
      <c r="C36" s="11" t="s">
        <v>25</v>
      </c>
      <c r="D36" s="17">
        <v>1427</v>
      </c>
      <c r="E36" s="17">
        <v>52</v>
      </c>
      <c r="F36" s="17">
        <v>343</v>
      </c>
      <c r="G36" s="17">
        <v>1019</v>
      </c>
      <c r="H36" s="17">
        <v>58245</v>
      </c>
      <c r="I36" s="17">
        <v>775</v>
      </c>
      <c r="J36" s="17">
        <v>27</v>
      </c>
      <c r="K36" s="17">
        <v>122</v>
      </c>
      <c r="L36" s="17">
        <v>620</v>
      </c>
      <c r="M36" s="17">
        <v>34912</v>
      </c>
      <c r="N36" s="17">
        <v>652</v>
      </c>
      <c r="O36" s="17">
        <v>25</v>
      </c>
      <c r="P36" s="17">
        <v>221</v>
      </c>
      <c r="Q36" s="17">
        <v>399</v>
      </c>
      <c r="R36" s="17">
        <v>23333</v>
      </c>
    </row>
    <row r="37" spans="1:18">
      <c r="A37" s="21" t="s">
        <v>954</v>
      </c>
      <c r="B37" s="10" t="s">
        <v>25</v>
      </c>
      <c r="C37" s="11" t="s">
        <v>25</v>
      </c>
      <c r="D37" s="17">
        <v>448</v>
      </c>
      <c r="E37" s="17">
        <v>19</v>
      </c>
      <c r="F37" s="17">
        <v>104</v>
      </c>
      <c r="G37" s="17">
        <v>323</v>
      </c>
      <c r="H37" s="17">
        <v>18043</v>
      </c>
      <c r="I37" s="17">
        <v>231</v>
      </c>
      <c r="J37" s="17">
        <v>7</v>
      </c>
      <c r="K37" s="17">
        <v>37</v>
      </c>
      <c r="L37" s="17">
        <v>187</v>
      </c>
      <c r="M37" s="17">
        <v>10460</v>
      </c>
      <c r="N37" s="17">
        <v>217</v>
      </c>
      <c r="O37" s="17">
        <v>12</v>
      </c>
      <c r="P37" s="17">
        <v>67</v>
      </c>
      <c r="Q37" s="17">
        <v>136</v>
      </c>
      <c r="R37" s="17">
        <v>7583</v>
      </c>
    </row>
    <row r="38" spans="1:18">
      <c r="A38" s="21" t="s">
        <v>955</v>
      </c>
      <c r="B38" s="10" t="s">
        <v>25</v>
      </c>
      <c r="C38" s="11" t="s">
        <v>25</v>
      </c>
      <c r="D38" s="17">
        <v>524</v>
      </c>
      <c r="E38" s="17">
        <v>17</v>
      </c>
      <c r="F38" s="17">
        <v>128</v>
      </c>
      <c r="G38" s="17">
        <v>372</v>
      </c>
      <c r="H38" s="17">
        <v>21634</v>
      </c>
      <c r="I38" s="17">
        <v>292</v>
      </c>
      <c r="J38" s="17">
        <v>10</v>
      </c>
      <c r="K38" s="17">
        <v>45</v>
      </c>
      <c r="L38" s="17">
        <v>234</v>
      </c>
      <c r="M38" s="17">
        <v>13274</v>
      </c>
      <c r="N38" s="17">
        <v>232</v>
      </c>
      <c r="O38" s="17">
        <v>7</v>
      </c>
      <c r="P38" s="17">
        <v>83</v>
      </c>
      <c r="Q38" s="17">
        <v>138</v>
      </c>
      <c r="R38" s="17">
        <v>8360</v>
      </c>
    </row>
    <row r="39" spans="1:18">
      <c r="A39" s="21" t="s">
        <v>956</v>
      </c>
      <c r="B39" s="10" t="s">
        <v>25</v>
      </c>
      <c r="C39" s="11" t="s">
        <v>25</v>
      </c>
      <c r="D39" s="17">
        <v>455</v>
      </c>
      <c r="E39" s="17">
        <v>16</v>
      </c>
      <c r="F39" s="17">
        <v>111</v>
      </c>
      <c r="G39" s="17">
        <v>324</v>
      </c>
      <c r="H39" s="17">
        <v>18568</v>
      </c>
      <c r="I39" s="17">
        <v>252</v>
      </c>
      <c r="J39" s="17">
        <v>10</v>
      </c>
      <c r="K39" s="17">
        <v>40</v>
      </c>
      <c r="L39" s="17">
        <v>199</v>
      </c>
      <c r="M39" s="17">
        <v>11178</v>
      </c>
      <c r="N39" s="17">
        <v>203</v>
      </c>
      <c r="O39" s="17">
        <v>6</v>
      </c>
      <c r="P39" s="17">
        <v>71</v>
      </c>
      <c r="Q39" s="17">
        <v>125</v>
      </c>
      <c r="R39" s="17">
        <v>7390</v>
      </c>
    </row>
    <row r="40" spans="1:18">
      <c r="A40" s="21" t="s">
        <v>957</v>
      </c>
      <c r="B40" s="10" t="s">
        <v>25</v>
      </c>
      <c r="C40" s="11" t="s">
        <v>25</v>
      </c>
      <c r="D40" s="17">
        <v>475</v>
      </c>
      <c r="E40" s="17">
        <v>12</v>
      </c>
      <c r="F40" s="17">
        <v>83</v>
      </c>
      <c r="G40" s="17">
        <v>380</v>
      </c>
      <c r="H40" s="17">
        <v>20289</v>
      </c>
      <c r="I40" s="17">
        <v>254</v>
      </c>
      <c r="J40" s="18">
        <v>2</v>
      </c>
      <c r="K40" s="17">
        <v>26</v>
      </c>
      <c r="L40" s="17">
        <v>226</v>
      </c>
      <c r="M40" s="17">
        <v>12034</v>
      </c>
      <c r="N40" s="17">
        <v>221</v>
      </c>
      <c r="O40" s="17">
        <v>10</v>
      </c>
      <c r="P40" s="17">
        <v>57</v>
      </c>
      <c r="Q40" s="17">
        <v>154</v>
      </c>
      <c r="R40" s="17">
        <v>8255</v>
      </c>
    </row>
    <row r="41" spans="1:18">
      <c r="A41" s="21" t="s">
        <v>958</v>
      </c>
      <c r="B41" s="10" t="s">
        <v>25</v>
      </c>
      <c r="C41" s="11" t="s">
        <v>25</v>
      </c>
      <c r="D41" s="17">
        <v>187</v>
      </c>
      <c r="E41" s="17">
        <v>6</v>
      </c>
      <c r="F41" s="17">
        <v>31</v>
      </c>
      <c r="G41" s="17">
        <v>150</v>
      </c>
      <c r="H41" s="17">
        <v>7870</v>
      </c>
      <c r="I41" s="17">
        <v>92</v>
      </c>
      <c r="J41" s="17">
        <v>1</v>
      </c>
      <c r="K41" s="17">
        <v>7</v>
      </c>
      <c r="L41" s="17">
        <v>84</v>
      </c>
      <c r="M41" s="17">
        <v>4249</v>
      </c>
      <c r="N41" s="17">
        <v>95</v>
      </c>
      <c r="O41" s="17">
        <v>5</v>
      </c>
      <c r="P41" s="17">
        <v>24</v>
      </c>
      <c r="Q41" s="17">
        <v>66</v>
      </c>
      <c r="R41" s="17">
        <v>3621</v>
      </c>
    </row>
    <row r="42" spans="1:18">
      <c r="A42" s="21" t="s">
        <v>959</v>
      </c>
      <c r="B42" s="10" t="s">
        <v>25</v>
      </c>
      <c r="C42" s="11" t="s">
        <v>25</v>
      </c>
      <c r="D42" s="18">
        <v>288</v>
      </c>
      <c r="E42" s="18">
        <v>6</v>
      </c>
      <c r="F42" s="18">
        <v>52</v>
      </c>
      <c r="G42" s="18">
        <v>230</v>
      </c>
      <c r="H42" s="18">
        <v>12419</v>
      </c>
      <c r="I42" s="18">
        <v>162</v>
      </c>
      <c r="J42" s="18">
        <v>1</v>
      </c>
      <c r="K42" s="18">
        <v>19</v>
      </c>
      <c r="L42" s="18">
        <v>142</v>
      </c>
      <c r="M42" s="18">
        <v>7785</v>
      </c>
      <c r="N42" s="18">
        <v>126</v>
      </c>
      <c r="O42" s="18">
        <v>5</v>
      </c>
      <c r="P42" s="18">
        <v>33</v>
      </c>
      <c r="Q42" s="18">
        <v>88</v>
      </c>
      <c r="R42" s="18">
        <v>4634</v>
      </c>
    </row>
    <row r="43" spans="1:18">
      <c r="A43" s="21" t="s">
        <v>960</v>
      </c>
      <c r="B43" s="10" t="s">
        <v>25</v>
      </c>
      <c r="C43" s="11" t="s">
        <v>25</v>
      </c>
      <c r="D43" s="17">
        <v>427</v>
      </c>
      <c r="E43" s="17">
        <v>11</v>
      </c>
      <c r="F43" s="17">
        <v>109</v>
      </c>
      <c r="G43" s="17">
        <v>304</v>
      </c>
      <c r="H43" s="17">
        <v>17584</v>
      </c>
      <c r="I43" s="17">
        <v>236</v>
      </c>
      <c r="J43" s="17">
        <v>7</v>
      </c>
      <c r="K43" s="17">
        <v>38</v>
      </c>
      <c r="L43" s="17">
        <v>191</v>
      </c>
      <c r="M43" s="17">
        <v>10887</v>
      </c>
      <c r="N43" s="17">
        <v>191</v>
      </c>
      <c r="O43" s="17">
        <v>4</v>
      </c>
      <c r="P43" s="17">
        <v>71</v>
      </c>
      <c r="Q43" s="17">
        <v>113</v>
      </c>
      <c r="R43" s="17">
        <v>6697</v>
      </c>
    </row>
    <row r="44" spans="1:18">
      <c r="A44" s="21" t="s">
        <v>961</v>
      </c>
      <c r="B44" s="10" t="s">
        <v>25</v>
      </c>
      <c r="C44" s="11" t="s">
        <v>25</v>
      </c>
      <c r="D44" s="17">
        <v>89</v>
      </c>
      <c r="E44" s="18">
        <v>5</v>
      </c>
      <c r="F44" s="17">
        <v>24</v>
      </c>
      <c r="G44" s="17">
        <v>59</v>
      </c>
      <c r="H44" s="17">
        <v>3642</v>
      </c>
      <c r="I44" s="17">
        <v>50</v>
      </c>
      <c r="J44" s="18">
        <v>3</v>
      </c>
      <c r="K44" s="17">
        <v>7</v>
      </c>
      <c r="L44" s="17">
        <v>40</v>
      </c>
      <c r="M44" s="17">
        <v>2384</v>
      </c>
      <c r="N44" s="17">
        <v>39</v>
      </c>
      <c r="O44" s="18">
        <v>2</v>
      </c>
      <c r="P44" s="17">
        <v>17</v>
      </c>
      <c r="Q44" s="17">
        <v>19</v>
      </c>
      <c r="R44" s="17">
        <v>1258</v>
      </c>
    </row>
    <row r="45" spans="1:18">
      <c r="A45" s="21" t="s">
        <v>962</v>
      </c>
      <c r="B45" s="10" t="s">
        <v>25</v>
      </c>
      <c r="C45" s="11" t="s">
        <v>25</v>
      </c>
      <c r="D45" s="17">
        <v>144</v>
      </c>
      <c r="E45" s="17">
        <v>3</v>
      </c>
      <c r="F45" s="17">
        <v>37</v>
      </c>
      <c r="G45" s="17">
        <v>103</v>
      </c>
      <c r="H45" s="17">
        <v>5870</v>
      </c>
      <c r="I45" s="17">
        <v>81</v>
      </c>
      <c r="J45" s="17">
        <v>1</v>
      </c>
      <c r="K45" s="17">
        <v>15</v>
      </c>
      <c r="L45" s="17">
        <v>65</v>
      </c>
      <c r="M45" s="17">
        <v>3615</v>
      </c>
      <c r="N45" s="17">
        <v>63</v>
      </c>
      <c r="O45" s="17">
        <v>2</v>
      </c>
      <c r="P45" s="17">
        <v>22</v>
      </c>
      <c r="Q45" s="17">
        <v>38</v>
      </c>
      <c r="R45" s="17">
        <v>2255</v>
      </c>
    </row>
    <row r="46" spans="1:18">
      <c r="A46" s="21" t="s">
        <v>963</v>
      </c>
      <c r="B46" s="10" t="s">
        <v>25</v>
      </c>
      <c r="C46" s="11" t="s">
        <v>25</v>
      </c>
      <c r="D46" s="17">
        <v>194</v>
      </c>
      <c r="E46" s="17">
        <v>3</v>
      </c>
      <c r="F46" s="17">
        <v>48</v>
      </c>
      <c r="G46" s="17">
        <v>142</v>
      </c>
      <c r="H46" s="17">
        <v>8072</v>
      </c>
      <c r="I46" s="17">
        <v>105</v>
      </c>
      <c r="J46" s="17">
        <v>3</v>
      </c>
      <c r="K46" s="17">
        <v>16</v>
      </c>
      <c r="L46" s="17">
        <v>86</v>
      </c>
      <c r="M46" s="17">
        <v>4888</v>
      </c>
      <c r="N46" s="17">
        <v>89</v>
      </c>
      <c r="O46" s="17" t="s">
        <v>35</v>
      </c>
      <c r="P46" s="17">
        <v>32</v>
      </c>
      <c r="Q46" s="17">
        <v>56</v>
      </c>
      <c r="R46" s="17">
        <v>3184</v>
      </c>
    </row>
    <row r="47" spans="1:18">
      <c r="A47" s="21" t="s">
        <v>964</v>
      </c>
      <c r="B47" s="10" t="s">
        <v>25</v>
      </c>
      <c r="C47" s="11" t="s">
        <v>25</v>
      </c>
      <c r="D47" s="17">
        <v>1207</v>
      </c>
      <c r="E47" s="17">
        <v>35</v>
      </c>
      <c r="F47" s="17">
        <v>261</v>
      </c>
      <c r="G47" s="17">
        <v>901</v>
      </c>
      <c r="H47" s="17">
        <v>50860</v>
      </c>
      <c r="I47" s="17">
        <v>679</v>
      </c>
      <c r="J47" s="17">
        <v>23</v>
      </c>
      <c r="K47" s="17">
        <v>88</v>
      </c>
      <c r="L47" s="17">
        <v>563</v>
      </c>
      <c r="M47" s="17">
        <v>31193</v>
      </c>
      <c r="N47" s="17">
        <v>528</v>
      </c>
      <c r="O47" s="17">
        <v>12</v>
      </c>
      <c r="P47" s="17">
        <v>173</v>
      </c>
      <c r="Q47" s="17">
        <v>338</v>
      </c>
      <c r="R47" s="17">
        <v>19667</v>
      </c>
    </row>
    <row r="48" spans="1:18">
      <c r="A48" s="21" t="s">
        <v>965</v>
      </c>
      <c r="B48" s="10" t="s">
        <v>25</v>
      </c>
      <c r="C48" s="11" t="s">
        <v>25</v>
      </c>
      <c r="D48" s="17">
        <v>593</v>
      </c>
      <c r="E48" s="18">
        <v>15</v>
      </c>
      <c r="F48" s="17">
        <v>145</v>
      </c>
      <c r="G48" s="17">
        <v>429</v>
      </c>
      <c r="H48" s="17">
        <v>25138</v>
      </c>
      <c r="I48" s="17">
        <v>328</v>
      </c>
      <c r="J48" s="18">
        <v>9</v>
      </c>
      <c r="K48" s="17">
        <v>48</v>
      </c>
      <c r="L48" s="17">
        <v>270</v>
      </c>
      <c r="M48" s="17">
        <v>15501</v>
      </c>
      <c r="N48" s="17">
        <v>265</v>
      </c>
      <c r="O48" s="18">
        <v>6</v>
      </c>
      <c r="P48" s="17">
        <v>97</v>
      </c>
      <c r="Q48" s="17">
        <v>159</v>
      </c>
      <c r="R48" s="17">
        <v>9637</v>
      </c>
    </row>
    <row r="49" spans="1:18">
      <c r="A49" s="21" t="s">
        <v>966</v>
      </c>
      <c r="B49" s="10" t="s">
        <v>25</v>
      </c>
      <c r="C49" s="11" t="s">
        <v>25</v>
      </c>
      <c r="D49" s="17">
        <v>614</v>
      </c>
      <c r="E49" s="18">
        <v>20</v>
      </c>
      <c r="F49" s="17">
        <v>116</v>
      </c>
      <c r="G49" s="17">
        <v>472</v>
      </c>
      <c r="H49" s="17">
        <v>25722</v>
      </c>
      <c r="I49" s="17">
        <v>351</v>
      </c>
      <c r="J49" s="18">
        <v>14</v>
      </c>
      <c r="K49" s="17">
        <v>40</v>
      </c>
      <c r="L49" s="17">
        <v>293</v>
      </c>
      <c r="M49" s="17">
        <v>15692</v>
      </c>
      <c r="N49" s="17">
        <v>263</v>
      </c>
      <c r="O49" s="18">
        <v>6</v>
      </c>
      <c r="P49" s="17">
        <v>76</v>
      </c>
      <c r="Q49" s="17">
        <v>179</v>
      </c>
      <c r="R49" s="17">
        <v>10030</v>
      </c>
    </row>
    <row r="50" spans="1:18">
      <c r="A50" s="21" t="s">
        <v>967</v>
      </c>
      <c r="B50" s="10" t="s">
        <v>25</v>
      </c>
      <c r="C50" s="11" t="s">
        <v>25</v>
      </c>
      <c r="D50" s="17">
        <v>604</v>
      </c>
      <c r="E50" s="18">
        <v>14</v>
      </c>
      <c r="F50" s="17">
        <v>155</v>
      </c>
      <c r="G50" s="17">
        <v>427</v>
      </c>
      <c r="H50" s="17">
        <v>24161</v>
      </c>
      <c r="I50" s="17">
        <v>327</v>
      </c>
      <c r="J50" s="18">
        <v>8</v>
      </c>
      <c r="K50" s="17">
        <v>54</v>
      </c>
      <c r="L50" s="17">
        <v>260</v>
      </c>
      <c r="M50" s="17">
        <v>14125</v>
      </c>
      <c r="N50" s="17">
        <v>277</v>
      </c>
      <c r="O50" s="18">
        <v>6</v>
      </c>
      <c r="P50" s="17">
        <v>101</v>
      </c>
      <c r="Q50" s="17">
        <v>167</v>
      </c>
      <c r="R50" s="17">
        <v>10036</v>
      </c>
    </row>
    <row r="51" spans="1:18">
      <c r="A51" s="21" t="s">
        <v>968</v>
      </c>
      <c r="B51" s="10" t="s">
        <v>25</v>
      </c>
      <c r="C51" s="11" t="s">
        <v>25</v>
      </c>
      <c r="D51" s="17">
        <v>353</v>
      </c>
      <c r="E51" s="17">
        <v>9</v>
      </c>
      <c r="F51" s="17">
        <v>86</v>
      </c>
      <c r="G51" s="17">
        <v>250</v>
      </c>
      <c r="H51" s="17">
        <v>14141</v>
      </c>
      <c r="I51" s="17">
        <v>179</v>
      </c>
      <c r="J51" s="18">
        <v>4</v>
      </c>
      <c r="K51" s="17">
        <v>27</v>
      </c>
      <c r="L51" s="17">
        <v>143</v>
      </c>
      <c r="M51" s="17">
        <v>7777</v>
      </c>
      <c r="N51" s="17">
        <v>174</v>
      </c>
      <c r="O51" s="17">
        <v>5</v>
      </c>
      <c r="P51" s="17">
        <v>59</v>
      </c>
      <c r="Q51" s="17">
        <v>107</v>
      </c>
      <c r="R51" s="17">
        <v>6364</v>
      </c>
    </row>
    <row r="52" spans="1:18">
      <c r="A52" s="21" t="s">
        <v>969</v>
      </c>
      <c r="B52" s="10" t="s">
        <v>25</v>
      </c>
      <c r="C52" s="11" t="s">
        <v>25</v>
      </c>
      <c r="D52" s="17">
        <v>251</v>
      </c>
      <c r="E52" s="17">
        <v>5</v>
      </c>
      <c r="F52" s="17">
        <v>69</v>
      </c>
      <c r="G52" s="17">
        <v>177</v>
      </c>
      <c r="H52" s="17">
        <v>10020</v>
      </c>
      <c r="I52" s="17">
        <v>148</v>
      </c>
      <c r="J52" s="18">
        <v>4</v>
      </c>
      <c r="K52" s="17">
        <v>27</v>
      </c>
      <c r="L52" s="17">
        <v>117</v>
      </c>
      <c r="M52" s="17">
        <v>6348</v>
      </c>
      <c r="N52" s="17">
        <v>103</v>
      </c>
      <c r="O52" s="17">
        <v>1</v>
      </c>
      <c r="P52" s="17">
        <v>42</v>
      </c>
      <c r="Q52" s="17">
        <v>60</v>
      </c>
      <c r="R52" s="17">
        <v>3672</v>
      </c>
    </row>
    <row r="53" spans="1:18">
      <c r="A53" s="21" t="s">
        <v>970</v>
      </c>
      <c r="B53" s="10" t="s">
        <v>25</v>
      </c>
      <c r="C53" s="11" t="s">
        <v>25</v>
      </c>
      <c r="D53" s="17">
        <v>1407</v>
      </c>
      <c r="E53" s="18">
        <v>28</v>
      </c>
      <c r="F53" s="17">
        <v>367</v>
      </c>
      <c r="G53" s="17">
        <v>1008</v>
      </c>
      <c r="H53" s="17">
        <v>56702</v>
      </c>
      <c r="I53" s="17">
        <v>840</v>
      </c>
      <c r="J53" s="18">
        <v>18</v>
      </c>
      <c r="K53" s="17">
        <v>146</v>
      </c>
      <c r="L53" s="17">
        <v>672</v>
      </c>
      <c r="M53" s="17">
        <v>36617</v>
      </c>
      <c r="N53" s="17">
        <v>567</v>
      </c>
      <c r="O53" s="18">
        <v>10</v>
      </c>
      <c r="P53" s="17">
        <v>221</v>
      </c>
      <c r="Q53" s="17">
        <v>336</v>
      </c>
      <c r="R53" s="17">
        <v>20085</v>
      </c>
    </row>
    <row r="54" spans="1:18">
      <c r="A54" s="21" t="s">
        <v>971</v>
      </c>
      <c r="B54" s="10" t="s">
        <v>25</v>
      </c>
      <c r="C54" s="11" t="s">
        <v>25</v>
      </c>
      <c r="D54" s="17">
        <v>409</v>
      </c>
      <c r="E54" s="18">
        <v>8</v>
      </c>
      <c r="F54" s="17">
        <v>93</v>
      </c>
      <c r="G54" s="17">
        <v>304</v>
      </c>
      <c r="H54" s="17">
        <v>16714</v>
      </c>
      <c r="I54" s="17">
        <v>229</v>
      </c>
      <c r="J54" s="18">
        <v>5</v>
      </c>
      <c r="K54" s="17">
        <v>32</v>
      </c>
      <c r="L54" s="17">
        <v>188</v>
      </c>
      <c r="M54" s="17">
        <v>10127</v>
      </c>
      <c r="N54" s="17">
        <v>180</v>
      </c>
      <c r="O54" s="18">
        <v>3</v>
      </c>
      <c r="P54" s="17">
        <v>61</v>
      </c>
      <c r="Q54" s="17">
        <v>116</v>
      </c>
      <c r="R54" s="17">
        <v>6587</v>
      </c>
    </row>
    <row r="55" spans="1:18">
      <c r="A55" s="21" t="s">
        <v>972</v>
      </c>
      <c r="B55" s="10" t="s">
        <v>25</v>
      </c>
      <c r="C55" s="11" t="s">
        <v>25</v>
      </c>
      <c r="D55" s="17">
        <v>433</v>
      </c>
      <c r="E55" s="17">
        <v>9</v>
      </c>
      <c r="F55" s="17">
        <v>111</v>
      </c>
      <c r="G55" s="17">
        <v>313</v>
      </c>
      <c r="H55" s="17">
        <v>17169</v>
      </c>
      <c r="I55" s="17">
        <v>266</v>
      </c>
      <c r="J55" s="17">
        <v>5</v>
      </c>
      <c r="K55" s="17">
        <v>42</v>
      </c>
      <c r="L55" s="17">
        <v>219</v>
      </c>
      <c r="M55" s="17">
        <v>11593</v>
      </c>
      <c r="N55" s="17">
        <v>167</v>
      </c>
      <c r="O55" s="17">
        <v>4</v>
      </c>
      <c r="P55" s="17">
        <v>69</v>
      </c>
      <c r="Q55" s="17">
        <v>94</v>
      </c>
      <c r="R55" s="17">
        <v>5576</v>
      </c>
    </row>
    <row r="56" spans="1:18">
      <c r="A56" s="21" t="s">
        <v>973</v>
      </c>
      <c r="B56" s="10" t="s">
        <v>25</v>
      </c>
      <c r="C56" s="11" t="s">
        <v>25</v>
      </c>
      <c r="D56" s="17">
        <v>565</v>
      </c>
      <c r="E56" s="17">
        <v>11</v>
      </c>
      <c r="F56" s="17">
        <v>163</v>
      </c>
      <c r="G56" s="17">
        <v>391</v>
      </c>
      <c r="H56" s="17">
        <v>22819</v>
      </c>
      <c r="I56" s="17">
        <v>345</v>
      </c>
      <c r="J56" s="17">
        <v>8</v>
      </c>
      <c r="K56" s="17">
        <v>72</v>
      </c>
      <c r="L56" s="17">
        <v>265</v>
      </c>
      <c r="M56" s="17">
        <v>14897</v>
      </c>
      <c r="N56" s="17">
        <v>220</v>
      </c>
      <c r="O56" s="17">
        <v>3</v>
      </c>
      <c r="P56" s="17">
        <v>91</v>
      </c>
      <c r="Q56" s="17">
        <v>126</v>
      </c>
      <c r="R56" s="17">
        <v>7922</v>
      </c>
    </row>
    <row r="57" spans="1:18">
      <c r="A57" s="21" t="s">
        <v>974</v>
      </c>
      <c r="B57" s="10" t="s">
        <v>25</v>
      </c>
      <c r="C57" s="11" t="s">
        <v>25</v>
      </c>
      <c r="D57" s="17">
        <v>470</v>
      </c>
      <c r="E57" s="17">
        <v>8</v>
      </c>
      <c r="F57" s="17">
        <v>146</v>
      </c>
      <c r="G57" s="17">
        <v>312</v>
      </c>
      <c r="H57" s="17">
        <v>17368</v>
      </c>
      <c r="I57" s="17">
        <v>266</v>
      </c>
      <c r="J57" s="18">
        <v>6</v>
      </c>
      <c r="K57" s="17">
        <v>51</v>
      </c>
      <c r="L57" s="17">
        <v>207</v>
      </c>
      <c r="M57" s="17">
        <v>10700</v>
      </c>
      <c r="N57" s="17">
        <v>204</v>
      </c>
      <c r="O57" s="17">
        <v>2</v>
      </c>
      <c r="P57" s="17">
        <v>95</v>
      </c>
      <c r="Q57" s="17">
        <v>105</v>
      </c>
      <c r="R57" s="17">
        <v>6668</v>
      </c>
    </row>
    <row r="58" spans="1:18">
      <c r="A58" s="21" t="s">
        <v>975</v>
      </c>
      <c r="B58" s="10" t="s">
        <v>25</v>
      </c>
      <c r="C58" s="11" t="s">
        <v>25</v>
      </c>
      <c r="D58" s="17">
        <v>25</v>
      </c>
      <c r="E58" s="17">
        <v>1</v>
      </c>
      <c r="F58" s="17">
        <v>4</v>
      </c>
      <c r="G58" s="17">
        <v>20</v>
      </c>
      <c r="H58" s="17">
        <v>994</v>
      </c>
      <c r="I58" s="17">
        <v>17</v>
      </c>
      <c r="J58" s="17">
        <v>1</v>
      </c>
      <c r="K58" s="17">
        <v>1</v>
      </c>
      <c r="L58" s="17">
        <v>15</v>
      </c>
      <c r="M58" s="17">
        <v>681</v>
      </c>
      <c r="N58" s="17">
        <v>8</v>
      </c>
      <c r="O58" s="17" t="s">
        <v>35</v>
      </c>
      <c r="P58" s="17">
        <v>3</v>
      </c>
      <c r="Q58" s="17">
        <v>5</v>
      </c>
      <c r="R58" s="17">
        <v>313</v>
      </c>
    </row>
    <row r="59" spans="1:18">
      <c r="A59" s="21" t="s">
        <v>976</v>
      </c>
      <c r="B59" s="10" t="s">
        <v>25</v>
      </c>
      <c r="C59" s="11" t="s">
        <v>25</v>
      </c>
      <c r="D59" s="17">
        <v>140</v>
      </c>
      <c r="E59" s="17">
        <v>1</v>
      </c>
      <c r="F59" s="17">
        <v>42</v>
      </c>
      <c r="G59" s="17">
        <v>95</v>
      </c>
      <c r="H59" s="17">
        <v>5331</v>
      </c>
      <c r="I59" s="17">
        <v>75</v>
      </c>
      <c r="J59" s="17">
        <v>1</v>
      </c>
      <c r="K59" s="17">
        <v>14</v>
      </c>
      <c r="L59" s="17">
        <v>59</v>
      </c>
      <c r="M59" s="17">
        <v>3201</v>
      </c>
      <c r="N59" s="17">
        <v>65</v>
      </c>
      <c r="O59" s="17" t="s">
        <v>35</v>
      </c>
      <c r="P59" s="17">
        <v>28</v>
      </c>
      <c r="Q59" s="17">
        <v>36</v>
      </c>
      <c r="R59" s="17">
        <v>2130</v>
      </c>
    </row>
    <row r="60" spans="1:18">
      <c r="A60" s="21" t="s">
        <v>977</v>
      </c>
      <c r="B60" s="10" t="s">
        <v>25</v>
      </c>
      <c r="C60" s="11" t="s">
        <v>25</v>
      </c>
      <c r="D60" s="17">
        <v>305</v>
      </c>
      <c r="E60" s="17">
        <v>6</v>
      </c>
      <c r="F60" s="17">
        <v>100</v>
      </c>
      <c r="G60" s="17">
        <v>197</v>
      </c>
      <c r="H60" s="17">
        <v>11043</v>
      </c>
      <c r="I60" s="17">
        <v>174</v>
      </c>
      <c r="J60" s="17">
        <v>4</v>
      </c>
      <c r="K60" s="17">
        <v>36</v>
      </c>
      <c r="L60" s="17">
        <v>133</v>
      </c>
      <c r="M60" s="17">
        <v>6818</v>
      </c>
      <c r="N60" s="17">
        <v>131</v>
      </c>
      <c r="O60" s="17">
        <v>2</v>
      </c>
      <c r="P60" s="17">
        <v>64</v>
      </c>
      <c r="Q60" s="17">
        <v>64</v>
      </c>
      <c r="R60" s="17">
        <v>4225</v>
      </c>
    </row>
    <row r="61" spans="1:18">
      <c r="A61" s="21" t="s">
        <v>978</v>
      </c>
      <c r="B61" s="10" t="s">
        <v>25</v>
      </c>
      <c r="C61" s="11" t="s">
        <v>25</v>
      </c>
      <c r="D61" s="17">
        <v>599</v>
      </c>
      <c r="E61" s="17">
        <v>15</v>
      </c>
      <c r="F61" s="17">
        <v>164</v>
      </c>
      <c r="G61" s="17">
        <v>419</v>
      </c>
      <c r="H61" s="17">
        <v>22858</v>
      </c>
      <c r="I61" s="17">
        <v>327</v>
      </c>
      <c r="J61" s="17">
        <v>9</v>
      </c>
      <c r="K61" s="17">
        <v>48</v>
      </c>
      <c r="L61" s="17">
        <v>269</v>
      </c>
      <c r="M61" s="17">
        <v>13754</v>
      </c>
      <c r="N61" s="17">
        <v>272</v>
      </c>
      <c r="O61" s="17">
        <v>6</v>
      </c>
      <c r="P61" s="17">
        <v>116</v>
      </c>
      <c r="Q61" s="17">
        <v>150</v>
      </c>
      <c r="R61" s="17">
        <v>9104</v>
      </c>
    </row>
    <row r="62" spans="1:18">
      <c r="A62" s="21" t="s">
        <v>979</v>
      </c>
      <c r="B62" s="10" t="s">
        <v>25</v>
      </c>
      <c r="C62" s="11" t="s">
        <v>25</v>
      </c>
      <c r="D62" s="17">
        <v>52</v>
      </c>
      <c r="E62" s="17">
        <v>1</v>
      </c>
      <c r="F62" s="17">
        <v>15</v>
      </c>
      <c r="G62" s="17">
        <v>36</v>
      </c>
      <c r="H62" s="17">
        <v>2029</v>
      </c>
      <c r="I62" s="17">
        <v>29</v>
      </c>
      <c r="J62" s="17">
        <v>1</v>
      </c>
      <c r="K62" s="17">
        <v>4</v>
      </c>
      <c r="L62" s="17">
        <v>24</v>
      </c>
      <c r="M62" s="17">
        <v>1256</v>
      </c>
      <c r="N62" s="17">
        <v>23</v>
      </c>
      <c r="O62" s="17" t="s">
        <v>35</v>
      </c>
      <c r="P62" s="17">
        <v>11</v>
      </c>
      <c r="Q62" s="17">
        <v>12</v>
      </c>
      <c r="R62" s="17">
        <v>773</v>
      </c>
    </row>
    <row r="63" spans="1:18">
      <c r="A63" s="21" t="s">
        <v>980</v>
      </c>
      <c r="B63" s="10" t="s">
        <v>25</v>
      </c>
      <c r="C63" s="11" t="s">
        <v>25</v>
      </c>
      <c r="D63" s="17">
        <v>264</v>
      </c>
      <c r="E63" s="17">
        <v>6</v>
      </c>
      <c r="F63" s="17">
        <v>72</v>
      </c>
      <c r="G63" s="17">
        <v>186</v>
      </c>
      <c r="H63" s="17">
        <v>10116</v>
      </c>
      <c r="I63" s="17">
        <v>144</v>
      </c>
      <c r="J63" s="17">
        <v>4</v>
      </c>
      <c r="K63" s="17">
        <v>17</v>
      </c>
      <c r="L63" s="17">
        <v>123</v>
      </c>
      <c r="M63" s="17">
        <v>6131</v>
      </c>
      <c r="N63" s="17">
        <v>120</v>
      </c>
      <c r="O63" s="17">
        <v>2</v>
      </c>
      <c r="P63" s="17">
        <v>55</v>
      </c>
      <c r="Q63" s="17">
        <v>63</v>
      </c>
      <c r="R63" s="17">
        <v>3985</v>
      </c>
    </row>
    <row r="64" spans="1:18">
      <c r="A64" s="21" t="s">
        <v>981</v>
      </c>
      <c r="B64" s="10" t="s">
        <v>25</v>
      </c>
      <c r="C64" s="11" t="s">
        <v>25</v>
      </c>
      <c r="D64" s="17">
        <v>118</v>
      </c>
      <c r="E64" s="17">
        <v>1</v>
      </c>
      <c r="F64" s="17">
        <v>31</v>
      </c>
      <c r="G64" s="17">
        <v>85</v>
      </c>
      <c r="H64" s="17">
        <v>4499</v>
      </c>
      <c r="I64" s="17">
        <v>68</v>
      </c>
      <c r="J64" s="17">
        <v>1</v>
      </c>
      <c r="K64" s="17">
        <v>12</v>
      </c>
      <c r="L64" s="17">
        <v>54</v>
      </c>
      <c r="M64" s="17">
        <v>2763</v>
      </c>
      <c r="N64" s="17">
        <v>50</v>
      </c>
      <c r="O64" s="18" t="s">
        <v>35</v>
      </c>
      <c r="P64" s="17">
        <v>19</v>
      </c>
      <c r="Q64" s="17">
        <v>31</v>
      </c>
      <c r="R64" s="17">
        <v>1736</v>
      </c>
    </row>
    <row r="65" spans="1:18">
      <c r="A65" s="21" t="s">
        <v>982</v>
      </c>
      <c r="B65" s="10" t="s">
        <v>25</v>
      </c>
      <c r="C65" s="11" t="s">
        <v>25</v>
      </c>
      <c r="D65" s="17">
        <v>165</v>
      </c>
      <c r="E65" s="17">
        <v>7</v>
      </c>
      <c r="F65" s="17">
        <v>46</v>
      </c>
      <c r="G65" s="17">
        <v>112</v>
      </c>
      <c r="H65" s="17">
        <v>6214</v>
      </c>
      <c r="I65" s="17">
        <v>86</v>
      </c>
      <c r="J65" s="17">
        <v>3</v>
      </c>
      <c r="K65" s="17">
        <v>15</v>
      </c>
      <c r="L65" s="17">
        <v>68</v>
      </c>
      <c r="M65" s="17">
        <v>3604</v>
      </c>
      <c r="N65" s="17">
        <v>79</v>
      </c>
      <c r="O65" s="17">
        <v>4</v>
      </c>
      <c r="P65" s="17">
        <v>31</v>
      </c>
      <c r="Q65" s="17">
        <v>44</v>
      </c>
      <c r="R65" s="17">
        <v>2610</v>
      </c>
    </row>
    <row r="66" spans="1:18">
      <c r="A66" s="21" t="s">
        <v>983</v>
      </c>
      <c r="B66" s="10" t="s">
        <v>25</v>
      </c>
      <c r="C66" s="11" t="s">
        <v>25</v>
      </c>
      <c r="D66" s="17">
        <v>139</v>
      </c>
      <c r="E66" s="17">
        <v>1</v>
      </c>
      <c r="F66" s="17">
        <v>35</v>
      </c>
      <c r="G66" s="17">
        <v>103</v>
      </c>
      <c r="H66" s="17">
        <v>6081</v>
      </c>
      <c r="I66" s="17">
        <v>78</v>
      </c>
      <c r="J66" s="17" t="s">
        <v>35</v>
      </c>
      <c r="K66" s="17">
        <v>14</v>
      </c>
      <c r="L66" s="17">
        <v>64</v>
      </c>
      <c r="M66" s="17">
        <v>3653</v>
      </c>
      <c r="N66" s="17">
        <v>61</v>
      </c>
      <c r="O66" s="17">
        <v>1</v>
      </c>
      <c r="P66" s="17">
        <v>21</v>
      </c>
      <c r="Q66" s="17">
        <v>39</v>
      </c>
      <c r="R66" s="17">
        <v>2428</v>
      </c>
    </row>
    <row r="67" spans="1:18">
      <c r="A67" s="21" t="s">
        <v>984</v>
      </c>
      <c r="B67" s="10" t="s">
        <v>25</v>
      </c>
      <c r="C67" s="11" t="s">
        <v>25</v>
      </c>
      <c r="D67" s="17">
        <v>78</v>
      </c>
      <c r="E67" s="17">
        <v>1</v>
      </c>
      <c r="F67" s="17">
        <v>22</v>
      </c>
      <c r="G67" s="17">
        <v>55</v>
      </c>
      <c r="H67" s="17">
        <v>3278</v>
      </c>
      <c r="I67" s="17">
        <v>34</v>
      </c>
      <c r="J67" s="17" t="s">
        <v>35</v>
      </c>
      <c r="K67" s="17">
        <v>9</v>
      </c>
      <c r="L67" s="17">
        <v>25</v>
      </c>
      <c r="M67" s="17">
        <v>1484</v>
      </c>
      <c r="N67" s="17">
        <v>44</v>
      </c>
      <c r="O67" s="17">
        <v>1</v>
      </c>
      <c r="P67" s="17">
        <v>13</v>
      </c>
      <c r="Q67" s="17">
        <v>30</v>
      </c>
      <c r="R67" s="17">
        <v>1794</v>
      </c>
    </row>
    <row r="68" spans="1:18">
      <c r="A68" s="21" t="s">
        <v>985</v>
      </c>
      <c r="B68" s="10" t="s">
        <v>25</v>
      </c>
      <c r="C68" s="11" t="s">
        <v>25</v>
      </c>
      <c r="D68" s="17">
        <v>61</v>
      </c>
      <c r="E68" s="17" t="s">
        <v>35</v>
      </c>
      <c r="F68" s="17">
        <v>13</v>
      </c>
      <c r="G68" s="17">
        <v>48</v>
      </c>
      <c r="H68" s="17">
        <v>2803</v>
      </c>
      <c r="I68" s="17">
        <v>44</v>
      </c>
      <c r="J68" s="17" t="s">
        <v>35</v>
      </c>
      <c r="K68" s="17">
        <v>5</v>
      </c>
      <c r="L68" s="17">
        <v>39</v>
      </c>
      <c r="M68" s="17">
        <v>2169</v>
      </c>
      <c r="N68" s="17">
        <v>17</v>
      </c>
      <c r="O68" s="17" t="s">
        <v>35</v>
      </c>
      <c r="P68" s="17">
        <v>8</v>
      </c>
      <c r="Q68" s="17">
        <v>9</v>
      </c>
      <c r="R68" s="17">
        <v>634</v>
      </c>
    </row>
    <row r="69" spans="1:18">
      <c r="A69" s="21" t="s">
        <v>986</v>
      </c>
      <c r="B69" s="10" t="s">
        <v>25</v>
      </c>
      <c r="C69" s="11" t="s">
        <v>25</v>
      </c>
      <c r="D69" s="17">
        <v>499</v>
      </c>
      <c r="E69" s="17">
        <v>14</v>
      </c>
      <c r="F69" s="17">
        <v>148</v>
      </c>
      <c r="G69" s="17">
        <v>335</v>
      </c>
      <c r="H69" s="17">
        <v>18898</v>
      </c>
      <c r="I69" s="17">
        <v>276</v>
      </c>
      <c r="J69" s="17">
        <v>10</v>
      </c>
      <c r="K69" s="17">
        <v>51</v>
      </c>
      <c r="L69" s="17">
        <v>214</v>
      </c>
      <c r="M69" s="17">
        <v>11764</v>
      </c>
      <c r="N69" s="17">
        <v>223</v>
      </c>
      <c r="O69" s="17">
        <v>4</v>
      </c>
      <c r="P69" s="17">
        <v>97</v>
      </c>
      <c r="Q69" s="17">
        <v>121</v>
      </c>
      <c r="R69" s="17">
        <v>7134</v>
      </c>
    </row>
    <row r="70" spans="1:18">
      <c r="A70" s="21" t="s">
        <v>987</v>
      </c>
      <c r="B70" s="10" t="s">
        <v>25</v>
      </c>
      <c r="C70" s="11" t="s">
        <v>25</v>
      </c>
      <c r="D70" s="17">
        <v>218</v>
      </c>
      <c r="E70" s="17">
        <v>4</v>
      </c>
      <c r="F70" s="17">
        <v>60</v>
      </c>
      <c r="G70" s="17">
        <v>154</v>
      </c>
      <c r="H70" s="17">
        <v>8681</v>
      </c>
      <c r="I70" s="17">
        <v>130</v>
      </c>
      <c r="J70" s="17">
        <v>3</v>
      </c>
      <c r="K70" s="17">
        <v>25</v>
      </c>
      <c r="L70" s="17">
        <v>102</v>
      </c>
      <c r="M70" s="17">
        <v>5746</v>
      </c>
      <c r="N70" s="17">
        <v>88</v>
      </c>
      <c r="O70" s="17">
        <v>1</v>
      </c>
      <c r="P70" s="17">
        <v>35</v>
      </c>
      <c r="Q70" s="17">
        <v>52</v>
      </c>
      <c r="R70" s="17">
        <v>2935</v>
      </c>
    </row>
    <row r="71" spans="1:18">
      <c r="A71" s="21" t="s">
        <v>988</v>
      </c>
      <c r="B71" s="10" t="s">
        <v>25</v>
      </c>
      <c r="C71" s="11" t="s">
        <v>25</v>
      </c>
      <c r="D71" s="17">
        <v>281</v>
      </c>
      <c r="E71" s="17">
        <v>10</v>
      </c>
      <c r="F71" s="17">
        <v>88</v>
      </c>
      <c r="G71" s="17">
        <v>181</v>
      </c>
      <c r="H71" s="17">
        <v>10217</v>
      </c>
      <c r="I71" s="17">
        <v>146</v>
      </c>
      <c r="J71" s="17">
        <v>7</v>
      </c>
      <c r="K71" s="17">
        <v>26</v>
      </c>
      <c r="L71" s="17">
        <v>112</v>
      </c>
      <c r="M71" s="17">
        <v>6018</v>
      </c>
      <c r="N71" s="17">
        <v>135</v>
      </c>
      <c r="O71" s="17">
        <v>3</v>
      </c>
      <c r="P71" s="17">
        <v>62</v>
      </c>
      <c r="Q71" s="17">
        <v>69</v>
      </c>
      <c r="R71" s="17">
        <v>4199</v>
      </c>
    </row>
    <row r="72" spans="1:18">
      <c r="A72" s="21" t="s">
        <v>989</v>
      </c>
      <c r="B72" s="10" t="s">
        <v>25</v>
      </c>
      <c r="C72" s="11" t="s">
        <v>25</v>
      </c>
      <c r="D72" s="17">
        <v>221</v>
      </c>
      <c r="E72" s="17">
        <v>6</v>
      </c>
      <c r="F72" s="17">
        <v>50</v>
      </c>
      <c r="G72" s="17">
        <v>162</v>
      </c>
      <c r="H72" s="17">
        <v>8725</v>
      </c>
      <c r="I72" s="17">
        <v>132</v>
      </c>
      <c r="J72" s="17">
        <v>5</v>
      </c>
      <c r="K72" s="17">
        <v>12</v>
      </c>
      <c r="L72" s="17">
        <v>114</v>
      </c>
      <c r="M72" s="17">
        <v>5816</v>
      </c>
      <c r="N72" s="17">
        <v>89</v>
      </c>
      <c r="O72" s="17">
        <v>1</v>
      </c>
      <c r="P72" s="17">
        <v>38</v>
      </c>
      <c r="Q72" s="17">
        <v>48</v>
      </c>
      <c r="R72" s="17">
        <v>2909</v>
      </c>
    </row>
    <row r="73" spans="1:18">
      <c r="A73" s="21" t="s">
        <v>990</v>
      </c>
      <c r="B73" s="10" t="s">
        <v>25</v>
      </c>
      <c r="C73" s="11" t="s">
        <v>25</v>
      </c>
      <c r="D73" s="17">
        <v>107</v>
      </c>
      <c r="E73" s="17">
        <v>3</v>
      </c>
      <c r="F73" s="17">
        <v>26</v>
      </c>
      <c r="G73" s="17">
        <v>78</v>
      </c>
      <c r="H73" s="17">
        <v>4233</v>
      </c>
      <c r="I73" s="17">
        <v>66</v>
      </c>
      <c r="J73" s="17">
        <v>2</v>
      </c>
      <c r="K73" s="17">
        <v>6</v>
      </c>
      <c r="L73" s="17">
        <v>58</v>
      </c>
      <c r="M73" s="17">
        <v>2964</v>
      </c>
      <c r="N73" s="17">
        <v>41</v>
      </c>
      <c r="O73" s="17">
        <v>1</v>
      </c>
      <c r="P73" s="17">
        <v>20</v>
      </c>
      <c r="Q73" s="17">
        <v>20</v>
      </c>
      <c r="R73" s="17">
        <v>1269</v>
      </c>
    </row>
    <row r="74" spans="1:18">
      <c r="A74" s="21" t="s">
        <v>991</v>
      </c>
      <c r="B74" s="10" t="s">
        <v>25</v>
      </c>
      <c r="C74" s="11" t="s">
        <v>25</v>
      </c>
      <c r="D74" s="17">
        <v>114</v>
      </c>
      <c r="E74" s="17">
        <v>3</v>
      </c>
      <c r="F74" s="17">
        <v>24</v>
      </c>
      <c r="G74" s="17">
        <v>84</v>
      </c>
      <c r="H74" s="17">
        <v>4492</v>
      </c>
      <c r="I74" s="17">
        <v>66</v>
      </c>
      <c r="J74" s="17">
        <v>3</v>
      </c>
      <c r="K74" s="17">
        <v>6</v>
      </c>
      <c r="L74" s="17">
        <v>56</v>
      </c>
      <c r="M74" s="17">
        <v>2852</v>
      </c>
      <c r="N74" s="17">
        <v>48</v>
      </c>
      <c r="O74" s="17" t="s">
        <v>35</v>
      </c>
      <c r="P74" s="17">
        <v>18</v>
      </c>
      <c r="Q74" s="17">
        <v>28</v>
      </c>
      <c r="R74" s="17">
        <v>1640</v>
      </c>
    </row>
    <row r="75" spans="1:18">
      <c r="A75" s="21" t="s">
        <v>992</v>
      </c>
      <c r="B75" s="10" t="s">
        <v>25</v>
      </c>
      <c r="C75" s="11" t="s">
        <v>25</v>
      </c>
      <c r="D75" s="17">
        <v>233</v>
      </c>
      <c r="E75" s="17">
        <v>9</v>
      </c>
      <c r="F75" s="17">
        <v>73</v>
      </c>
      <c r="G75" s="17">
        <v>150</v>
      </c>
      <c r="H75" s="17">
        <v>8421</v>
      </c>
      <c r="I75" s="17">
        <v>128</v>
      </c>
      <c r="J75" s="18">
        <v>6</v>
      </c>
      <c r="K75" s="17">
        <v>23</v>
      </c>
      <c r="L75" s="17">
        <v>98</v>
      </c>
      <c r="M75" s="17">
        <v>5010</v>
      </c>
      <c r="N75" s="17">
        <v>105</v>
      </c>
      <c r="O75" s="17">
        <v>3</v>
      </c>
      <c r="P75" s="17">
        <v>50</v>
      </c>
      <c r="Q75" s="17">
        <v>52</v>
      </c>
      <c r="R75" s="17">
        <v>3411</v>
      </c>
    </row>
    <row r="76" spans="1:18">
      <c r="A76" s="21" t="s">
        <v>993</v>
      </c>
      <c r="B76" s="10" t="s">
        <v>25</v>
      </c>
      <c r="C76" s="11" t="s">
        <v>25</v>
      </c>
      <c r="D76" s="17">
        <v>128</v>
      </c>
      <c r="E76" s="17">
        <v>3</v>
      </c>
      <c r="F76" s="17">
        <v>39</v>
      </c>
      <c r="G76" s="17">
        <v>86</v>
      </c>
      <c r="H76" s="17">
        <v>4875</v>
      </c>
      <c r="I76" s="17">
        <v>68</v>
      </c>
      <c r="J76" s="17">
        <v>2</v>
      </c>
      <c r="K76" s="17">
        <v>12</v>
      </c>
      <c r="L76" s="17">
        <v>54</v>
      </c>
      <c r="M76" s="17">
        <v>2823</v>
      </c>
      <c r="N76" s="17">
        <v>60</v>
      </c>
      <c r="O76" s="17">
        <v>1</v>
      </c>
      <c r="P76" s="17">
        <v>27</v>
      </c>
      <c r="Q76" s="17">
        <v>32</v>
      </c>
      <c r="R76" s="17">
        <v>2052</v>
      </c>
    </row>
    <row r="77" spans="1:18">
      <c r="A77" s="21" t="s">
        <v>994</v>
      </c>
      <c r="B77" s="10" t="s">
        <v>25</v>
      </c>
      <c r="C77" s="11" t="s">
        <v>25</v>
      </c>
      <c r="D77" s="17">
        <v>105</v>
      </c>
      <c r="E77" s="17">
        <v>6</v>
      </c>
      <c r="F77" s="17">
        <v>34</v>
      </c>
      <c r="G77" s="17">
        <v>64</v>
      </c>
      <c r="H77" s="17">
        <v>3546</v>
      </c>
      <c r="I77" s="17">
        <v>60</v>
      </c>
      <c r="J77" s="17">
        <v>4</v>
      </c>
      <c r="K77" s="17">
        <v>11</v>
      </c>
      <c r="L77" s="17">
        <v>44</v>
      </c>
      <c r="M77" s="17">
        <v>2187</v>
      </c>
      <c r="N77" s="17">
        <v>45</v>
      </c>
      <c r="O77" s="17">
        <v>2</v>
      </c>
      <c r="P77" s="17">
        <v>23</v>
      </c>
      <c r="Q77" s="17">
        <v>20</v>
      </c>
      <c r="R77" s="17">
        <v>1359</v>
      </c>
    </row>
    <row r="78" spans="1:18">
      <c r="A78" s="21" t="s">
        <v>995</v>
      </c>
      <c r="B78" s="10" t="s">
        <v>25</v>
      </c>
      <c r="C78" s="11" t="s">
        <v>25</v>
      </c>
      <c r="D78" s="17">
        <v>1544</v>
      </c>
      <c r="E78" s="17">
        <v>35</v>
      </c>
      <c r="F78" s="17">
        <v>370</v>
      </c>
      <c r="G78" s="17">
        <v>1124</v>
      </c>
      <c r="H78" s="17">
        <v>63665</v>
      </c>
      <c r="I78" s="17">
        <v>784</v>
      </c>
      <c r="J78" s="17">
        <v>19</v>
      </c>
      <c r="K78" s="17">
        <v>108</v>
      </c>
      <c r="L78" s="17">
        <v>649</v>
      </c>
      <c r="M78" s="17">
        <v>35900</v>
      </c>
      <c r="N78" s="17">
        <v>760</v>
      </c>
      <c r="O78" s="17">
        <v>16</v>
      </c>
      <c r="P78" s="17">
        <v>262</v>
      </c>
      <c r="Q78" s="17">
        <v>475</v>
      </c>
      <c r="R78" s="17">
        <v>27765</v>
      </c>
    </row>
    <row r="79" spans="1:18">
      <c r="A79" s="21" t="s">
        <v>996</v>
      </c>
      <c r="B79" s="10" t="s">
        <v>25</v>
      </c>
      <c r="C79" s="11" t="s">
        <v>25</v>
      </c>
      <c r="D79" s="17">
        <v>458</v>
      </c>
      <c r="E79" s="17">
        <v>10</v>
      </c>
      <c r="F79" s="17">
        <v>130</v>
      </c>
      <c r="G79" s="17">
        <v>314</v>
      </c>
      <c r="H79" s="17">
        <v>18397</v>
      </c>
      <c r="I79" s="17">
        <v>236</v>
      </c>
      <c r="J79" s="17">
        <v>6</v>
      </c>
      <c r="K79" s="17">
        <v>48</v>
      </c>
      <c r="L79" s="17">
        <v>179</v>
      </c>
      <c r="M79" s="17">
        <v>10310</v>
      </c>
      <c r="N79" s="17">
        <v>222</v>
      </c>
      <c r="O79" s="17">
        <v>4</v>
      </c>
      <c r="P79" s="17">
        <v>82</v>
      </c>
      <c r="Q79" s="17">
        <v>135</v>
      </c>
      <c r="R79" s="17">
        <v>8087</v>
      </c>
    </row>
    <row r="80" spans="1:18">
      <c r="A80" s="21" t="s">
        <v>997</v>
      </c>
      <c r="B80" s="10" t="s">
        <v>25</v>
      </c>
      <c r="C80" s="11" t="s">
        <v>25</v>
      </c>
      <c r="D80" s="17">
        <v>613</v>
      </c>
      <c r="E80" s="17">
        <v>14</v>
      </c>
      <c r="F80" s="17">
        <v>136</v>
      </c>
      <c r="G80" s="17">
        <v>454</v>
      </c>
      <c r="H80" s="17">
        <v>25307</v>
      </c>
      <c r="I80" s="17">
        <v>291</v>
      </c>
      <c r="J80" s="17">
        <v>7</v>
      </c>
      <c r="K80" s="17">
        <v>32</v>
      </c>
      <c r="L80" s="17">
        <v>249</v>
      </c>
      <c r="M80" s="17">
        <v>13454</v>
      </c>
      <c r="N80" s="17">
        <v>322</v>
      </c>
      <c r="O80" s="18">
        <v>7</v>
      </c>
      <c r="P80" s="17">
        <v>104</v>
      </c>
      <c r="Q80" s="17">
        <v>205</v>
      </c>
      <c r="R80" s="17">
        <v>11853</v>
      </c>
    </row>
    <row r="81" spans="1:18">
      <c r="A81" s="21" t="s">
        <v>998</v>
      </c>
      <c r="B81" s="10" t="s">
        <v>25</v>
      </c>
      <c r="C81" s="11" t="s">
        <v>25</v>
      </c>
      <c r="D81" s="17">
        <v>473</v>
      </c>
      <c r="E81" s="17">
        <v>11</v>
      </c>
      <c r="F81" s="17">
        <v>104</v>
      </c>
      <c r="G81" s="17">
        <v>356</v>
      </c>
      <c r="H81" s="17">
        <v>19961</v>
      </c>
      <c r="I81" s="17">
        <v>257</v>
      </c>
      <c r="J81" s="17">
        <v>6</v>
      </c>
      <c r="K81" s="17">
        <v>28</v>
      </c>
      <c r="L81" s="17">
        <v>221</v>
      </c>
      <c r="M81" s="17">
        <v>12136</v>
      </c>
      <c r="N81" s="17">
        <v>216</v>
      </c>
      <c r="O81" s="18">
        <v>5</v>
      </c>
      <c r="P81" s="17">
        <v>76</v>
      </c>
      <c r="Q81" s="17">
        <v>135</v>
      </c>
      <c r="R81" s="17">
        <v>7825</v>
      </c>
    </row>
    <row r="82" spans="1:18">
      <c r="A82" s="21" t="s">
        <v>999</v>
      </c>
      <c r="B82" s="10" t="s">
        <v>25</v>
      </c>
      <c r="C82" s="11" t="s">
        <v>25</v>
      </c>
      <c r="D82" s="17">
        <v>2360</v>
      </c>
      <c r="E82" s="18">
        <v>49</v>
      </c>
      <c r="F82" s="17">
        <v>552</v>
      </c>
      <c r="G82" s="17">
        <v>1748</v>
      </c>
      <c r="H82" s="17">
        <v>99639</v>
      </c>
      <c r="I82" s="17">
        <v>1204</v>
      </c>
      <c r="J82" s="18">
        <v>24</v>
      </c>
      <c r="K82" s="17">
        <v>145</v>
      </c>
      <c r="L82" s="17">
        <v>1028</v>
      </c>
      <c r="M82" s="17">
        <v>56889</v>
      </c>
      <c r="N82" s="17">
        <v>1156</v>
      </c>
      <c r="O82" s="18">
        <v>25</v>
      </c>
      <c r="P82" s="17">
        <v>407</v>
      </c>
      <c r="Q82" s="17">
        <v>720</v>
      </c>
      <c r="R82" s="17">
        <v>42750</v>
      </c>
    </row>
    <row r="83" spans="1:18">
      <c r="A83" s="21" t="s">
        <v>1000</v>
      </c>
      <c r="B83" s="10" t="s">
        <v>25</v>
      </c>
      <c r="C83" s="11" t="s">
        <v>25</v>
      </c>
      <c r="D83" s="17">
        <v>321</v>
      </c>
      <c r="E83" s="18">
        <v>5</v>
      </c>
      <c r="F83" s="17">
        <v>64</v>
      </c>
      <c r="G83" s="17">
        <v>252</v>
      </c>
      <c r="H83" s="17">
        <v>14254</v>
      </c>
      <c r="I83" s="17">
        <v>157</v>
      </c>
      <c r="J83" s="18">
        <v>4</v>
      </c>
      <c r="K83" s="17">
        <v>15</v>
      </c>
      <c r="L83" s="17">
        <v>138</v>
      </c>
      <c r="M83" s="17">
        <v>7837</v>
      </c>
      <c r="N83" s="17">
        <v>164</v>
      </c>
      <c r="O83" s="18">
        <v>1</v>
      </c>
      <c r="P83" s="17">
        <v>49</v>
      </c>
      <c r="Q83" s="17">
        <v>114</v>
      </c>
      <c r="R83" s="17">
        <v>6417</v>
      </c>
    </row>
    <row r="84" spans="1:18">
      <c r="A84" s="21" t="s">
        <v>1001</v>
      </c>
      <c r="B84" s="10" t="s">
        <v>25</v>
      </c>
      <c r="C84" s="11" t="s">
        <v>25</v>
      </c>
      <c r="D84" s="18">
        <v>948</v>
      </c>
      <c r="E84" s="18">
        <v>28</v>
      </c>
      <c r="F84" s="18">
        <v>230</v>
      </c>
      <c r="G84" s="18">
        <v>685</v>
      </c>
      <c r="H84" s="18">
        <v>39093</v>
      </c>
      <c r="I84" s="18">
        <v>467</v>
      </c>
      <c r="J84" s="18">
        <v>12</v>
      </c>
      <c r="K84" s="18">
        <v>55</v>
      </c>
      <c r="L84" s="18">
        <v>397</v>
      </c>
      <c r="M84" s="18">
        <v>21869</v>
      </c>
      <c r="N84" s="18">
        <v>481</v>
      </c>
      <c r="O84" s="18">
        <v>16</v>
      </c>
      <c r="P84" s="18">
        <v>175</v>
      </c>
      <c r="Q84" s="18">
        <v>288</v>
      </c>
      <c r="R84" s="18">
        <v>17224</v>
      </c>
    </row>
    <row r="85" spans="1:18">
      <c r="A85" s="21" t="s">
        <v>1002</v>
      </c>
      <c r="B85" s="10" t="s">
        <v>25</v>
      </c>
      <c r="C85" s="11" t="s">
        <v>25</v>
      </c>
      <c r="D85" s="18">
        <v>537</v>
      </c>
      <c r="E85" s="18">
        <v>10</v>
      </c>
      <c r="F85" s="18">
        <v>117</v>
      </c>
      <c r="G85" s="18">
        <v>409</v>
      </c>
      <c r="H85" s="18">
        <v>23147</v>
      </c>
      <c r="I85" s="18">
        <v>288</v>
      </c>
      <c r="J85" s="18">
        <v>5</v>
      </c>
      <c r="K85" s="18">
        <v>37</v>
      </c>
      <c r="L85" s="18">
        <v>245</v>
      </c>
      <c r="M85" s="18">
        <v>13676</v>
      </c>
      <c r="N85" s="18">
        <v>249</v>
      </c>
      <c r="O85" s="18">
        <v>5</v>
      </c>
      <c r="P85" s="18">
        <v>80</v>
      </c>
      <c r="Q85" s="18">
        <v>164</v>
      </c>
      <c r="R85" s="18">
        <v>9471</v>
      </c>
    </row>
    <row r="86" spans="1:18">
      <c r="A86" s="21" t="s">
        <v>1003</v>
      </c>
      <c r="B86" s="10" t="s">
        <v>25</v>
      </c>
      <c r="C86" s="11" t="s">
        <v>25</v>
      </c>
      <c r="D86" s="18">
        <v>554</v>
      </c>
      <c r="E86" s="18">
        <v>6</v>
      </c>
      <c r="F86" s="18">
        <v>141</v>
      </c>
      <c r="G86" s="18">
        <v>402</v>
      </c>
      <c r="H86" s="18">
        <v>23145</v>
      </c>
      <c r="I86" s="18">
        <v>292</v>
      </c>
      <c r="J86" s="18">
        <v>3</v>
      </c>
      <c r="K86" s="18">
        <v>38</v>
      </c>
      <c r="L86" s="18">
        <v>248</v>
      </c>
      <c r="M86" s="18">
        <v>13507</v>
      </c>
      <c r="N86" s="18">
        <v>262</v>
      </c>
      <c r="O86" s="18">
        <v>3</v>
      </c>
      <c r="P86" s="18">
        <v>103</v>
      </c>
      <c r="Q86" s="18">
        <v>154</v>
      </c>
      <c r="R86" s="18">
        <v>9638</v>
      </c>
    </row>
    <row r="87" spans="1:18">
      <c r="A87" s="21" t="s">
        <v>1004</v>
      </c>
      <c r="B87" s="10" t="s">
        <v>25</v>
      </c>
      <c r="C87" s="11" t="s">
        <v>25</v>
      </c>
      <c r="D87" s="17">
        <v>981</v>
      </c>
      <c r="E87" s="17">
        <v>22</v>
      </c>
      <c r="F87" s="17">
        <v>273</v>
      </c>
      <c r="G87" s="17">
        <v>685</v>
      </c>
      <c r="H87" s="17">
        <v>40178</v>
      </c>
      <c r="I87" s="17">
        <v>545</v>
      </c>
      <c r="J87" s="17">
        <v>12</v>
      </c>
      <c r="K87" s="17">
        <v>91</v>
      </c>
      <c r="L87" s="17">
        <v>442</v>
      </c>
      <c r="M87" s="17">
        <v>24866</v>
      </c>
      <c r="N87" s="17">
        <v>436</v>
      </c>
      <c r="O87" s="17">
        <v>10</v>
      </c>
      <c r="P87" s="17">
        <v>182</v>
      </c>
      <c r="Q87" s="17">
        <v>243</v>
      </c>
      <c r="R87" s="17">
        <v>15312</v>
      </c>
    </row>
    <row r="88" spans="1:18">
      <c r="A88" s="21" t="s">
        <v>1005</v>
      </c>
      <c r="B88" s="10" t="s">
        <v>25</v>
      </c>
      <c r="C88" s="11" t="s">
        <v>25</v>
      </c>
      <c r="D88" s="17">
        <v>242</v>
      </c>
      <c r="E88" s="17">
        <v>11</v>
      </c>
      <c r="F88" s="17">
        <v>81</v>
      </c>
      <c r="G88" s="17">
        <v>150</v>
      </c>
      <c r="H88" s="17">
        <v>9010</v>
      </c>
      <c r="I88" s="17">
        <v>129</v>
      </c>
      <c r="J88" s="17">
        <v>7</v>
      </c>
      <c r="K88" s="17">
        <v>28</v>
      </c>
      <c r="L88" s="17">
        <v>94</v>
      </c>
      <c r="M88" s="17">
        <v>5328</v>
      </c>
      <c r="N88" s="17">
        <v>113</v>
      </c>
      <c r="O88" s="17">
        <v>4</v>
      </c>
      <c r="P88" s="17">
        <v>53</v>
      </c>
      <c r="Q88" s="17">
        <v>56</v>
      </c>
      <c r="R88" s="17">
        <v>3682</v>
      </c>
    </row>
    <row r="89" spans="1:18">
      <c r="A89" s="21" t="s">
        <v>1006</v>
      </c>
      <c r="B89" s="10" t="s">
        <v>25</v>
      </c>
      <c r="C89" s="11" t="s">
        <v>25</v>
      </c>
      <c r="D89" s="17">
        <v>265</v>
      </c>
      <c r="E89" s="17">
        <v>3</v>
      </c>
      <c r="F89" s="17">
        <v>83</v>
      </c>
      <c r="G89" s="17">
        <v>179</v>
      </c>
      <c r="H89" s="17">
        <v>10872</v>
      </c>
      <c r="I89" s="17">
        <v>139</v>
      </c>
      <c r="J89" s="17">
        <v>1</v>
      </c>
      <c r="K89" s="17">
        <v>26</v>
      </c>
      <c r="L89" s="17">
        <v>112</v>
      </c>
      <c r="M89" s="17">
        <v>6429</v>
      </c>
      <c r="N89" s="17">
        <v>126</v>
      </c>
      <c r="O89" s="17">
        <v>2</v>
      </c>
      <c r="P89" s="17">
        <v>57</v>
      </c>
      <c r="Q89" s="17">
        <v>67</v>
      </c>
      <c r="R89" s="17">
        <v>4443</v>
      </c>
    </row>
    <row r="90" spans="1:18">
      <c r="A90" s="21" t="s">
        <v>1007</v>
      </c>
      <c r="B90" s="10" t="s">
        <v>25</v>
      </c>
      <c r="C90" s="11" t="s">
        <v>25</v>
      </c>
      <c r="D90" s="17">
        <v>474</v>
      </c>
      <c r="E90" s="17">
        <v>8</v>
      </c>
      <c r="F90" s="17">
        <v>109</v>
      </c>
      <c r="G90" s="17">
        <v>356</v>
      </c>
      <c r="H90" s="17">
        <v>20296</v>
      </c>
      <c r="I90" s="17">
        <v>277</v>
      </c>
      <c r="J90" s="17">
        <v>4</v>
      </c>
      <c r="K90" s="17">
        <v>37</v>
      </c>
      <c r="L90" s="17">
        <v>236</v>
      </c>
      <c r="M90" s="17">
        <v>13109</v>
      </c>
      <c r="N90" s="17">
        <v>197</v>
      </c>
      <c r="O90" s="17">
        <v>4</v>
      </c>
      <c r="P90" s="17">
        <v>72</v>
      </c>
      <c r="Q90" s="17">
        <v>120</v>
      </c>
      <c r="R90" s="17">
        <v>7187</v>
      </c>
    </row>
    <row r="91" spans="1:18">
      <c r="A91" s="21" t="s">
        <v>1008</v>
      </c>
      <c r="B91" s="10" t="s">
        <v>25</v>
      </c>
      <c r="C91" s="11" t="s">
        <v>25</v>
      </c>
      <c r="D91" s="17">
        <v>573</v>
      </c>
      <c r="E91" s="17">
        <v>15</v>
      </c>
      <c r="F91" s="17">
        <v>136</v>
      </c>
      <c r="G91" s="17">
        <v>420</v>
      </c>
      <c r="H91" s="17">
        <v>23782</v>
      </c>
      <c r="I91" s="17">
        <v>311</v>
      </c>
      <c r="J91" s="17">
        <v>13</v>
      </c>
      <c r="K91" s="17">
        <v>39</v>
      </c>
      <c r="L91" s="17">
        <v>257</v>
      </c>
      <c r="M91" s="17">
        <v>14087</v>
      </c>
      <c r="N91" s="17">
        <v>262</v>
      </c>
      <c r="O91" s="18">
        <v>2</v>
      </c>
      <c r="P91" s="17">
        <v>97</v>
      </c>
      <c r="Q91" s="17">
        <v>163</v>
      </c>
      <c r="R91" s="17">
        <v>9695</v>
      </c>
    </row>
    <row r="92" spans="1:18">
      <c r="A92" s="21" t="s">
        <v>1009</v>
      </c>
      <c r="B92" s="10" t="s">
        <v>25</v>
      </c>
      <c r="C92" s="11" t="s">
        <v>25</v>
      </c>
      <c r="D92" s="17">
        <v>341</v>
      </c>
      <c r="E92" s="17">
        <v>11</v>
      </c>
      <c r="F92" s="17">
        <v>85</v>
      </c>
      <c r="G92" s="17">
        <v>245</v>
      </c>
      <c r="H92" s="17">
        <v>13985</v>
      </c>
      <c r="I92" s="17">
        <v>180</v>
      </c>
      <c r="J92" s="17">
        <v>11</v>
      </c>
      <c r="K92" s="17">
        <v>22</v>
      </c>
      <c r="L92" s="17">
        <v>147</v>
      </c>
      <c r="M92" s="17">
        <v>7998</v>
      </c>
      <c r="N92" s="17">
        <v>161</v>
      </c>
      <c r="O92" s="17" t="s">
        <v>35</v>
      </c>
      <c r="P92" s="17">
        <v>63</v>
      </c>
      <c r="Q92" s="17">
        <v>98</v>
      </c>
      <c r="R92" s="17">
        <v>5987</v>
      </c>
    </row>
    <row r="93" spans="1:18">
      <c r="A93" s="21" t="s">
        <v>1010</v>
      </c>
      <c r="B93" s="10" t="s">
        <v>25</v>
      </c>
      <c r="C93" s="11" t="s">
        <v>25</v>
      </c>
      <c r="D93" s="17">
        <v>232</v>
      </c>
      <c r="E93" s="17">
        <v>4</v>
      </c>
      <c r="F93" s="17">
        <v>51</v>
      </c>
      <c r="G93" s="17">
        <v>175</v>
      </c>
      <c r="H93" s="17">
        <v>9797</v>
      </c>
      <c r="I93" s="17">
        <v>131</v>
      </c>
      <c r="J93" s="17">
        <v>2</v>
      </c>
      <c r="K93" s="17">
        <v>17</v>
      </c>
      <c r="L93" s="17">
        <v>110</v>
      </c>
      <c r="M93" s="17">
        <v>6089</v>
      </c>
      <c r="N93" s="17">
        <v>101</v>
      </c>
      <c r="O93" s="17">
        <v>2</v>
      </c>
      <c r="P93" s="17">
        <v>34</v>
      </c>
      <c r="Q93" s="17">
        <v>65</v>
      </c>
      <c r="R93" s="17">
        <v>3708</v>
      </c>
    </row>
    <row r="94" spans="1:18">
      <c r="B94" s="28"/>
      <c r="C94" s="28"/>
    </row>
    <row r="95" spans="1:18">
      <c r="B95" s="28"/>
      <c r="C95" s="28"/>
    </row>
    <row r="96" spans="1:18">
      <c r="B96" s="28"/>
      <c r="C96" s="28"/>
    </row>
    <row r="97" spans="2:3">
      <c r="B97" s="28"/>
      <c r="C97" s="28"/>
    </row>
    <row r="98" spans="2:3">
      <c r="B98" s="28"/>
      <c r="C98" s="28"/>
    </row>
    <row r="99" spans="2:3">
      <c r="B99" s="28"/>
      <c r="C99" s="28"/>
    </row>
    <row r="100" spans="2:3">
      <c r="B100" s="28"/>
      <c r="C100" s="28"/>
    </row>
    <row r="101" spans="2:3">
      <c r="B101" s="28"/>
      <c r="C101" s="28"/>
    </row>
    <row r="102" spans="2:3">
      <c r="B102" s="28"/>
      <c r="C102" s="28"/>
    </row>
    <row r="103" spans="2:3">
      <c r="B103" s="28"/>
      <c r="C103" s="28"/>
    </row>
    <row r="104" spans="2:3">
      <c r="B104" s="28"/>
      <c r="C104" s="28"/>
    </row>
    <row r="105" spans="2:3">
      <c r="B105" s="28"/>
      <c r="C105" s="28"/>
    </row>
    <row r="106" spans="2:3">
      <c r="B106" s="28"/>
      <c r="C106" s="28"/>
    </row>
    <row r="107" spans="2:3">
      <c r="B107" s="28"/>
      <c r="C107" s="28"/>
    </row>
    <row r="108" spans="2:3">
      <c r="B108" s="28"/>
      <c r="C108" s="28"/>
    </row>
    <row r="109" spans="2:3">
      <c r="B109" s="28"/>
      <c r="C109" s="28"/>
    </row>
    <row r="110" spans="2:3">
      <c r="B110" s="28"/>
      <c r="C110" s="28"/>
    </row>
  </sheetData>
  <mergeCells count="7">
    <mergeCell ref="A1:D1"/>
    <mergeCell ref="A3:R3"/>
    <mergeCell ref="A6:A7"/>
    <mergeCell ref="B6:C7"/>
    <mergeCell ref="D6:H6"/>
    <mergeCell ref="I6:M6"/>
    <mergeCell ref="N6:R6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65" fitToHeight="0" pageOrder="overThenDown" orientation="landscape" horizontalDpi="300" verticalDpi="300" r:id="rId1"/>
  <headerFooter alignWithMargins="0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R107"/>
  <sheetViews>
    <sheetView zoomScaleNormal="100" workbookViewId="0">
      <selection sqref="A1:D1"/>
    </sheetView>
  </sheetViews>
  <sheetFormatPr defaultRowHeight="13.5"/>
  <cols>
    <col min="1" max="1" width="25.83203125" style="12" customWidth="1"/>
    <col min="2" max="3" width="4.83203125" style="12" customWidth="1"/>
    <col min="4" max="4" width="22.1640625" style="9" customWidth="1"/>
    <col min="5" max="5" width="13.6640625" style="9" bestFit="1" customWidth="1"/>
    <col min="6" max="7" width="19.5" style="9" bestFit="1" customWidth="1"/>
    <col min="8" max="8" width="30.33203125" style="9" bestFit="1" customWidth="1"/>
    <col min="9" max="9" width="22.1640625" style="9" customWidth="1"/>
    <col min="10" max="10" width="13.6640625" style="9" bestFit="1" customWidth="1"/>
    <col min="11" max="12" width="19.5" style="9" bestFit="1" customWidth="1"/>
    <col min="13" max="13" width="30.33203125" style="9" bestFit="1" customWidth="1"/>
    <col min="14" max="14" width="22.6640625" style="9" customWidth="1"/>
    <col min="15" max="15" width="13.6640625" style="9" bestFit="1" customWidth="1"/>
    <col min="16" max="17" width="19.5" style="9" bestFit="1" customWidth="1"/>
    <col min="18" max="18" width="30.33203125" style="9" bestFit="1" customWidth="1"/>
    <col min="19" max="16384" width="9.33203125" style="9"/>
  </cols>
  <sheetData>
    <row r="1" spans="1:18" s="1" customFormat="1" ht="16.5" customHeight="1">
      <c r="A1" s="37" t="s">
        <v>0</v>
      </c>
      <c r="B1" s="37"/>
      <c r="C1" s="37"/>
      <c r="D1" s="37"/>
      <c r="E1" s="31"/>
      <c r="F1" s="31"/>
      <c r="G1" s="31"/>
      <c r="H1" s="31"/>
      <c r="I1" s="32"/>
      <c r="J1" s="32"/>
      <c r="K1" s="32"/>
      <c r="L1" s="32"/>
      <c r="M1" s="32"/>
      <c r="N1" s="32"/>
      <c r="O1" s="32"/>
      <c r="P1" s="31"/>
      <c r="Q1" s="31"/>
      <c r="R1" s="31"/>
    </row>
    <row r="2" spans="1:18" s="1" customFormat="1" ht="16.5" customHeight="1">
      <c r="D2" s="31"/>
      <c r="E2" s="31"/>
      <c r="F2" s="31"/>
      <c r="G2" s="31"/>
      <c r="H2" s="31"/>
      <c r="I2" s="32"/>
      <c r="J2" s="32"/>
      <c r="K2" s="32"/>
      <c r="L2" s="32"/>
      <c r="M2" s="32"/>
      <c r="N2" s="32"/>
      <c r="O2" s="32"/>
      <c r="P2" s="31"/>
      <c r="Q2" s="31"/>
      <c r="R2" s="31"/>
    </row>
    <row r="3" spans="1:18">
      <c r="A3" s="38" t="s">
        <v>2462</v>
      </c>
      <c r="B3" s="38"/>
      <c r="C3" s="38"/>
      <c r="D3" s="38"/>
      <c r="E3" s="38"/>
      <c r="F3" s="38"/>
      <c r="G3" s="38"/>
      <c r="H3" s="38"/>
      <c r="I3" s="38"/>
      <c r="J3" s="38"/>
      <c r="K3" s="38"/>
      <c r="L3" s="38"/>
      <c r="M3" s="38"/>
      <c r="N3" s="38"/>
      <c r="O3" s="38"/>
      <c r="P3" s="38"/>
      <c r="Q3" s="38"/>
      <c r="R3" s="38"/>
    </row>
    <row r="4" spans="1:18">
      <c r="A4" s="9"/>
      <c r="B4" s="9"/>
      <c r="C4" s="9"/>
    </row>
    <row r="6" spans="1:18" ht="13.5" customHeight="1">
      <c r="A6" s="48" t="s">
        <v>26</v>
      </c>
      <c r="B6" s="41" t="s">
        <v>27</v>
      </c>
      <c r="C6" s="42"/>
      <c r="D6" s="45" t="s">
        <v>2463</v>
      </c>
      <c r="E6" s="46"/>
      <c r="F6" s="46"/>
      <c r="G6" s="46"/>
      <c r="H6" s="47"/>
      <c r="I6" s="45" t="s">
        <v>2464</v>
      </c>
      <c r="J6" s="46"/>
      <c r="K6" s="46"/>
      <c r="L6" s="46"/>
      <c r="M6" s="47"/>
      <c r="N6" s="45" t="s">
        <v>2465</v>
      </c>
      <c r="O6" s="46"/>
      <c r="P6" s="46"/>
      <c r="Q6" s="46"/>
      <c r="R6" s="47"/>
    </row>
    <row r="7" spans="1:18" s="23" customFormat="1">
      <c r="A7" s="49"/>
      <c r="B7" s="43"/>
      <c r="C7" s="44"/>
      <c r="D7" s="29" t="s">
        <v>2466</v>
      </c>
      <c r="E7" s="29" t="s">
        <v>2467</v>
      </c>
      <c r="F7" s="29" t="s">
        <v>2468</v>
      </c>
      <c r="G7" s="29" t="s">
        <v>2469</v>
      </c>
      <c r="H7" s="29" t="s">
        <v>2470</v>
      </c>
      <c r="I7" s="29" t="s">
        <v>2471</v>
      </c>
      <c r="J7" s="29" t="s">
        <v>2467</v>
      </c>
      <c r="K7" s="29" t="s">
        <v>2468</v>
      </c>
      <c r="L7" s="29" t="s">
        <v>2469</v>
      </c>
      <c r="M7" s="29" t="s">
        <v>2470</v>
      </c>
      <c r="N7" s="29" t="s">
        <v>2471</v>
      </c>
      <c r="O7" s="29" t="s">
        <v>2467</v>
      </c>
      <c r="P7" s="29" t="s">
        <v>2468</v>
      </c>
      <c r="Q7" s="29" t="s">
        <v>2469</v>
      </c>
      <c r="R7" s="29" t="s">
        <v>2470</v>
      </c>
    </row>
    <row r="8" spans="1:18" s="15" customFormat="1">
      <c r="A8" s="20" t="s">
        <v>1011</v>
      </c>
      <c r="B8" s="13" t="s">
        <v>25</v>
      </c>
      <c r="C8" s="14"/>
      <c r="D8" s="16">
        <v>43766</v>
      </c>
      <c r="E8" s="16">
        <v>692</v>
      </c>
      <c r="F8" s="16">
        <v>10271</v>
      </c>
      <c r="G8" s="16">
        <v>32736</v>
      </c>
      <c r="H8" s="16">
        <v>1790989</v>
      </c>
      <c r="I8" s="16">
        <v>26095</v>
      </c>
      <c r="J8" s="16">
        <v>388</v>
      </c>
      <c r="K8" s="16">
        <v>2970</v>
      </c>
      <c r="L8" s="16">
        <v>22691</v>
      </c>
      <c r="M8" s="16">
        <v>1196915</v>
      </c>
      <c r="N8" s="16">
        <v>17671</v>
      </c>
      <c r="O8" s="16">
        <v>304</v>
      </c>
      <c r="P8" s="16">
        <v>7301</v>
      </c>
      <c r="Q8" s="16">
        <v>10045</v>
      </c>
      <c r="R8" s="16">
        <v>594074</v>
      </c>
    </row>
    <row r="9" spans="1:18">
      <c r="A9" s="30" t="s">
        <v>1012</v>
      </c>
      <c r="B9" s="10" t="s">
        <v>25</v>
      </c>
      <c r="C9" s="11"/>
      <c r="D9" s="17">
        <v>1719</v>
      </c>
      <c r="E9" s="17">
        <v>33</v>
      </c>
      <c r="F9" s="17">
        <v>475</v>
      </c>
      <c r="G9" s="17">
        <v>1209</v>
      </c>
      <c r="H9" s="17">
        <v>67566</v>
      </c>
      <c r="I9" s="17">
        <v>918</v>
      </c>
      <c r="J9" s="17">
        <v>18</v>
      </c>
      <c r="K9" s="17">
        <v>146</v>
      </c>
      <c r="L9" s="17">
        <v>753</v>
      </c>
      <c r="M9" s="17">
        <v>40405</v>
      </c>
      <c r="N9" s="17">
        <v>801</v>
      </c>
      <c r="O9" s="17">
        <v>15</v>
      </c>
      <c r="P9" s="17">
        <v>329</v>
      </c>
      <c r="Q9" s="17">
        <v>456</v>
      </c>
      <c r="R9" s="17">
        <v>27161</v>
      </c>
    </row>
    <row r="10" spans="1:18">
      <c r="A10" s="21" t="s">
        <v>1013</v>
      </c>
      <c r="B10" s="10" t="s">
        <v>25</v>
      </c>
      <c r="C10" s="11"/>
      <c r="D10" s="17">
        <v>490</v>
      </c>
      <c r="E10" s="17">
        <v>8</v>
      </c>
      <c r="F10" s="17">
        <v>139</v>
      </c>
      <c r="G10" s="17">
        <v>342</v>
      </c>
      <c r="H10" s="17">
        <v>19272</v>
      </c>
      <c r="I10" s="17">
        <v>273</v>
      </c>
      <c r="J10" s="17">
        <v>5</v>
      </c>
      <c r="K10" s="17">
        <v>52</v>
      </c>
      <c r="L10" s="17">
        <v>216</v>
      </c>
      <c r="M10" s="17">
        <v>11942</v>
      </c>
      <c r="N10" s="17">
        <v>217</v>
      </c>
      <c r="O10" s="17">
        <v>3</v>
      </c>
      <c r="P10" s="17">
        <v>87</v>
      </c>
      <c r="Q10" s="17">
        <v>126</v>
      </c>
      <c r="R10" s="17">
        <v>7330</v>
      </c>
    </row>
    <row r="11" spans="1:18">
      <c r="A11" s="21" t="s">
        <v>1014</v>
      </c>
      <c r="B11" s="10" t="s">
        <v>25</v>
      </c>
      <c r="C11" s="11"/>
      <c r="D11" s="17">
        <v>589</v>
      </c>
      <c r="E11" s="17">
        <v>10</v>
      </c>
      <c r="F11" s="17">
        <v>156</v>
      </c>
      <c r="G11" s="17">
        <v>422</v>
      </c>
      <c r="H11" s="17">
        <v>23590</v>
      </c>
      <c r="I11" s="17">
        <v>310</v>
      </c>
      <c r="J11" s="17">
        <v>6</v>
      </c>
      <c r="K11" s="17">
        <v>40</v>
      </c>
      <c r="L11" s="17">
        <v>263</v>
      </c>
      <c r="M11" s="17">
        <v>13940</v>
      </c>
      <c r="N11" s="17">
        <v>279</v>
      </c>
      <c r="O11" s="17">
        <v>4</v>
      </c>
      <c r="P11" s="17">
        <v>116</v>
      </c>
      <c r="Q11" s="17">
        <v>159</v>
      </c>
      <c r="R11" s="17">
        <v>9650</v>
      </c>
    </row>
    <row r="12" spans="1:18">
      <c r="A12" s="21" t="s">
        <v>1015</v>
      </c>
      <c r="B12" s="10" t="s">
        <v>25</v>
      </c>
      <c r="C12" s="11"/>
      <c r="D12" s="17">
        <v>640</v>
      </c>
      <c r="E12" s="17">
        <v>15</v>
      </c>
      <c r="F12" s="17">
        <v>180</v>
      </c>
      <c r="G12" s="17">
        <v>445</v>
      </c>
      <c r="H12" s="17">
        <v>24704</v>
      </c>
      <c r="I12" s="17">
        <v>335</v>
      </c>
      <c r="J12" s="17">
        <v>7</v>
      </c>
      <c r="K12" s="17">
        <v>54</v>
      </c>
      <c r="L12" s="17">
        <v>274</v>
      </c>
      <c r="M12" s="17">
        <v>14523</v>
      </c>
      <c r="N12" s="17">
        <v>305</v>
      </c>
      <c r="O12" s="17">
        <v>8</v>
      </c>
      <c r="P12" s="17">
        <v>126</v>
      </c>
      <c r="Q12" s="17">
        <v>171</v>
      </c>
      <c r="R12" s="17">
        <v>10181</v>
      </c>
    </row>
    <row r="13" spans="1:18">
      <c r="A13" s="21" t="s">
        <v>1016</v>
      </c>
      <c r="B13" s="10" t="s">
        <v>25</v>
      </c>
      <c r="C13" s="11"/>
      <c r="D13" s="17">
        <v>1554</v>
      </c>
      <c r="E13" s="17">
        <v>30</v>
      </c>
      <c r="F13" s="17">
        <v>362</v>
      </c>
      <c r="G13" s="17">
        <v>1158</v>
      </c>
      <c r="H13" s="17">
        <v>63331</v>
      </c>
      <c r="I13" s="17">
        <v>912</v>
      </c>
      <c r="J13" s="17">
        <v>20</v>
      </c>
      <c r="K13" s="17">
        <v>106</v>
      </c>
      <c r="L13" s="17">
        <v>782</v>
      </c>
      <c r="M13" s="17">
        <v>41331</v>
      </c>
      <c r="N13" s="17">
        <v>642</v>
      </c>
      <c r="O13" s="17">
        <v>10</v>
      </c>
      <c r="P13" s="17">
        <v>256</v>
      </c>
      <c r="Q13" s="17">
        <v>376</v>
      </c>
      <c r="R13" s="17">
        <v>22000</v>
      </c>
    </row>
    <row r="14" spans="1:18">
      <c r="A14" s="21" t="s">
        <v>1017</v>
      </c>
      <c r="B14" s="10" t="s">
        <v>25</v>
      </c>
      <c r="C14" s="11"/>
      <c r="D14" s="17">
        <v>637</v>
      </c>
      <c r="E14" s="17">
        <v>13</v>
      </c>
      <c r="F14" s="17">
        <v>149</v>
      </c>
      <c r="G14" s="17">
        <v>472</v>
      </c>
      <c r="H14" s="17">
        <v>25666</v>
      </c>
      <c r="I14" s="17">
        <v>368</v>
      </c>
      <c r="J14" s="17">
        <v>9</v>
      </c>
      <c r="K14" s="17">
        <v>46</v>
      </c>
      <c r="L14" s="17">
        <v>310</v>
      </c>
      <c r="M14" s="17">
        <v>16258</v>
      </c>
      <c r="N14" s="17">
        <v>269</v>
      </c>
      <c r="O14" s="18">
        <v>4</v>
      </c>
      <c r="P14" s="17">
        <v>103</v>
      </c>
      <c r="Q14" s="18">
        <v>162</v>
      </c>
      <c r="R14" s="17">
        <v>9408</v>
      </c>
    </row>
    <row r="15" spans="1:18">
      <c r="A15" s="21" t="s">
        <v>1018</v>
      </c>
      <c r="B15" s="10" t="s">
        <v>25</v>
      </c>
      <c r="C15" s="11"/>
      <c r="D15" s="17">
        <v>917</v>
      </c>
      <c r="E15" s="17">
        <v>17</v>
      </c>
      <c r="F15" s="18">
        <v>213</v>
      </c>
      <c r="G15" s="17">
        <v>686</v>
      </c>
      <c r="H15" s="17">
        <v>37665</v>
      </c>
      <c r="I15" s="17">
        <v>544</v>
      </c>
      <c r="J15" s="17">
        <v>11</v>
      </c>
      <c r="K15" s="18">
        <v>60</v>
      </c>
      <c r="L15" s="17">
        <v>472</v>
      </c>
      <c r="M15" s="17">
        <v>25073</v>
      </c>
      <c r="N15" s="17">
        <v>373</v>
      </c>
      <c r="O15" s="18">
        <v>6</v>
      </c>
      <c r="P15" s="18">
        <v>153</v>
      </c>
      <c r="Q15" s="17">
        <v>214</v>
      </c>
      <c r="R15" s="17">
        <v>12592</v>
      </c>
    </row>
    <row r="16" spans="1:18">
      <c r="A16" s="21" t="s">
        <v>1019</v>
      </c>
      <c r="B16" s="10" t="s">
        <v>25</v>
      </c>
      <c r="C16" s="11"/>
      <c r="D16" s="17">
        <v>3246</v>
      </c>
      <c r="E16" s="17">
        <v>57</v>
      </c>
      <c r="F16" s="18">
        <v>719</v>
      </c>
      <c r="G16" s="18">
        <v>2467</v>
      </c>
      <c r="H16" s="18">
        <v>134520</v>
      </c>
      <c r="I16" s="18">
        <v>1841</v>
      </c>
      <c r="J16" s="18">
        <v>28</v>
      </c>
      <c r="K16" s="18">
        <v>207</v>
      </c>
      <c r="L16" s="18">
        <v>1605</v>
      </c>
      <c r="M16" s="18">
        <v>85189</v>
      </c>
      <c r="N16" s="17">
        <v>1405</v>
      </c>
      <c r="O16" s="17">
        <v>29</v>
      </c>
      <c r="P16" s="18">
        <v>512</v>
      </c>
      <c r="Q16" s="18">
        <v>862</v>
      </c>
      <c r="R16" s="18">
        <v>49331</v>
      </c>
    </row>
    <row r="17" spans="1:18">
      <c r="A17" s="21" t="s">
        <v>1020</v>
      </c>
      <c r="B17" s="10" t="s">
        <v>25</v>
      </c>
      <c r="C17" s="11"/>
      <c r="D17" s="17">
        <v>1548</v>
      </c>
      <c r="E17" s="17">
        <v>28</v>
      </c>
      <c r="F17" s="17">
        <v>331</v>
      </c>
      <c r="G17" s="17">
        <v>1186</v>
      </c>
      <c r="H17" s="17">
        <v>64468</v>
      </c>
      <c r="I17" s="17">
        <v>859</v>
      </c>
      <c r="J17" s="17">
        <v>15</v>
      </c>
      <c r="K17" s="17">
        <v>98</v>
      </c>
      <c r="L17" s="17">
        <v>745</v>
      </c>
      <c r="M17" s="17">
        <v>39606</v>
      </c>
      <c r="N17" s="17">
        <v>689</v>
      </c>
      <c r="O17" s="17">
        <v>13</v>
      </c>
      <c r="P17" s="17">
        <v>233</v>
      </c>
      <c r="Q17" s="17">
        <v>441</v>
      </c>
      <c r="R17" s="17">
        <v>24862</v>
      </c>
    </row>
    <row r="18" spans="1:18">
      <c r="A18" s="21" t="s">
        <v>1021</v>
      </c>
      <c r="B18" s="10" t="s">
        <v>25</v>
      </c>
      <c r="C18" s="11"/>
      <c r="D18" s="18">
        <v>1291</v>
      </c>
      <c r="E18" s="18">
        <v>22</v>
      </c>
      <c r="F18" s="18">
        <v>290</v>
      </c>
      <c r="G18" s="18">
        <v>979</v>
      </c>
      <c r="H18" s="18">
        <v>53605</v>
      </c>
      <c r="I18" s="18">
        <v>747</v>
      </c>
      <c r="J18" s="18">
        <v>9</v>
      </c>
      <c r="K18" s="18">
        <v>84</v>
      </c>
      <c r="L18" s="18">
        <v>654</v>
      </c>
      <c r="M18" s="18">
        <v>34972</v>
      </c>
      <c r="N18" s="18">
        <v>544</v>
      </c>
      <c r="O18" s="18">
        <v>13</v>
      </c>
      <c r="P18" s="18">
        <v>206</v>
      </c>
      <c r="Q18" s="18">
        <v>325</v>
      </c>
      <c r="R18" s="18">
        <v>18633</v>
      </c>
    </row>
    <row r="19" spans="1:18">
      <c r="A19" s="21" t="s">
        <v>1022</v>
      </c>
      <c r="B19" s="10" t="s">
        <v>25</v>
      </c>
      <c r="C19" s="11"/>
      <c r="D19" s="17">
        <v>407</v>
      </c>
      <c r="E19" s="17">
        <v>7</v>
      </c>
      <c r="F19" s="17">
        <v>98</v>
      </c>
      <c r="G19" s="17">
        <v>302</v>
      </c>
      <c r="H19" s="17">
        <v>16447</v>
      </c>
      <c r="I19" s="17">
        <v>235</v>
      </c>
      <c r="J19" s="17">
        <v>4</v>
      </c>
      <c r="K19" s="17">
        <v>25</v>
      </c>
      <c r="L19" s="17">
        <v>206</v>
      </c>
      <c r="M19" s="17">
        <v>10611</v>
      </c>
      <c r="N19" s="17">
        <v>172</v>
      </c>
      <c r="O19" s="17">
        <v>3</v>
      </c>
      <c r="P19" s="17">
        <v>73</v>
      </c>
      <c r="Q19" s="17">
        <v>96</v>
      </c>
      <c r="R19" s="17">
        <v>5836</v>
      </c>
    </row>
    <row r="20" spans="1:18">
      <c r="A20" s="21" t="s">
        <v>1023</v>
      </c>
      <c r="B20" s="10" t="s">
        <v>25</v>
      </c>
      <c r="C20" s="11"/>
      <c r="D20" s="18">
        <v>3096</v>
      </c>
      <c r="E20" s="18">
        <v>45</v>
      </c>
      <c r="F20" s="18">
        <v>769</v>
      </c>
      <c r="G20" s="18">
        <v>2274</v>
      </c>
      <c r="H20" s="18">
        <v>125993</v>
      </c>
      <c r="I20" s="18">
        <v>1787</v>
      </c>
      <c r="J20" s="18">
        <v>27</v>
      </c>
      <c r="K20" s="18">
        <v>208</v>
      </c>
      <c r="L20" s="18">
        <v>1545</v>
      </c>
      <c r="M20" s="18">
        <v>82344</v>
      </c>
      <c r="N20" s="18">
        <v>1309</v>
      </c>
      <c r="O20" s="18">
        <v>18</v>
      </c>
      <c r="P20" s="18">
        <v>561</v>
      </c>
      <c r="Q20" s="18">
        <v>729</v>
      </c>
      <c r="R20" s="18">
        <v>43649</v>
      </c>
    </row>
    <row r="21" spans="1:18">
      <c r="A21" s="21" t="s">
        <v>1024</v>
      </c>
      <c r="B21" s="10" t="s">
        <v>25</v>
      </c>
      <c r="C21" s="11"/>
      <c r="D21" s="17">
        <v>926</v>
      </c>
      <c r="E21" s="17">
        <v>13</v>
      </c>
      <c r="F21" s="17">
        <v>224</v>
      </c>
      <c r="G21" s="17">
        <v>685</v>
      </c>
      <c r="H21" s="17">
        <v>38001</v>
      </c>
      <c r="I21" s="17">
        <v>559</v>
      </c>
      <c r="J21" s="17">
        <v>10</v>
      </c>
      <c r="K21" s="17">
        <v>74</v>
      </c>
      <c r="L21" s="17">
        <v>471</v>
      </c>
      <c r="M21" s="17">
        <v>25375</v>
      </c>
      <c r="N21" s="17">
        <v>367</v>
      </c>
      <c r="O21" s="17">
        <v>3</v>
      </c>
      <c r="P21" s="17">
        <v>150</v>
      </c>
      <c r="Q21" s="17">
        <v>214</v>
      </c>
      <c r="R21" s="17">
        <v>12626</v>
      </c>
    </row>
    <row r="22" spans="1:18">
      <c r="A22" s="21" t="s">
        <v>1025</v>
      </c>
      <c r="B22" s="10" t="s">
        <v>25</v>
      </c>
      <c r="C22" s="11"/>
      <c r="D22" s="17">
        <v>806</v>
      </c>
      <c r="E22" s="17">
        <v>17</v>
      </c>
      <c r="F22" s="17">
        <v>188</v>
      </c>
      <c r="G22" s="17">
        <v>598</v>
      </c>
      <c r="H22" s="17">
        <v>33062</v>
      </c>
      <c r="I22" s="17">
        <v>471</v>
      </c>
      <c r="J22" s="17">
        <v>8</v>
      </c>
      <c r="K22" s="17">
        <v>38</v>
      </c>
      <c r="L22" s="17">
        <v>423</v>
      </c>
      <c r="M22" s="17">
        <v>22390</v>
      </c>
      <c r="N22" s="17">
        <v>335</v>
      </c>
      <c r="O22" s="17">
        <v>9</v>
      </c>
      <c r="P22" s="17">
        <v>150</v>
      </c>
      <c r="Q22" s="17">
        <v>175</v>
      </c>
      <c r="R22" s="17">
        <v>10672</v>
      </c>
    </row>
    <row r="23" spans="1:18">
      <c r="A23" s="21" t="s">
        <v>1026</v>
      </c>
      <c r="B23" s="10" t="s">
        <v>25</v>
      </c>
      <c r="C23" s="11"/>
      <c r="D23" s="17">
        <v>1075</v>
      </c>
      <c r="E23" s="18">
        <v>12</v>
      </c>
      <c r="F23" s="17">
        <v>262</v>
      </c>
      <c r="G23" s="17">
        <v>800</v>
      </c>
      <c r="H23" s="17">
        <v>43782</v>
      </c>
      <c r="I23" s="17">
        <v>604</v>
      </c>
      <c r="J23" s="18">
        <v>6</v>
      </c>
      <c r="K23" s="17">
        <v>67</v>
      </c>
      <c r="L23" s="17">
        <v>530</v>
      </c>
      <c r="M23" s="17">
        <v>27816</v>
      </c>
      <c r="N23" s="17">
        <v>471</v>
      </c>
      <c r="O23" s="18">
        <v>6</v>
      </c>
      <c r="P23" s="17">
        <v>195</v>
      </c>
      <c r="Q23" s="17">
        <v>270</v>
      </c>
      <c r="R23" s="17">
        <v>15966</v>
      </c>
    </row>
    <row r="24" spans="1:18">
      <c r="A24" s="21" t="s">
        <v>1027</v>
      </c>
      <c r="B24" s="10" t="s">
        <v>25</v>
      </c>
      <c r="C24" s="11"/>
      <c r="D24" s="17">
        <v>289</v>
      </c>
      <c r="E24" s="17">
        <v>3</v>
      </c>
      <c r="F24" s="17">
        <v>95</v>
      </c>
      <c r="G24" s="17">
        <v>191</v>
      </c>
      <c r="H24" s="17">
        <v>11148</v>
      </c>
      <c r="I24" s="17">
        <v>153</v>
      </c>
      <c r="J24" s="17">
        <v>3</v>
      </c>
      <c r="K24" s="17">
        <v>29</v>
      </c>
      <c r="L24" s="17">
        <v>121</v>
      </c>
      <c r="M24" s="17">
        <v>6763</v>
      </c>
      <c r="N24" s="17">
        <v>136</v>
      </c>
      <c r="O24" s="17" t="s">
        <v>35</v>
      </c>
      <c r="P24" s="17">
        <v>66</v>
      </c>
      <c r="Q24" s="17">
        <v>70</v>
      </c>
      <c r="R24" s="17">
        <v>4385</v>
      </c>
    </row>
    <row r="25" spans="1:18">
      <c r="A25" s="21" t="s">
        <v>1028</v>
      </c>
      <c r="B25" s="10" t="s">
        <v>25</v>
      </c>
      <c r="C25" s="11"/>
      <c r="D25" s="17">
        <v>710</v>
      </c>
      <c r="E25" s="17">
        <v>17</v>
      </c>
      <c r="F25" s="17">
        <v>143</v>
      </c>
      <c r="G25" s="17">
        <v>546</v>
      </c>
      <c r="H25" s="17">
        <v>29690</v>
      </c>
      <c r="I25" s="17">
        <v>440</v>
      </c>
      <c r="J25" s="17">
        <v>12</v>
      </c>
      <c r="K25" s="17">
        <v>46</v>
      </c>
      <c r="L25" s="17">
        <v>380</v>
      </c>
      <c r="M25" s="17">
        <v>20402</v>
      </c>
      <c r="N25" s="17">
        <v>270</v>
      </c>
      <c r="O25" s="17">
        <v>5</v>
      </c>
      <c r="P25" s="17">
        <v>97</v>
      </c>
      <c r="Q25" s="17">
        <v>166</v>
      </c>
      <c r="R25" s="17">
        <v>9288</v>
      </c>
    </row>
    <row r="26" spans="1:18">
      <c r="A26" s="21" t="s">
        <v>1029</v>
      </c>
      <c r="B26" s="10" t="s">
        <v>58</v>
      </c>
      <c r="C26" s="11" t="s">
        <v>53</v>
      </c>
      <c r="D26" s="17" t="s">
        <v>59</v>
      </c>
      <c r="E26" s="17" t="s">
        <v>59</v>
      </c>
      <c r="F26" s="17" t="s">
        <v>59</v>
      </c>
      <c r="G26" s="17" t="s">
        <v>59</v>
      </c>
      <c r="H26" s="17" t="s">
        <v>59</v>
      </c>
      <c r="I26" s="17" t="s">
        <v>59</v>
      </c>
      <c r="J26" s="17" t="s">
        <v>59</v>
      </c>
      <c r="K26" s="17" t="s">
        <v>59</v>
      </c>
      <c r="L26" s="17" t="s">
        <v>59</v>
      </c>
      <c r="M26" s="17" t="s">
        <v>59</v>
      </c>
      <c r="N26" s="17" t="s">
        <v>59</v>
      </c>
      <c r="O26" s="17" t="s">
        <v>59</v>
      </c>
      <c r="P26" s="17" t="s">
        <v>59</v>
      </c>
      <c r="Q26" s="17" t="s">
        <v>59</v>
      </c>
      <c r="R26" s="17" t="s">
        <v>59</v>
      </c>
    </row>
    <row r="27" spans="1:18">
      <c r="A27" s="21" t="s">
        <v>1030</v>
      </c>
      <c r="B27" s="10" t="s">
        <v>52</v>
      </c>
      <c r="C27" s="11" t="s">
        <v>53</v>
      </c>
      <c r="D27" s="17">
        <v>93</v>
      </c>
      <c r="E27" s="17">
        <v>1</v>
      </c>
      <c r="F27" s="17">
        <v>16</v>
      </c>
      <c r="G27" s="17">
        <v>75</v>
      </c>
      <c r="H27" s="17">
        <v>4074</v>
      </c>
      <c r="I27" s="17">
        <v>62</v>
      </c>
      <c r="J27" s="17">
        <v>1</v>
      </c>
      <c r="K27" s="17">
        <v>3</v>
      </c>
      <c r="L27" s="17">
        <v>58</v>
      </c>
      <c r="M27" s="17">
        <v>3090</v>
      </c>
      <c r="N27" s="17">
        <v>31</v>
      </c>
      <c r="O27" s="17" t="s">
        <v>35</v>
      </c>
      <c r="P27" s="17">
        <v>13</v>
      </c>
      <c r="Q27" s="17">
        <v>17</v>
      </c>
      <c r="R27" s="17">
        <v>984</v>
      </c>
    </row>
    <row r="28" spans="1:18">
      <c r="A28" s="21" t="s">
        <v>1031</v>
      </c>
      <c r="B28" s="10" t="s">
        <v>25</v>
      </c>
      <c r="C28" s="11"/>
      <c r="D28" s="17">
        <v>504</v>
      </c>
      <c r="E28" s="17">
        <v>13</v>
      </c>
      <c r="F28" s="17">
        <v>101</v>
      </c>
      <c r="G28" s="17">
        <v>387</v>
      </c>
      <c r="H28" s="17">
        <v>21166</v>
      </c>
      <c r="I28" s="17">
        <v>313</v>
      </c>
      <c r="J28" s="17">
        <v>10</v>
      </c>
      <c r="K28" s="17">
        <v>37</v>
      </c>
      <c r="L28" s="17">
        <v>264</v>
      </c>
      <c r="M28" s="17">
        <v>14374</v>
      </c>
      <c r="N28" s="17">
        <v>191</v>
      </c>
      <c r="O28" s="17">
        <v>3</v>
      </c>
      <c r="P28" s="17">
        <v>64</v>
      </c>
      <c r="Q28" s="17">
        <v>123</v>
      </c>
      <c r="R28" s="17">
        <v>6792</v>
      </c>
    </row>
    <row r="29" spans="1:18">
      <c r="A29" s="21" t="s">
        <v>1032</v>
      </c>
      <c r="B29" s="10" t="s">
        <v>25</v>
      </c>
      <c r="C29" s="11"/>
      <c r="D29" s="17">
        <v>71</v>
      </c>
      <c r="E29" s="17">
        <v>3</v>
      </c>
      <c r="F29" s="17">
        <v>13</v>
      </c>
      <c r="G29" s="17">
        <v>55</v>
      </c>
      <c r="H29" s="17">
        <v>2946</v>
      </c>
      <c r="I29" s="17">
        <v>37</v>
      </c>
      <c r="J29" s="17">
        <v>1</v>
      </c>
      <c r="K29" s="17">
        <v>1</v>
      </c>
      <c r="L29" s="17">
        <v>35</v>
      </c>
      <c r="M29" s="17">
        <v>1811</v>
      </c>
      <c r="N29" s="17">
        <v>34</v>
      </c>
      <c r="O29" s="17">
        <v>2</v>
      </c>
      <c r="P29" s="17">
        <v>12</v>
      </c>
      <c r="Q29" s="17">
        <v>20</v>
      </c>
      <c r="R29" s="17">
        <v>1135</v>
      </c>
    </row>
    <row r="30" spans="1:18">
      <c r="A30" s="21" t="s">
        <v>1033</v>
      </c>
      <c r="B30" s="10" t="s">
        <v>25</v>
      </c>
      <c r="C30" s="11"/>
      <c r="D30" s="17">
        <v>42</v>
      </c>
      <c r="E30" s="17" t="s">
        <v>35</v>
      </c>
      <c r="F30" s="17">
        <v>13</v>
      </c>
      <c r="G30" s="17">
        <v>29</v>
      </c>
      <c r="H30" s="17">
        <v>1504</v>
      </c>
      <c r="I30" s="17">
        <v>28</v>
      </c>
      <c r="J30" s="17" t="s">
        <v>35</v>
      </c>
      <c r="K30" s="17">
        <v>5</v>
      </c>
      <c r="L30" s="17">
        <v>23</v>
      </c>
      <c r="M30" s="17">
        <v>1127</v>
      </c>
      <c r="N30" s="17">
        <v>14</v>
      </c>
      <c r="O30" s="17" t="s">
        <v>35</v>
      </c>
      <c r="P30" s="17">
        <v>8</v>
      </c>
      <c r="Q30" s="17">
        <v>6</v>
      </c>
      <c r="R30" s="17">
        <v>377</v>
      </c>
    </row>
    <row r="31" spans="1:18">
      <c r="A31" s="21" t="s">
        <v>1034</v>
      </c>
      <c r="B31" s="10" t="s">
        <v>25</v>
      </c>
      <c r="C31" s="11"/>
      <c r="D31" s="17">
        <v>1539</v>
      </c>
      <c r="E31" s="17">
        <v>23</v>
      </c>
      <c r="F31" s="17">
        <v>318</v>
      </c>
      <c r="G31" s="17">
        <v>1197</v>
      </c>
      <c r="H31" s="17">
        <v>64767</v>
      </c>
      <c r="I31" s="17">
        <v>1015</v>
      </c>
      <c r="J31" s="17">
        <v>10</v>
      </c>
      <c r="K31" s="17">
        <v>100</v>
      </c>
      <c r="L31" s="17">
        <v>904</v>
      </c>
      <c r="M31" s="17">
        <v>47209</v>
      </c>
      <c r="N31" s="17">
        <v>524</v>
      </c>
      <c r="O31" s="17">
        <v>13</v>
      </c>
      <c r="P31" s="17">
        <v>218</v>
      </c>
      <c r="Q31" s="17">
        <v>293</v>
      </c>
      <c r="R31" s="17">
        <v>17558</v>
      </c>
    </row>
    <row r="32" spans="1:18">
      <c r="A32" s="21" t="s">
        <v>1035</v>
      </c>
      <c r="B32" s="10" t="s">
        <v>25</v>
      </c>
      <c r="C32" s="11"/>
      <c r="D32" s="17">
        <v>85</v>
      </c>
      <c r="E32" s="17">
        <v>2</v>
      </c>
      <c r="F32" s="17">
        <v>8</v>
      </c>
      <c r="G32" s="17">
        <v>75</v>
      </c>
      <c r="H32" s="17">
        <v>3829</v>
      </c>
      <c r="I32" s="17">
        <v>49</v>
      </c>
      <c r="J32" s="18">
        <v>1</v>
      </c>
      <c r="K32" s="17">
        <v>2</v>
      </c>
      <c r="L32" s="17">
        <v>46</v>
      </c>
      <c r="M32" s="17">
        <v>2372</v>
      </c>
      <c r="N32" s="17">
        <v>36</v>
      </c>
      <c r="O32" s="17">
        <v>1</v>
      </c>
      <c r="P32" s="17">
        <v>6</v>
      </c>
      <c r="Q32" s="17">
        <v>29</v>
      </c>
      <c r="R32" s="17">
        <v>1457</v>
      </c>
    </row>
    <row r="33" spans="1:18">
      <c r="A33" s="21" t="s">
        <v>1036</v>
      </c>
      <c r="B33" s="10" t="s">
        <v>25</v>
      </c>
      <c r="C33" s="11"/>
      <c r="D33" s="17">
        <v>862</v>
      </c>
      <c r="E33" s="17">
        <v>11</v>
      </c>
      <c r="F33" s="17">
        <v>196</v>
      </c>
      <c r="G33" s="17">
        <v>654</v>
      </c>
      <c r="H33" s="17">
        <v>36074</v>
      </c>
      <c r="I33" s="17">
        <v>532</v>
      </c>
      <c r="J33" s="17">
        <v>4</v>
      </c>
      <c r="K33" s="17">
        <v>50</v>
      </c>
      <c r="L33" s="17">
        <v>477</v>
      </c>
      <c r="M33" s="17">
        <v>25206</v>
      </c>
      <c r="N33" s="17">
        <v>330</v>
      </c>
      <c r="O33" s="17">
        <v>7</v>
      </c>
      <c r="P33" s="17">
        <v>146</v>
      </c>
      <c r="Q33" s="17">
        <v>177</v>
      </c>
      <c r="R33" s="17">
        <v>10868</v>
      </c>
    </row>
    <row r="34" spans="1:18">
      <c r="A34" s="21" t="s">
        <v>1037</v>
      </c>
      <c r="B34" s="10" t="s">
        <v>25</v>
      </c>
      <c r="C34" s="11"/>
      <c r="D34" s="18">
        <v>592</v>
      </c>
      <c r="E34" s="18">
        <v>10</v>
      </c>
      <c r="F34" s="18">
        <v>114</v>
      </c>
      <c r="G34" s="18">
        <v>468</v>
      </c>
      <c r="H34" s="18">
        <v>24864</v>
      </c>
      <c r="I34" s="18">
        <v>434</v>
      </c>
      <c r="J34" s="18">
        <v>5</v>
      </c>
      <c r="K34" s="18">
        <v>48</v>
      </c>
      <c r="L34" s="18">
        <v>381</v>
      </c>
      <c r="M34" s="18">
        <v>19631</v>
      </c>
      <c r="N34" s="18">
        <v>158</v>
      </c>
      <c r="O34" s="18">
        <v>5</v>
      </c>
      <c r="P34" s="18">
        <v>66</v>
      </c>
      <c r="Q34" s="18">
        <v>87</v>
      </c>
      <c r="R34" s="18">
        <v>5233</v>
      </c>
    </row>
    <row r="35" spans="1:18">
      <c r="A35" s="21" t="s">
        <v>1038</v>
      </c>
      <c r="B35" s="10" t="s">
        <v>25</v>
      </c>
      <c r="C35" s="11"/>
      <c r="D35" s="17">
        <v>5527</v>
      </c>
      <c r="E35" s="18">
        <v>83</v>
      </c>
      <c r="F35" s="17">
        <v>1205</v>
      </c>
      <c r="G35" s="17">
        <v>4234</v>
      </c>
      <c r="H35" s="17">
        <v>229250</v>
      </c>
      <c r="I35" s="17">
        <v>3388</v>
      </c>
      <c r="J35" s="18">
        <v>37</v>
      </c>
      <c r="K35" s="17">
        <v>322</v>
      </c>
      <c r="L35" s="17">
        <v>3026</v>
      </c>
      <c r="M35" s="17">
        <v>159184</v>
      </c>
      <c r="N35" s="17">
        <v>2139</v>
      </c>
      <c r="O35" s="18">
        <v>46</v>
      </c>
      <c r="P35" s="17">
        <v>883</v>
      </c>
      <c r="Q35" s="17">
        <v>1208</v>
      </c>
      <c r="R35" s="17">
        <v>70066</v>
      </c>
    </row>
    <row r="36" spans="1:18">
      <c r="A36" s="21" t="s">
        <v>1039</v>
      </c>
      <c r="B36" s="10" t="s">
        <v>25</v>
      </c>
      <c r="C36" s="11"/>
      <c r="D36" s="17">
        <v>675</v>
      </c>
      <c r="E36" s="17">
        <v>7</v>
      </c>
      <c r="F36" s="17">
        <v>140</v>
      </c>
      <c r="G36" s="17">
        <v>527</v>
      </c>
      <c r="H36" s="17">
        <v>28736</v>
      </c>
      <c r="I36" s="17">
        <v>422</v>
      </c>
      <c r="J36" s="17">
        <v>3</v>
      </c>
      <c r="K36" s="17">
        <v>36</v>
      </c>
      <c r="L36" s="17">
        <v>382</v>
      </c>
      <c r="M36" s="17">
        <v>20185</v>
      </c>
      <c r="N36" s="17">
        <v>253</v>
      </c>
      <c r="O36" s="17">
        <v>4</v>
      </c>
      <c r="P36" s="17">
        <v>104</v>
      </c>
      <c r="Q36" s="17">
        <v>145</v>
      </c>
      <c r="R36" s="17">
        <v>8551</v>
      </c>
    </row>
    <row r="37" spans="1:18">
      <c r="A37" s="21" t="s">
        <v>1040</v>
      </c>
      <c r="B37" s="10" t="s">
        <v>25</v>
      </c>
      <c r="C37" s="11"/>
      <c r="D37" s="17">
        <v>1059</v>
      </c>
      <c r="E37" s="17">
        <v>17</v>
      </c>
      <c r="F37" s="17">
        <v>227</v>
      </c>
      <c r="G37" s="17">
        <v>815</v>
      </c>
      <c r="H37" s="17">
        <v>43526</v>
      </c>
      <c r="I37" s="17">
        <v>612</v>
      </c>
      <c r="J37" s="17">
        <v>11</v>
      </c>
      <c r="K37" s="17">
        <v>65</v>
      </c>
      <c r="L37" s="17">
        <v>536</v>
      </c>
      <c r="M37" s="17">
        <v>27937</v>
      </c>
      <c r="N37" s="17">
        <v>447</v>
      </c>
      <c r="O37" s="17">
        <v>6</v>
      </c>
      <c r="P37" s="17">
        <v>162</v>
      </c>
      <c r="Q37" s="17">
        <v>279</v>
      </c>
      <c r="R37" s="17">
        <v>15589</v>
      </c>
    </row>
    <row r="38" spans="1:18">
      <c r="A38" s="21" t="s">
        <v>1041</v>
      </c>
      <c r="B38" s="10" t="s">
        <v>25</v>
      </c>
      <c r="C38" s="11"/>
      <c r="D38" s="17">
        <v>1444</v>
      </c>
      <c r="E38" s="17">
        <v>17</v>
      </c>
      <c r="F38" s="17">
        <v>298</v>
      </c>
      <c r="G38" s="17">
        <v>1125</v>
      </c>
      <c r="H38" s="17">
        <v>60682</v>
      </c>
      <c r="I38" s="17">
        <v>903</v>
      </c>
      <c r="J38" s="17">
        <v>3</v>
      </c>
      <c r="K38" s="17">
        <v>72</v>
      </c>
      <c r="L38" s="17">
        <v>826</v>
      </c>
      <c r="M38" s="17">
        <v>43327</v>
      </c>
      <c r="N38" s="17">
        <v>541</v>
      </c>
      <c r="O38" s="17">
        <v>14</v>
      </c>
      <c r="P38" s="17">
        <v>226</v>
      </c>
      <c r="Q38" s="17">
        <v>299</v>
      </c>
      <c r="R38" s="17">
        <v>17355</v>
      </c>
    </row>
    <row r="39" spans="1:18">
      <c r="A39" s="21" t="s">
        <v>1042</v>
      </c>
      <c r="B39" s="10" t="s">
        <v>25</v>
      </c>
      <c r="C39" s="11"/>
      <c r="D39" s="17">
        <v>721</v>
      </c>
      <c r="E39" s="17">
        <v>5</v>
      </c>
      <c r="F39" s="17">
        <v>177</v>
      </c>
      <c r="G39" s="17">
        <v>539</v>
      </c>
      <c r="H39" s="17">
        <v>30063</v>
      </c>
      <c r="I39" s="17">
        <v>433</v>
      </c>
      <c r="J39" s="17">
        <v>4</v>
      </c>
      <c r="K39" s="17">
        <v>43</v>
      </c>
      <c r="L39" s="17">
        <v>386</v>
      </c>
      <c r="M39" s="17">
        <v>20636</v>
      </c>
      <c r="N39" s="17">
        <v>288</v>
      </c>
      <c r="O39" s="17">
        <v>1</v>
      </c>
      <c r="P39" s="17">
        <v>134</v>
      </c>
      <c r="Q39" s="17">
        <v>153</v>
      </c>
      <c r="R39" s="17">
        <v>9427</v>
      </c>
    </row>
    <row r="40" spans="1:18">
      <c r="A40" s="21" t="s">
        <v>1043</v>
      </c>
      <c r="B40" s="10" t="s">
        <v>25</v>
      </c>
      <c r="C40" s="11"/>
      <c r="D40" s="17">
        <v>198</v>
      </c>
      <c r="E40" s="17">
        <v>5</v>
      </c>
      <c r="F40" s="17">
        <v>41</v>
      </c>
      <c r="G40" s="17">
        <v>152</v>
      </c>
      <c r="H40" s="17">
        <v>8193</v>
      </c>
      <c r="I40" s="17">
        <v>129</v>
      </c>
      <c r="J40" s="18">
        <v>2</v>
      </c>
      <c r="K40" s="17">
        <v>15</v>
      </c>
      <c r="L40" s="17">
        <v>112</v>
      </c>
      <c r="M40" s="17">
        <v>6070</v>
      </c>
      <c r="N40" s="17">
        <v>69</v>
      </c>
      <c r="O40" s="17">
        <v>3</v>
      </c>
      <c r="P40" s="17">
        <v>26</v>
      </c>
      <c r="Q40" s="17">
        <v>40</v>
      </c>
      <c r="R40" s="17">
        <v>2123</v>
      </c>
    </row>
    <row r="41" spans="1:18">
      <c r="A41" s="21" t="s">
        <v>1044</v>
      </c>
      <c r="B41" s="10" t="s">
        <v>25</v>
      </c>
      <c r="C41" s="11"/>
      <c r="D41" s="17">
        <v>1430</v>
      </c>
      <c r="E41" s="17">
        <v>32</v>
      </c>
      <c r="F41" s="17">
        <v>322</v>
      </c>
      <c r="G41" s="17">
        <v>1076</v>
      </c>
      <c r="H41" s="17">
        <v>58050</v>
      </c>
      <c r="I41" s="17">
        <v>889</v>
      </c>
      <c r="J41" s="17">
        <v>14</v>
      </c>
      <c r="K41" s="17">
        <v>91</v>
      </c>
      <c r="L41" s="17">
        <v>784</v>
      </c>
      <c r="M41" s="17">
        <v>41029</v>
      </c>
      <c r="N41" s="17">
        <v>541</v>
      </c>
      <c r="O41" s="17">
        <v>18</v>
      </c>
      <c r="P41" s="17">
        <v>231</v>
      </c>
      <c r="Q41" s="17">
        <v>292</v>
      </c>
      <c r="R41" s="17">
        <v>17021</v>
      </c>
    </row>
    <row r="42" spans="1:18">
      <c r="A42" s="21" t="s">
        <v>1045</v>
      </c>
      <c r="B42" s="10" t="s">
        <v>25</v>
      </c>
      <c r="C42" s="11"/>
      <c r="D42" s="18">
        <v>7710</v>
      </c>
      <c r="E42" s="18">
        <v>114</v>
      </c>
      <c r="F42" s="18">
        <v>1846</v>
      </c>
      <c r="G42" s="18">
        <v>5742</v>
      </c>
      <c r="H42" s="18">
        <v>314541</v>
      </c>
      <c r="I42" s="18">
        <v>4468</v>
      </c>
      <c r="J42" s="18">
        <v>63</v>
      </c>
      <c r="K42" s="18">
        <v>503</v>
      </c>
      <c r="L42" s="18">
        <v>3897</v>
      </c>
      <c r="M42" s="18">
        <v>205173</v>
      </c>
      <c r="N42" s="18">
        <v>3242</v>
      </c>
      <c r="O42" s="18">
        <v>51</v>
      </c>
      <c r="P42" s="18">
        <v>1343</v>
      </c>
      <c r="Q42" s="18">
        <v>1845</v>
      </c>
      <c r="R42" s="18">
        <v>109368</v>
      </c>
    </row>
    <row r="43" spans="1:18">
      <c r="A43" s="21" t="s">
        <v>1046</v>
      </c>
      <c r="B43" s="10" t="s">
        <v>25</v>
      </c>
      <c r="C43" s="11"/>
      <c r="D43" s="17">
        <v>2288</v>
      </c>
      <c r="E43" s="17">
        <v>27</v>
      </c>
      <c r="F43" s="17">
        <v>511</v>
      </c>
      <c r="G43" s="17">
        <v>1749</v>
      </c>
      <c r="H43" s="17">
        <v>95537</v>
      </c>
      <c r="I43" s="17">
        <v>1417</v>
      </c>
      <c r="J43" s="17">
        <v>9</v>
      </c>
      <c r="K43" s="17">
        <v>143</v>
      </c>
      <c r="L43" s="17">
        <v>1265</v>
      </c>
      <c r="M43" s="17">
        <v>66697</v>
      </c>
      <c r="N43" s="17">
        <v>871</v>
      </c>
      <c r="O43" s="17">
        <v>18</v>
      </c>
      <c r="P43" s="17">
        <v>368</v>
      </c>
      <c r="Q43" s="17">
        <v>484</v>
      </c>
      <c r="R43" s="17">
        <v>28840</v>
      </c>
    </row>
    <row r="44" spans="1:18">
      <c r="A44" s="21" t="s">
        <v>1047</v>
      </c>
      <c r="B44" s="10" t="s">
        <v>25</v>
      </c>
      <c r="C44" s="11"/>
      <c r="D44" s="17">
        <v>2273</v>
      </c>
      <c r="E44" s="18">
        <v>27</v>
      </c>
      <c r="F44" s="17">
        <v>557</v>
      </c>
      <c r="G44" s="17">
        <v>1687</v>
      </c>
      <c r="H44" s="17">
        <v>90931</v>
      </c>
      <c r="I44" s="17">
        <v>1248</v>
      </c>
      <c r="J44" s="18">
        <v>16</v>
      </c>
      <c r="K44" s="17">
        <v>149</v>
      </c>
      <c r="L44" s="17">
        <v>1081</v>
      </c>
      <c r="M44" s="17">
        <v>56001</v>
      </c>
      <c r="N44" s="17">
        <v>1025</v>
      </c>
      <c r="O44" s="18">
        <v>11</v>
      </c>
      <c r="P44" s="17">
        <v>408</v>
      </c>
      <c r="Q44" s="17">
        <v>606</v>
      </c>
      <c r="R44" s="17">
        <v>34930</v>
      </c>
    </row>
    <row r="45" spans="1:18">
      <c r="A45" s="21" t="s">
        <v>1048</v>
      </c>
      <c r="B45" s="10" t="s">
        <v>25</v>
      </c>
      <c r="C45" s="11"/>
      <c r="D45" s="17">
        <v>1778</v>
      </c>
      <c r="E45" s="17">
        <v>31</v>
      </c>
      <c r="F45" s="17">
        <v>434</v>
      </c>
      <c r="G45" s="17">
        <v>1310</v>
      </c>
      <c r="H45" s="17">
        <v>72504</v>
      </c>
      <c r="I45" s="17">
        <v>999</v>
      </c>
      <c r="J45" s="17">
        <v>21</v>
      </c>
      <c r="K45" s="17">
        <v>127</v>
      </c>
      <c r="L45" s="17">
        <v>848</v>
      </c>
      <c r="M45" s="17">
        <v>45002</v>
      </c>
      <c r="N45" s="17">
        <v>779</v>
      </c>
      <c r="O45" s="17">
        <v>10</v>
      </c>
      <c r="P45" s="17">
        <v>307</v>
      </c>
      <c r="Q45" s="17">
        <v>462</v>
      </c>
      <c r="R45" s="17">
        <v>27502</v>
      </c>
    </row>
    <row r="46" spans="1:18">
      <c r="A46" s="21" t="s">
        <v>1049</v>
      </c>
      <c r="B46" s="10" t="s">
        <v>25</v>
      </c>
      <c r="C46" s="11"/>
      <c r="D46" s="17">
        <v>310</v>
      </c>
      <c r="E46" s="17">
        <v>11</v>
      </c>
      <c r="F46" s="17">
        <v>72</v>
      </c>
      <c r="G46" s="17">
        <v>227</v>
      </c>
      <c r="H46" s="17">
        <v>12253</v>
      </c>
      <c r="I46" s="17">
        <v>187</v>
      </c>
      <c r="J46" s="17">
        <v>8</v>
      </c>
      <c r="K46" s="17">
        <v>18</v>
      </c>
      <c r="L46" s="17">
        <v>161</v>
      </c>
      <c r="M46" s="17">
        <v>8118</v>
      </c>
      <c r="N46" s="17">
        <v>123</v>
      </c>
      <c r="O46" s="17">
        <v>3</v>
      </c>
      <c r="P46" s="17">
        <v>54</v>
      </c>
      <c r="Q46" s="17">
        <v>66</v>
      </c>
      <c r="R46" s="17">
        <v>4135</v>
      </c>
    </row>
    <row r="47" spans="1:18">
      <c r="A47" s="21" t="s">
        <v>1050</v>
      </c>
      <c r="B47" s="10" t="s">
        <v>25</v>
      </c>
      <c r="C47" s="11"/>
      <c r="D47" s="17">
        <v>1025</v>
      </c>
      <c r="E47" s="17">
        <v>18</v>
      </c>
      <c r="F47" s="17">
        <v>263</v>
      </c>
      <c r="G47" s="17">
        <v>742</v>
      </c>
      <c r="H47" s="17">
        <v>41940</v>
      </c>
      <c r="I47" s="17">
        <v>600</v>
      </c>
      <c r="J47" s="17">
        <v>9</v>
      </c>
      <c r="K47" s="17">
        <v>63</v>
      </c>
      <c r="L47" s="17">
        <v>528</v>
      </c>
      <c r="M47" s="17">
        <v>28643</v>
      </c>
      <c r="N47" s="17">
        <v>425</v>
      </c>
      <c r="O47" s="17">
        <v>9</v>
      </c>
      <c r="P47" s="17">
        <v>200</v>
      </c>
      <c r="Q47" s="17">
        <v>214</v>
      </c>
      <c r="R47" s="17">
        <v>13297</v>
      </c>
    </row>
    <row r="48" spans="1:18">
      <c r="A48" s="21" t="s">
        <v>1051</v>
      </c>
      <c r="B48" s="10" t="s">
        <v>25</v>
      </c>
      <c r="C48" s="11"/>
      <c r="D48" s="17">
        <v>28</v>
      </c>
      <c r="E48" s="18" t="s">
        <v>35</v>
      </c>
      <c r="F48" s="17">
        <v>7</v>
      </c>
      <c r="G48" s="17">
        <v>21</v>
      </c>
      <c r="H48" s="17">
        <v>1082</v>
      </c>
      <c r="I48" s="17">
        <v>14</v>
      </c>
      <c r="J48" s="18" t="s">
        <v>35</v>
      </c>
      <c r="K48" s="17">
        <v>3</v>
      </c>
      <c r="L48" s="17">
        <v>11</v>
      </c>
      <c r="M48" s="17">
        <v>579</v>
      </c>
      <c r="N48" s="17">
        <v>14</v>
      </c>
      <c r="O48" s="18" t="s">
        <v>35</v>
      </c>
      <c r="P48" s="17">
        <v>4</v>
      </c>
      <c r="Q48" s="17">
        <v>10</v>
      </c>
      <c r="R48" s="17">
        <v>503</v>
      </c>
    </row>
    <row r="49" spans="1:18">
      <c r="A49" s="21" t="s">
        <v>1052</v>
      </c>
      <c r="B49" s="10" t="s">
        <v>25</v>
      </c>
      <c r="C49" s="11"/>
      <c r="D49" s="17">
        <v>8</v>
      </c>
      <c r="E49" s="18" t="s">
        <v>35</v>
      </c>
      <c r="F49" s="17">
        <v>2</v>
      </c>
      <c r="G49" s="17">
        <v>6</v>
      </c>
      <c r="H49" s="17">
        <v>294</v>
      </c>
      <c r="I49" s="17">
        <v>3</v>
      </c>
      <c r="J49" s="18" t="s">
        <v>35</v>
      </c>
      <c r="K49" s="17" t="s">
        <v>35</v>
      </c>
      <c r="L49" s="17">
        <v>3</v>
      </c>
      <c r="M49" s="17">
        <v>133</v>
      </c>
      <c r="N49" s="17">
        <v>5</v>
      </c>
      <c r="O49" s="18" t="s">
        <v>35</v>
      </c>
      <c r="P49" s="17">
        <v>2</v>
      </c>
      <c r="Q49" s="17">
        <v>3</v>
      </c>
      <c r="R49" s="17">
        <v>161</v>
      </c>
    </row>
    <row r="50" spans="1:18">
      <c r="A50" s="21" t="s">
        <v>1053</v>
      </c>
      <c r="B50" s="10" t="s">
        <v>25</v>
      </c>
      <c r="C50" s="11"/>
      <c r="D50" s="17">
        <v>3370</v>
      </c>
      <c r="E50" s="18">
        <v>45</v>
      </c>
      <c r="F50" s="17">
        <v>839</v>
      </c>
      <c r="G50" s="17">
        <v>2483</v>
      </c>
      <c r="H50" s="17">
        <v>136182</v>
      </c>
      <c r="I50" s="17">
        <v>2056</v>
      </c>
      <c r="J50" s="18">
        <v>33</v>
      </c>
      <c r="K50" s="17">
        <v>249</v>
      </c>
      <c r="L50" s="17">
        <v>1771</v>
      </c>
      <c r="M50" s="17">
        <v>92457</v>
      </c>
      <c r="N50" s="17">
        <v>1314</v>
      </c>
      <c r="O50" s="18">
        <v>12</v>
      </c>
      <c r="P50" s="17">
        <v>590</v>
      </c>
      <c r="Q50" s="17">
        <v>712</v>
      </c>
      <c r="R50" s="17">
        <v>43725</v>
      </c>
    </row>
    <row r="51" spans="1:18">
      <c r="A51" s="21" t="s">
        <v>1054</v>
      </c>
      <c r="B51" s="10" t="s">
        <v>25</v>
      </c>
      <c r="C51" s="11"/>
      <c r="D51" s="17">
        <v>310</v>
      </c>
      <c r="E51" s="17">
        <v>1</v>
      </c>
      <c r="F51" s="17">
        <v>72</v>
      </c>
      <c r="G51" s="17">
        <v>237</v>
      </c>
      <c r="H51" s="17">
        <v>12746</v>
      </c>
      <c r="I51" s="17">
        <v>189</v>
      </c>
      <c r="J51" s="18">
        <v>1</v>
      </c>
      <c r="K51" s="17">
        <v>12</v>
      </c>
      <c r="L51" s="17">
        <v>176</v>
      </c>
      <c r="M51" s="17">
        <v>8896</v>
      </c>
      <c r="N51" s="17">
        <v>121</v>
      </c>
      <c r="O51" s="17" t="s">
        <v>35</v>
      </c>
      <c r="P51" s="17">
        <v>60</v>
      </c>
      <c r="Q51" s="17">
        <v>61</v>
      </c>
      <c r="R51" s="17">
        <v>3850</v>
      </c>
    </row>
    <row r="52" spans="1:18">
      <c r="A52" s="21" t="s">
        <v>1055</v>
      </c>
      <c r="B52" s="10" t="s">
        <v>25</v>
      </c>
      <c r="C52" s="11"/>
      <c r="D52" s="17">
        <v>455</v>
      </c>
      <c r="E52" s="17">
        <v>2</v>
      </c>
      <c r="F52" s="17">
        <v>109</v>
      </c>
      <c r="G52" s="17">
        <v>344</v>
      </c>
      <c r="H52" s="17">
        <v>18389</v>
      </c>
      <c r="I52" s="17">
        <v>271</v>
      </c>
      <c r="J52" s="18">
        <v>2</v>
      </c>
      <c r="K52" s="17">
        <v>31</v>
      </c>
      <c r="L52" s="17">
        <v>238</v>
      </c>
      <c r="M52" s="17">
        <v>12186</v>
      </c>
      <c r="N52" s="17">
        <v>184</v>
      </c>
      <c r="O52" s="17" t="s">
        <v>35</v>
      </c>
      <c r="P52" s="17">
        <v>78</v>
      </c>
      <c r="Q52" s="17">
        <v>106</v>
      </c>
      <c r="R52" s="17">
        <v>6203</v>
      </c>
    </row>
    <row r="53" spans="1:18">
      <c r="A53" s="21" t="s">
        <v>1056</v>
      </c>
      <c r="B53" s="10" t="s">
        <v>25</v>
      </c>
      <c r="C53" s="11"/>
      <c r="D53" s="17">
        <v>764</v>
      </c>
      <c r="E53" s="18">
        <v>13</v>
      </c>
      <c r="F53" s="17">
        <v>163</v>
      </c>
      <c r="G53" s="17">
        <v>587</v>
      </c>
      <c r="H53" s="17">
        <v>31976</v>
      </c>
      <c r="I53" s="17">
        <v>485</v>
      </c>
      <c r="J53" s="18">
        <v>10</v>
      </c>
      <c r="K53" s="17">
        <v>44</v>
      </c>
      <c r="L53" s="17">
        <v>430</v>
      </c>
      <c r="M53" s="17">
        <v>22509</v>
      </c>
      <c r="N53" s="17">
        <v>279</v>
      </c>
      <c r="O53" s="18">
        <v>3</v>
      </c>
      <c r="P53" s="17">
        <v>119</v>
      </c>
      <c r="Q53" s="17">
        <v>157</v>
      </c>
      <c r="R53" s="17">
        <v>9467</v>
      </c>
    </row>
    <row r="54" spans="1:18">
      <c r="A54" s="21" t="s">
        <v>1057</v>
      </c>
      <c r="B54" s="10" t="s">
        <v>25</v>
      </c>
      <c r="C54" s="11"/>
      <c r="D54" s="17">
        <v>613</v>
      </c>
      <c r="E54" s="18">
        <v>8</v>
      </c>
      <c r="F54" s="17">
        <v>179</v>
      </c>
      <c r="G54" s="17">
        <v>424</v>
      </c>
      <c r="H54" s="17">
        <v>24418</v>
      </c>
      <c r="I54" s="17">
        <v>375</v>
      </c>
      <c r="J54" s="18">
        <v>8</v>
      </c>
      <c r="K54" s="17">
        <v>56</v>
      </c>
      <c r="L54" s="17">
        <v>309</v>
      </c>
      <c r="M54" s="17">
        <v>16711</v>
      </c>
      <c r="N54" s="17">
        <v>238</v>
      </c>
      <c r="O54" s="18" t="s">
        <v>35</v>
      </c>
      <c r="P54" s="17">
        <v>123</v>
      </c>
      <c r="Q54" s="17">
        <v>115</v>
      </c>
      <c r="R54" s="17">
        <v>7707</v>
      </c>
    </row>
    <row r="55" spans="1:18">
      <c r="A55" s="21" t="s">
        <v>1058</v>
      </c>
      <c r="B55" s="10" t="s">
        <v>25</v>
      </c>
      <c r="C55" s="11"/>
      <c r="D55" s="17">
        <v>641</v>
      </c>
      <c r="E55" s="17">
        <v>10</v>
      </c>
      <c r="F55" s="17">
        <v>165</v>
      </c>
      <c r="G55" s="17">
        <v>466</v>
      </c>
      <c r="H55" s="17">
        <v>25183</v>
      </c>
      <c r="I55" s="17">
        <v>382</v>
      </c>
      <c r="J55" s="17">
        <v>7</v>
      </c>
      <c r="K55" s="17">
        <v>60</v>
      </c>
      <c r="L55" s="17">
        <v>315</v>
      </c>
      <c r="M55" s="17">
        <v>16464</v>
      </c>
      <c r="N55" s="17">
        <v>259</v>
      </c>
      <c r="O55" s="17">
        <v>3</v>
      </c>
      <c r="P55" s="17">
        <v>105</v>
      </c>
      <c r="Q55" s="17">
        <v>151</v>
      </c>
      <c r="R55" s="17">
        <v>8719</v>
      </c>
    </row>
    <row r="56" spans="1:18">
      <c r="A56" s="21" t="s">
        <v>1059</v>
      </c>
      <c r="B56" s="10" t="s">
        <v>25</v>
      </c>
      <c r="C56" s="11"/>
      <c r="D56" s="17">
        <v>587</v>
      </c>
      <c r="E56" s="17">
        <v>11</v>
      </c>
      <c r="F56" s="17">
        <v>151</v>
      </c>
      <c r="G56" s="17">
        <v>425</v>
      </c>
      <c r="H56" s="17">
        <v>23470</v>
      </c>
      <c r="I56" s="17">
        <v>354</v>
      </c>
      <c r="J56" s="17">
        <v>5</v>
      </c>
      <c r="K56" s="17">
        <v>46</v>
      </c>
      <c r="L56" s="17">
        <v>303</v>
      </c>
      <c r="M56" s="17">
        <v>15691</v>
      </c>
      <c r="N56" s="17">
        <v>233</v>
      </c>
      <c r="O56" s="17">
        <v>6</v>
      </c>
      <c r="P56" s="17">
        <v>105</v>
      </c>
      <c r="Q56" s="17">
        <v>122</v>
      </c>
      <c r="R56" s="17">
        <v>7779</v>
      </c>
    </row>
    <row r="57" spans="1:18">
      <c r="A57" s="21" t="s">
        <v>1060</v>
      </c>
      <c r="B57" s="10" t="s">
        <v>25</v>
      </c>
      <c r="C57" s="11"/>
      <c r="D57" s="17">
        <v>2995</v>
      </c>
      <c r="E57" s="17">
        <v>54</v>
      </c>
      <c r="F57" s="17">
        <v>639</v>
      </c>
      <c r="G57" s="17">
        <v>2289</v>
      </c>
      <c r="H57" s="17">
        <v>124462</v>
      </c>
      <c r="I57" s="17">
        <v>1839</v>
      </c>
      <c r="J57" s="18">
        <v>29</v>
      </c>
      <c r="K57" s="17">
        <v>169</v>
      </c>
      <c r="L57" s="17">
        <v>1633</v>
      </c>
      <c r="M57" s="17">
        <v>85923</v>
      </c>
      <c r="N57" s="17">
        <v>1156</v>
      </c>
      <c r="O57" s="17">
        <v>25</v>
      </c>
      <c r="P57" s="17">
        <v>470</v>
      </c>
      <c r="Q57" s="17">
        <v>656</v>
      </c>
      <c r="R57" s="17">
        <v>38539</v>
      </c>
    </row>
    <row r="58" spans="1:18">
      <c r="A58" s="21" t="s">
        <v>1061</v>
      </c>
      <c r="B58" s="10" t="s">
        <v>25</v>
      </c>
      <c r="C58" s="11"/>
      <c r="D58" s="17">
        <v>1195</v>
      </c>
      <c r="E58" s="17">
        <v>21</v>
      </c>
      <c r="F58" s="17">
        <v>268</v>
      </c>
      <c r="G58" s="17">
        <v>901</v>
      </c>
      <c r="H58" s="17">
        <v>49291</v>
      </c>
      <c r="I58" s="17">
        <v>722</v>
      </c>
      <c r="J58" s="17">
        <v>14</v>
      </c>
      <c r="K58" s="17">
        <v>77</v>
      </c>
      <c r="L58" s="17">
        <v>627</v>
      </c>
      <c r="M58" s="17">
        <v>33121</v>
      </c>
      <c r="N58" s="17">
        <v>473</v>
      </c>
      <c r="O58" s="17">
        <v>7</v>
      </c>
      <c r="P58" s="17">
        <v>191</v>
      </c>
      <c r="Q58" s="17">
        <v>274</v>
      </c>
      <c r="R58" s="17">
        <v>16170</v>
      </c>
    </row>
    <row r="59" spans="1:18">
      <c r="A59" s="21" t="s">
        <v>1062</v>
      </c>
      <c r="B59" s="10" t="s">
        <v>25</v>
      </c>
      <c r="C59" s="11"/>
      <c r="D59" s="17">
        <v>847</v>
      </c>
      <c r="E59" s="17">
        <v>17</v>
      </c>
      <c r="F59" s="17">
        <v>194</v>
      </c>
      <c r="G59" s="17">
        <v>632</v>
      </c>
      <c r="H59" s="17">
        <v>34489</v>
      </c>
      <c r="I59" s="17">
        <v>504</v>
      </c>
      <c r="J59" s="17">
        <v>8</v>
      </c>
      <c r="K59" s="17">
        <v>59</v>
      </c>
      <c r="L59" s="17">
        <v>435</v>
      </c>
      <c r="M59" s="17">
        <v>23024</v>
      </c>
      <c r="N59" s="17">
        <v>343</v>
      </c>
      <c r="O59" s="17">
        <v>9</v>
      </c>
      <c r="P59" s="17">
        <v>135</v>
      </c>
      <c r="Q59" s="17">
        <v>197</v>
      </c>
      <c r="R59" s="17">
        <v>11465</v>
      </c>
    </row>
    <row r="60" spans="1:18">
      <c r="A60" s="21" t="s">
        <v>1063</v>
      </c>
      <c r="B60" s="10" t="s">
        <v>25</v>
      </c>
      <c r="C60" s="11"/>
      <c r="D60" s="17">
        <v>953</v>
      </c>
      <c r="E60" s="17">
        <v>16</v>
      </c>
      <c r="F60" s="17">
        <v>177</v>
      </c>
      <c r="G60" s="17">
        <v>756</v>
      </c>
      <c r="H60" s="17">
        <v>40682</v>
      </c>
      <c r="I60" s="17">
        <v>613</v>
      </c>
      <c r="J60" s="17">
        <v>7</v>
      </c>
      <c r="K60" s="17">
        <v>33</v>
      </c>
      <c r="L60" s="17">
        <v>571</v>
      </c>
      <c r="M60" s="17">
        <v>29778</v>
      </c>
      <c r="N60" s="17">
        <v>340</v>
      </c>
      <c r="O60" s="17">
        <v>9</v>
      </c>
      <c r="P60" s="17">
        <v>144</v>
      </c>
      <c r="Q60" s="17">
        <v>185</v>
      </c>
      <c r="R60" s="17">
        <v>10904</v>
      </c>
    </row>
    <row r="61" spans="1:18">
      <c r="A61" s="21" t="s">
        <v>1064</v>
      </c>
      <c r="B61" s="10" t="s">
        <v>25</v>
      </c>
      <c r="C61" s="11"/>
      <c r="D61" s="17">
        <v>5563</v>
      </c>
      <c r="E61" s="17">
        <v>92</v>
      </c>
      <c r="F61" s="17">
        <v>1330</v>
      </c>
      <c r="G61" s="17">
        <v>4134</v>
      </c>
      <c r="H61" s="17">
        <v>227201</v>
      </c>
      <c r="I61" s="17">
        <v>3312</v>
      </c>
      <c r="J61" s="17">
        <v>49</v>
      </c>
      <c r="K61" s="17">
        <v>383</v>
      </c>
      <c r="L61" s="17">
        <v>2875</v>
      </c>
      <c r="M61" s="17">
        <v>151984</v>
      </c>
      <c r="N61" s="17">
        <v>2251</v>
      </c>
      <c r="O61" s="17">
        <v>43</v>
      </c>
      <c r="P61" s="17">
        <v>947</v>
      </c>
      <c r="Q61" s="17">
        <v>1259</v>
      </c>
      <c r="R61" s="17">
        <v>75217</v>
      </c>
    </row>
    <row r="62" spans="1:18">
      <c r="A62" s="21" t="s">
        <v>1065</v>
      </c>
      <c r="B62" s="10" t="s">
        <v>25</v>
      </c>
      <c r="C62" s="11"/>
      <c r="D62" s="17">
        <v>979</v>
      </c>
      <c r="E62" s="17">
        <v>21</v>
      </c>
      <c r="F62" s="17">
        <v>266</v>
      </c>
      <c r="G62" s="17">
        <v>691</v>
      </c>
      <c r="H62" s="17">
        <v>38559</v>
      </c>
      <c r="I62" s="17">
        <v>567</v>
      </c>
      <c r="J62" s="17">
        <v>12</v>
      </c>
      <c r="K62" s="17">
        <v>94</v>
      </c>
      <c r="L62" s="17">
        <v>460</v>
      </c>
      <c r="M62" s="17">
        <v>24936</v>
      </c>
      <c r="N62" s="17">
        <v>412</v>
      </c>
      <c r="O62" s="17">
        <v>9</v>
      </c>
      <c r="P62" s="17">
        <v>172</v>
      </c>
      <c r="Q62" s="17">
        <v>231</v>
      </c>
      <c r="R62" s="17">
        <v>13623</v>
      </c>
    </row>
    <row r="63" spans="1:18">
      <c r="A63" s="21" t="s">
        <v>1066</v>
      </c>
      <c r="B63" s="10" t="s">
        <v>25</v>
      </c>
      <c r="C63" s="11"/>
      <c r="D63" s="17">
        <v>1075</v>
      </c>
      <c r="E63" s="17">
        <v>14</v>
      </c>
      <c r="F63" s="17">
        <v>255</v>
      </c>
      <c r="G63" s="17">
        <v>804</v>
      </c>
      <c r="H63" s="17">
        <v>44768</v>
      </c>
      <c r="I63" s="17">
        <v>655</v>
      </c>
      <c r="J63" s="17">
        <v>6</v>
      </c>
      <c r="K63" s="17">
        <v>72</v>
      </c>
      <c r="L63" s="17">
        <v>576</v>
      </c>
      <c r="M63" s="17">
        <v>30440</v>
      </c>
      <c r="N63" s="17">
        <v>420</v>
      </c>
      <c r="O63" s="17">
        <v>8</v>
      </c>
      <c r="P63" s="17">
        <v>183</v>
      </c>
      <c r="Q63" s="17">
        <v>228</v>
      </c>
      <c r="R63" s="17">
        <v>14328</v>
      </c>
    </row>
    <row r="64" spans="1:18">
      <c r="A64" s="21" t="s">
        <v>1067</v>
      </c>
      <c r="B64" s="10" t="s">
        <v>25</v>
      </c>
      <c r="C64" s="11"/>
      <c r="D64" s="17">
        <v>1297</v>
      </c>
      <c r="E64" s="17">
        <v>21</v>
      </c>
      <c r="F64" s="17">
        <v>264</v>
      </c>
      <c r="G64" s="17">
        <v>1010</v>
      </c>
      <c r="H64" s="17">
        <v>54627</v>
      </c>
      <c r="I64" s="17">
        <v>781</v>
      </c>
      <c r="J64" s="17">
        <v>9</v>
      </c>
      <c r="K64" s="17">
        <v>59</v>
      </c>
      <c r="L64" s="17">
        <v>712</v>
      </c>
      <c r="M64" s="17">
        <v>37666</v>
      </c>
      <c r="N64" s="17">
        <v>516</v>
      </c>
      <c r="O64" s="18">
        <v>12</v>
      </c>
      <c r="P64" s="17">
        <v>205</v>
      </c>
      <c r="Q64" s="17">
        <v>298</v>
      </c>
      <c r="R64" s="17">
        <v>16961</v>
      </c>
    </row>
    <row r="65" spans="1:18">
      <c r="A65" s="21" t="s">
        <v>1068</v>
      </c>
      <c r="B65" s="10" t="s">
        <v>25</v>
      </c>
      <c r="C65" s="11"/>
      <c r="D65" s="17">
        <v>925</v>
      </c>
      <c r="E65" s="17">
        <v>15</v>
      </c>
      <c r="F65" s="17">
        <v>240</v>
      </c>
      <c r="G65" s="17">
        <v>670</v>
      </c>
      <c r="H65" s="17">
        <v>36616</v>
      </c>
      <c r="I65" s="17">
        <v>542</v>
      </c>
      <c r="J65" s="17">
        <v>10</v>
      </c>
      <c r="K65" s="17">
        <v>70</v>
      </c>
      <c r="L65" s="17">
        <v>462</v>
      </c>
      <c r="M65" s="17">
        <v>24073</v>
      </c>
      <c r="N65" s="17">
        <v>383</v>
      </c>
      <c r="O65" s="17">
        <v>5</v>
      </c>
      <c r="P65" s="17">
        <v>170</v>
      </c>
      <c r="Q65" s="17">
        <v>208</v>
      </c>
      <c r="R65" s="17">
        <v>12543</v>
      </c>
    </row>
    <row r="66" spans="1:18">
      <c r="A66" s="21" t="s">
        <v>1069</v>
      </c>
      <c r="B66" s="10" t="s">
        <v>25</v>
      </c>
      <c r="C66" s="11"/>
      <c r="D66" s="17">
        <v>790</v>
      </c>
      <c r="E66" s="17">
        <v>13</v>
      </c>
      <c r="F66" s="17">
        <v>187</v>
      </c>
      <c r="G66" s="17">
        <v>588</v>
      </c>
      <c r="H66" s="17">
        <v>32173</v>
      </c>
      <c r="I66" s="17">
        <v>470</v>
      </c>
      <c r="J66" s="17">
        <v>7</v>
      </c>
      <c r="K66" s="17">
        <v>57</v>
      </c>
      <c r="L66" s="17">
        <v>404</v>
      </c>
      <c r="M66" s="17">
        <v>21278</v>
      </c>
      <c r="N66" s="17">
        <v>320</v>
      </c>
      <c r="O66" s="17">
        <v>6</v>
      </c>
      <c r="P66" s="17">
        <v>130</v>
      </c>
      <c r="Q66" s="17">
        <v>184</v>
      </c>
      <c r="R66" s="17">
        <v>10895</v>
      </c>
    </row>
    <row r="67" spans="1:18">
      <c r="A67" s="21" t="s">
        <v>1070</v>
      </c>
      <c r="B67" s="10" t="s">
        <v>25</v>
      </c>
      <c r="C67" s="11"/>
      <c r="D67" s="17">
        <v>497</v>
      </c>
      <c r="E67" s="17">
        <v>8</v>
      </c>
      <c r="F67" s="17">
        <v>118</v>
      </c>
      <c r="G67" s="17">
        <v>371</v>
      </c>
      <c r="H67" s="17">
        <v>20458</v>
      </c>
      <c r="I67" s="17">
        <v>297</v>
      </c>
      <c r="J67" s="17">
        <v>5</v>
      </c>
      <c r="K67" s="17">
        <v>31</v>
      </c>
      <c r="L67" s="17">
        <v>261</v>
      </c>
      <c r="M67" s="17">
        <v>13591</v>
      </c>
      <c r="N67" s="17">
        <v>200</v>
      </c>
      <c r="O67" s="17">
        <v>3</v>
      </c>
      <c r="P67" s="17">
        <v>87</v>
      </c>
      <c r="Q67" s="17">
        <v>110</v>
      </c>
      <c r="R67" s="17">
        <v>6867</v>
      </c>
    </row>
    <row r="68" spans="1:18">
      <c r="A68" s="21" t="s">
        <v>1071</v>
      </c>
      <c r="B68" s="10" t="s">
        <v>25</v>
      </c>
      <c r="C68" s="11"/>
      <c r="D68" s="17">
        <v>1715</v>
      </c>
      <c r="E68" s="17">
        <v>21</v>
      </c>
      <c r="F68" s="17">
        <v>431</v>
      </c>
      <c r="G68" s="17">
        <v>1260</v>
      </c>
      <c r="H68" s="17">
        <v>69837</v>
      </c>
      <c r="I68" s="17">
        <v>1075</v>
      </c>
      <c r="J68" s="17">
        <v>16</v>
      </c>
      <c r="K68" s="17">
        <v>146</v>
      </c>
      <c r="L68" s="17">
        <v>911</v>
      </c>
      <c r="M68" s="17">
        <v>48423</v>
      </c>
      <c r="N68" s="17">
        <v>640</v>
      </c>
      <c r="O68" s="17">
        <v>5</v>
      </c>
      <c r="P68" s="17">
        <v>285</v>
      </c>
      <c r="Q68" s="17">
        <v>349</v>
      </c>
      <c r="R68" s="17">
        <v>21414</v>
      </c>
    </row>
    <row r="69" spans="1:18">
      <c r="A69" s="21" t="s">
        <v>1072</v>
      </c>
      <c r="B69" s="10" t="s">
        <v>25</v>
      </c>
      <c r="C69" s="11"/>
      <c r="D69" s="17">
        <v>331</v>
      </c>
      <c r="E69" s="17">
        <v>2</v>
      </c>
      <c r="F69" s="17">
        <v>79</v>
      </c>
      <c r="G69" s="17">
        <v>250</v>
      </c>
      <c r="H69" s="17">
        <v>13712</v>
      </c>
      <c r="I69" s="17">
        <v>220</v>
      </c>
      <c r="J69" s="17">
        <v>2</v>
      </c>
      <c r="K69" s="17">
        <v>16</v>
      </c>
      <c r="L69" s="17">
        <v>202</v>
      </c>
      <c r="M69" s="17">
        <v>10446</v>
      </c>
      <c r="N69" s="17">
        <v>111</v>
      </c>
      <c r="O69" s="17" t="s">
        <v>35</v>
      </c>
      <c r="P69" s="17">
        <v>63</v>
      </c>
      <c r="Q69" s="17">
        <v>48</v>
      </c>
      <c r="R69" s="17">
        <v>3266</v>
      </c>
    </row>
    <row r="70" spans="1:18">
      <c r="A70" s="21" t="s">
        <v>1073</v>
      </c>
      <c r="B70" s="10" t="s">
        <v>25</v>
      </c>
      <c r="C70" s="11"/>
      <c r="D70" s="17">
        <v>1141</v>
      </c>
      <c r="E70" s="17">
        <v>15</v>
      </c>
      <c r="F70" s="17">
        <v>297</v>
      </c>
      <c r="G70" s="17">
        <v>826</v>
      </c>
      <c r="H70" s="17">
        <v>45617</v>
      </c>
      <c r="I70" s="17">
        <v>690</v>
      </c>
      <c r="J70" s="17">
        <v>11</v>
      </c>
      <c r="K70" s="17">
        <v>112</v>
      </c>
      <c r="L70" s="17">
        <v>565</v>
      </c>
      <c r="M70" s="17">
        <v>30032</v>
      </c>
      <c r="N70" s="17">
        <v>451</v>
      </c>
      <c r="O70" s="17">
        <v>4</v>
      </c>
      <c r="P70" s="17">
        <v>185</v>
      </c>
      <c r="Q70" s="17">
        <v>261</v>
      </c>
      <c r="R70" s="17">
        <v>15585</v>
      </c>
    </row>
    <row r="71" spans="1:18">
      <c r="A71" s="21" t="s">
        <v>1074</v>
      </c>
      <c r="B71" s="10" t="s">
        <v>25</v>
      </c>
      <c r="C71" s="11"/>
      <c r="D71" s="17">
        <v>243</v>
      </c>
      <c r="E71" s="17">
        <v>4</v>
      </c>
      <c r="F71" s="17">
        <v>55</v>
      </c>
      <c r="G71" s="17">
        <v>184</v>
      </c>
      <c r="H71" s="17">
        <v>10508</v>
      </c>
      <c r="I71" s="17">
        <v>165</v>
      </c>
      <c r="J71" s="17">
        <v>3</v>
      </c>
      <c r="K71" s="17">
        <v>18</v>
      </c>
      <c r="L71" s="17">
        <v>144</v>
      </c>
      <c r="M71" s="17">
        <v>7945</v>
      </c>
      <c r="N71" s="17">
        <v>78</v>
      </c>
      <c r="O71" s="17">
        <v>1</v>
      </c>
      <c r="P71" s="17">
        <v>37</v>
      </c>
      <c r="Q71" s="17">
        <v>40</v>
      </c>
      <c r="R71" s="17">
        <v>2563</v>
      </c>
    </row>
    <row r="72" spans="1:18">
      <c r="A72" s="21" t="s">
        <v>1075</v>
      </c>
      <c r="B72" s="10" t="s">
        <v>25</v>
      </c>
      <c r="C72" s="11"/>
      <c r="D72" s="17">
        <v>228</v>
      </c>
      <c r="E72" s="17">
        <v>2</v>
      </c>
      <c r="F72" s="17">
        <v>37</v>
      </c>
      <c r="G72" s="17">
        <v>189</v>
      </c>
      <c r="H72" s="17">
        <v>9490</v>
      </c>
      <c r="I72" s="17">
        <v>169</v>
      </c>
      <c r="J72" s="17">
        <v>1</v>
      </c>
      <c r="K72" s="17">
        <v>16</v>
      </c>
      <c r="L72" s="17">
        <v>152</v>
      </c>
      <c r="M72" s="17">
        <v>7360</v>
      </c>
      <c r="N72" s="17">
        <v>59</v>
      </c>
      <c r="O72" s="17">
        <v>1</v>
      </c>
      <c r="P72" s="17">
        <v>21</v>
      </c>
      <c r="Q72" s="17">
        <v>37</v>
      </c>
      <c r="R72" s="17">
        <v>2130</v>
      </c>
    </row>
    <row r="73" spans="1:18">
      <c r="A73" s="21" t="s">
        <v>1076</v>
      </c>
      <c r="B73" s="10" t="s">
        <v>25</v>
      </c>
      <c r="C73" s="11"/>
      <c r="D73" s="17">
        <v>211</v>
      </c>
      <c r="E73" s="17">
        <v>1</v>
      </c>
      <c r="F73" s="17">
        <v>35</v>
      </c>
      <c r="G73" s="17">
        <v>175</v>
      </c>
      <c r="H73" s="17">
        <v>8807</v>
      </c>
      <c r="I73" s="17">
        <v>156</v>
      </c>
      <c r="J73" s="17" t="s">
        <v>35</v>
      </c>
      <c r="K73" s="17">
        <v>16</v>
      </c>
      <c r="L73" s="17">
        <v>140</v>
      </c>
      <c r="M73" s="17">
        <v>6798</v>
      </c>
      <c r="N73" s="17">
        <v>55</v>
      </c>
      <c r="O73" s="17">
        <v>1</v>
      </c>
      <c r="P73" s="17">
        <v>19</v>
      </c>
      <c r="Q73" s="17">
        <v>35</v>
      </c>
      <c r="R73" s="17">
        <v>2009</v>
      </c>
    </row>
    <row r="74" spans="1:18">
      <c r="A74" s="21" t="s">
        <v>1077</v>
      </c>
      <c r="B74" s="10" t="s">
        <v>25</v>
      </c>
      <c r="C74" s="11"/>
      <c r="D74" s="17">
        <v>17</v>
      </c>
      <c r="E74" s="17">
        <v>1</v>
      </c>
      <c r="F74" s="17">
        <v>2</v>
      </c>
      <c r="G74" s="17">
        <v>14</v>
      </c>
      <c r="H74" s="17">
        <v>683</v>
      </c>
      <c r="I74" s="17">
        <v>13</v>
      </c>
      <c r="J74" s="17">
        <v>1</v>
      </c>
      <c r="K74" s="17" t="s">
        <v>35</v>
      </c>
      <c r="L74" s="17">
        <v>12</v>
      </c>
      <c r="M74" s="17">
        <v>562</v>
      </c>
      <c r="N74" s="17">
        <v>4</v>
      </c>
      <c r="O74" s="17" t="s">
        <v>35</v>
      </c>
      <c r="P74" s="17">
        <v>2</v>
      </c>
      <c r="Q74" s="17">
        <v>2</v>
      </c>
      <c r="R74" s="17">
        <v>121</v>
      </c>
    </row>
    <row r="75" spans="1:18">
      <c r="A75" s="21" t="s">
        <v>1078</v>
      </c>
      <c r="B75" s="10" t="s">
        <v>25</v>
      </c>
      <c r="C75" s="11"/>
      <c r="D75" s="17">
        <v>531</v>
      </c>
      <c r="E75" s="17">
        <v>7</v>
      </c>
      <c r="F75" s="17">
        <v>121</v>
      </c>
      <c r="G75" s="17">
        <v>402</v>
      </c>
      <c r="H75" s="17">
        <v>21720</v>
      </c>
      <c r="I75" s="17">
        <v>322</v>
      </c>
      <c r="J75" s="18">
        <v>5</v>
      </c>
      <c r="K75" s="17">
        <v>46</v>
      </c>
      <c r="L75" s="17">
        <v>270</v>
      </c>
      <c r="M75" s="17">
        <v>14253</v>
      </c>
      <c r="N75" s="17">
        <v>209</v>
      </c>
      <c r="O75" s="17">
        <v>2</v>
      </c>
      <c r="P75" s="17">
        <v>75</v>
      </c>
      <c r="Q75" s="17">
        <v>132</v>
      </c>
      <c r="R75" s="17">
        <v>7467</v>
      </c>
    </row>
    <row r="76" spans="1:18">
      <c r="A76" s="21" t="s">
        <v>1079</v>
      </c>
      <c r="B76" s="10" t="s">
        <v>25</v>
      </c>
      <c r="C76" s="11"/>
      <c r="D76" s="17">
        <v>214</v>
      </c>
      <c r="E76" s="17">
        <v>2</v>
      </c>
      <c r="F76" s="17">
        <v>47</v>
      </c>
      <c r="G76" s="17">
        <v>165</v>
      </c>
      <c r="H76" s="17">
        <v>8702</v>
      </c>
      <c r="I76" s="17">
        <v>135</v>
      </c>
      <c r="J76" s="17">
        <v>2</v>
      </c>
      <c r="K76" s="17">
        <v>20</v>
      </c>
      <c r="L76" s="17">
        <v>113</v>
      </c>
      <c r="M76" s="17">
        <v>5842</v>
      </c>
      <c r="N76" s="17">
        <v>79</v>
      </c>
      <c r="O76" s="17" t="s">
        <v>35</v>
      </c>
      <c r="P76" s="17">
        <v>27</v>
      </c>
      <c r="Q76" s="17">
        <v>52</v>
      </c>
      <c r="R76" s="17">
        <v>2860</v>
      </c>
    </row>
    <row r="77" spans="1:18">
      <c r="A77" s="21" t="s">
        <v>1080</v>
      </c>
      <c r="B77" s="10" t="s">
        <v>25</v>
      </c>
      <c r="C77" s="11"/>
      <c r="D77" s="17">
        <v>24</v>
      </c>
      <c r="E77" s="17" t="s">
        <v>35</v>
      </c>
      <c r="F77" s="17">
        <v>3</v>
      </c>
      <c r="G77" s="17">
        <v>21</v>
      </c>
      <c r="H77" s="17">
        <v>949</v>
      </c>
      <c r="I77" s="17">
        <v>15</v>
      </c>
      <c r="J77" s="17" t="s">
        <v>35</v>
      </c>
      <c r="K77" s="17">
        <v>1</v>
      </c>
      <c r="L77" s="17">
        <v>14</v>
      </c>
      <c r="M77" s="17">
        <v>626</v>
      </c>
      <c r="N77" s="17">
        <v>9</v>
      </c>
      <c r="O77" s="17" t="s">
        <v>35</v>
      </c>
      <c r="P77" s="17">
        <v>2</v>
      </c>
      <c r="Q77" s="17">
        <v>7</v>
      </c>
      <c r="R77" s="17">
        <v>323</v>
      </c>
    </row>
    <row r="78" spans="1:18">
      <c r="A78" s="21" t="s">
        <v>1081</v>
      </c>
      <c r="B78" s="10" t="s">
        <v>25</v>
      </c>
      <c r="C78" s="11"/>
      <c r="D78" s="17">
        <v>293</v>
      </c>
      <c r="E78" s="17">
        <v>5</v>
      </c>
      <c r="F78" s="17">
        <v>71</v>
      </c>
      <c r="G78" s="17">
        <v>216</v>
      </c>
      <c r="H78" s="17">
        <v>12069</v>
      </c>
      <c r="I78" s="17">
        <v>172</v>
      </c>
      <c r="J78" s="17">
        <v>3</v>
      </c>
      <c r="K78" s="17">
        <v>25</v>
      </c>
      <c r="L78" s="17">
        <v>143</v>
      </c>
      <c r="M78" s="17">
        <v>7785</v>
      </c>
      <c r="N78" s="17">
        <v>121</v>
      </c>
      <c r="O78" s="17">
        <v>2</v>
      </c>
      <c r="P78" s="17">
        <v>46</v>
      </c>
      <c r="Q78" s="17">
        <v>73</v>
      </c>
      <c r="R78" s="17">
        <v>4284</v>
      </c>
    </row>
    <row r="79" spans="1:18">
      <c r="A79" s="21" t="s">
        <v>1082</v>
      </c>
      <c r="B79" s="10" t="s">
        <v>25</v>
      </c>
      <c r="C79" s="11"/>
      <c r="D79" s="17">
        <v>2467</v>
      </c>
      <c r="E79" s="17">
        <v>43</v>
      </c>
      <c r="F79" s="17">
        <v>579</v>
      </c>
      <c r="G79" s="17">
        <v>1841</v>
      </c>
      <c r="H79" s="17">
        <v>100172</v>
      </c>
      <c r="I79" s="17">
        <v>1459</v>
      </c>
      <c r="J79" s="17">
        <v>20</v>
      </c>
      <c r="K79" s="17">
        <v>165</v>
      </c>
      <c r="L79" s="17">
        <v>1271</v>
      </c>
      <c r="M79" s="17">
        <v>66776</v>
      </c>
      <c r="N79" s="17">
        <v>1008</v>
      </c>
      <c r="O79" s="17">
        <v>23</v>
      </c>
      <c r="P79" s="17">
        <v>414</v>
      </c>
      <c r="Q79" s="17">
        <v>570</v>
      </c>
      <c r="R79" s="17">
        <v>33396</v>
      </c>
    </row>
    <row r="80" spans="1:18">
      <c r="A80" s="21" t="s">
        <v>1083</v>
      </c>
      <c r="B80" s="10" t="s">
        <v>25</v>
      </c>
      <c r="C80" s="11"/>
      <c r="D80" s="17">
        <v>803</v>
      </c>
      <c r="E80" s="17">
        <v>11</v>
      </c>
      <c r="F80" s="17">
        <v>195</v>
      </c>
      <c r="G80" s="17">
        <v>594</v>
      </c>
      <c r="H80" s="17">
        <v>32302</v>
      </c>
      <c r="I80" s="17">
        <v>487</v>
      </c>
      <c r="J80" s="17">
        <v>5</v>
      </c>
      <c r="K80" s="17">
        <v>51</v>
      </c>
      <c r="L80" s="17">
        <v>429</v>
      </c>
      <c r="M80" s="17">
        <v>22450</v>
      </c>
      <c r="N80" s="17">
        <v>316</v>
      </c>
      <c r="O80" s="18">
        <v>6</v>
      </c>
      <c r="P80" s="17">
        <v>144</v>
      </c>
      <c r="Q80" s="17">
        <v>165</v>
      </c>
      <c r="R80" s="17">
        <v>9852</v>
      </c>
    </row>
    <row r="81" spans="1:18">
      <c r="A81" s="21" t="s">
        <v>1084</v>
      </c>
      <c r="B81" s="10" t="s">
        <v>25</v>
      </c>
      <c r="C81" s="11"/>
      <c r="D81" s="17">
        <v>708</v>
      </c>
      <c r="E81" s="17">
        <v>11</v>
      </c>
      <c r="F81" s="17">
        <v>191</v>
      </c>
      <c r="G81" s="17">
        <v>506</v>
      </c>
      <c r="H81" s="17">
        <v>28954</v>
      </c>
      <c r="I81" s="17">
        <v>412</v>
      </c>
      <c r="J81" s="17">
        <v>7</v>
      </c>
      <c r="K81" s="17">
        <v>60</v>
      </c>
      <c r="L81" s="17">
        <v>345</v>
      </c>
      <c r="M81" s="17">
        <v>18844</v>
      </c>
      <c r="N81" s="17">
        <v>296</v>
      </c>
      <c r="O81" s="18">
        <v>4</v>
      </c>
      <c r="P81" s="17">
        <v>131</v>
      </c>
      <c r="Q81" s="17">
        <v>161</v>
      </c>
      <c r="R81" s="17">
        <v>10110</v>
      </c>
    </row>
    <row r="82" spans="1:18">
      <c r="A82" s="21" t="s">
        <v>1085</v>
      </c>
      <c r="B82" s="10" t="s">
        <v>25</v>
      </c>
      <c r="C82" s="11"/>
      <c r="D82" s="17">
        <v>956</v>
      </c>
      <c r="E82" s="18">
        <v>21</v>
      </c>
      <c r="F82" s="17">
        <v>193</v>
      </c>
      <c r="G82" s="17">
        <v>741</v>
      </c>
      <c r="H82" s="17">
        <v>38916</v>
      </c>
      <c r="I82" s="17">
        <v>560</v>
      </c>
      <c r="J82" s="18">
        <v>8</v>
      </c>
      <c r="K82" s="17">
        <v>54</v>
      </c>
      <c r="L82" s="17">
        <v>497</v>
      </c>
      <c r="M82" s="17">
        <v>25482</v>
      </c>
      <c r="N82" s="17">
        <v>396</v>
      </c>
      <c r="O82" s="18">
        <v>13</v>
      </c>
      <c r="P82" s="17">
        <v>139</v>
      </c>
      <c r="Q82" s="17">
        <v>244</v>
      </c>
      <c r="R82" s="17">
        <v>13434</v>
      </c>
    </row>
    <row r="83" spans="1:18">
      <c r="A83" s="21" t="s">
        <v>1086</v>
      </c>
      <c r="B83" s="10" t="s">
        <v>52</v>
      </c>
      <c r="C83" s="11" t="s">
        <v>106</v>
      </c>
      <c r="D83" s="17">
        <v>1796</v>
      </c>
      <c r="E83" s="18">
        <v>26</v>
      </c>
      <c r="F83" s="17">
        <v>458</v>
      </c>
      <c r="G83" s="17">
        <v>1311</v>
      </c>
      <c r="H83" s="17">
        <v>72267</v>
      </c>
      <c r="I83" s="17">
        <v>1094</v>
      </c>
      <c r="J83" s="18">
        <v>20</v>
      </c>
      <c r="K83" s="17">
        <v>158</v>
      </c>
      <c r="L83" s="17">
        <v>916</v>
      </c>
      <c r="M83" s="17">
        <v>48502</v>
      </c>
      <c r="N83" s="17">
        <v>702</v>
      </c>
      <c r="O83" s="18">
        <v>6</v>
      </c>
      <c r="P83" s="17">
        <v>300</v>
      </c>
      <c r="Q83" s="17">
        <v>395</v>
      </c>
      <c r="R83" s="17">
        <v>23765</v>
      </c>
    </row>
    <row r="84" spans="1:18">
      <c r="A84" s="21" t="s">
        <v>1087</v>
      </c>
      <c r="B84" s="10" t="s">
        <v>25</v>
      </c>
      <c r="C84" s="11"/>
      <c r="D84" s="18">
        <v>1787</v>
      </c>
      <c r="E84" s="18">
        <v>26</v>
      </c>
      <c r="F84" s="18">
        <v>454</v>
      </c>
      <c r="G84" s="18">
        <v>1306</v>
      </c>
      <c r="H84" s="18">
        <v>71921</v>
      </c>
      <c r="I84" s="18">
        <v>1086</v>
      </c>
      <c r="J84" s="18">
        <v>20</v>
      </c>
      <c r="K84" s="18">
        <v>155</v>
      </c>
      <c r="L84" s="18">
        <v>911</v>
      </c>
      <c r="M84" s="18">
        <v>48180</v>
      </c>
      <c r="N84" s="18">
        <v>701</v>
      </c>
      <c r="O84" s="18">
        <v>6</v>
      </c>
      <c r="P84" s="18">
        <v>299</v>
      </c>
      <c r="Q84" s="18">
        <v>395</v>
      </c>
      <c r="R84" s="18">
        <v>23741</v>
      </c>
    </row>
    <row r="85" spans="1:18">
      <c r="A85" s="21" t="s">
        <v>1088</v>
      </c>
      <c r="B85" s="10" t="s">
        <v>52</v>
      </c>
      <c r="C85" s="11" t="s">
        <v>106</v>
      </c>
      <c r="D85" s="18">
        <v>9</v>
      </c>
      <c r="E85" s="18" t="s">
        <v>2472</v>
      </c>
      <c r="F85" s="18">
        <v>4</v>
      </c>
      <c r="G85" s="18">
        <v>5</v>
      </c>
      <c r="H85" s="18">
        <v>346</v>
      </c>
      <c r="I85" s="18">
        <v>8</v>
      </c>
      <c r="J85" s="18" t="s">
        <v>2472</v>
      </c>
      <c r="K85" s="18">
        <v>3</v>
      </c>
      <c r="L85" s="18">
        <v>5</v>
      </c>
      <c r="M85" s="18">
        <v>322</v>
      </c>
      <c r="N85" s="18">
        <v>1</v>
      </c>
      <c r="O85" s="18" t="s">
        <v>2472</v>
      </c>
      <c r="P85" s="18">
        <v>1</v>
      </c>
      <c r="Q85" s="18" t="s">
        <v>2472</v>
      </c>
      <c r="R85" s="18">
        <v>24</v>
      </c>
    </row>
    <row r="86" spans="1:18">
      <c r="A86" s="21" t="s">
        <v>1089</v>
      </c>
      <c r="B86" s="10" t="s">
        <v>58</v>
      </c>
      <c r="C86" s="11" t="s">
        <v>106</v>
      </c>
      <c r="D86" s="18" t="s">
        <v>59</v>
      </c>
      <c r="E86" s="18" t="s">
        <v>59</v>
      </c>
      <c r="F86" s="18" t="s">
        <v>59</v>
      </c>
      <c r="G86" s="18" t="s">
        <v>59</v>
      </c>
      <c r="H86" s="18" t="s">
        <v>59</v>
      </c>
      <c r="I86" s="18" t="s">
        <v>59</v>
      </c>
      <c r="J86" s="18" t="s">
        <v>59</v>
      </c>
      <c r="K86" s="18" t="s">
        <v>59</v>
      </c>
      <c r="L86" s="18" t="s">
        <v>59</v>
      </c>
      <c r="M86" s="18" t="s">
        <v>59</v>
      </c>
      <c r="N86" s="18" t="s">
        <v>59</v>
      </c>
      <c r="O86" s="18" t="s">
        <v>59</v>
      </c>
      <c r="P86" s="18" t="s">
        <v>59</v>
      </c>
      <c r="Q86" s="18" t="s">
        <v>59</v>
      </c>
      <c r="R86" s="18" t="s">
        <v>59</v>
      </c>
    </row>
    <row r="87" spans="1:18">
      <c r="A87" s="21" t="s">
        <v>1090</v>
      </c>
      <c r="B87" s="10" t="s">
        <v>58</v>
      </c>
      <c r="C87" s="11" t="s">
        <v>106</v>
      </c>
      <c r="D87" s="17" t="s">
        <v>59</v>
      </c>
      <c r="E87" s="17" t="s">
        <v>59</v>
      </c>
      <c r="F87" s="17" t="s">
        <v>59</v>
      </c>
      <c r="G87" s="17" t="s">
        <v>59</v>
      </c>
      <c r="H87" s="17" t="s">
        <v>59</v>
      </c>
      <c r="I87" s="17" t="s">
        <v>59</v>
      </c>
      <c r="J87" s="17" t="s">
        <v>59</v>
      </c>
      <c r="K87" s="17" t="s">
        <v>59</v>
      </c>
      <c r="L87" s="17" t="s">
        <v>59</v>
      </c>
      <c r="M87" s="17" t="s">
        <v>59</v>
      </c>
      <c r="N87" s="17" t="s">
        <v>59</v>
      </c>
      <c r="O87" s="17" t="s">
        <v>59</v>
      </c>
      <c r="P87" s="17" t="s">
        <v>59</v>
      </c>
      <c r="Q87" s="17" t="s">
        <v>59</v>
      </c>
      <c r="R87" s="17" t="s">
        <v>59</v>
      </c>
    </row>
    <row r="88" spans="1:18">
      <c r="A88" s="21" t="s">
        <v>1091</v>
      </c>
      <c r="B88" s="10" t="s">
        <v>25</v>
      </c>
      <c r="C88" s="11"/>
      <c r="D88" s="17" t="s">
        <v>35</v>
      </c>
      <c r="E88" s="17" t="s">
        <v>35</v>
      </c>
      <c r="F88" s="17" t="s">
        <v>35</v>
      </c>
      <c r="G88" s="17" t="s">
        <v>35</v>
      </c>
      <c r="H88" s="17" t="s">
        <v>35</v>
      </c>
      <c r="I88" s="17" t="s">
        <v>35</v>
      </c>
      <c r="J88" s="17" t="s">
        <v>35</v>
      </c>
      <c r="K88" s="17" t="s">
        <v>35</v>
      </c>
      <c r="L88" s="17" t="s">
        <v>35</v>
      </c>
      <c r="M88" s="17" t="s">
        <v>35</v>
      </c>
      <c r="N88" s="17" t="s">
        <v>35</v>
      </c>
      <c r="O88" s="17" t="s">
        <v>35</v>
      </c>
      <c r="P88" s="17" t="s">
        <v>35</v>
      </c>
      <c r="Q88" s="17" t="s">
        <v>35</v>
      </c>
      <c r="R88" s="17" t="s">
        <v>35</v>
      </c>
    </row>
    <row r="89" spans="1:18">
      <c r="A89" s="21" t="s">
        <v>375</v>
      </c>
      <c r="B89" s="10" t="s">
        <v>25</v>
      </c>
      <c r="C89" s="11"/>
      <c r="D89" s="17" t="s">
        <v>35</v>
      </c>
      <c r="E89" s="17" t="s">
        <v>35</v>
      </c>
      <c r="F89" s="17" t="s">
        <v>35</v>
      </c>
      <c r="G89" s="17" t="s">
        <v>35</v>
      </c>
      <c r="H89" s="17" t="s">
        <v>35</v>
      </c>
      <c r="I89" s="17" t="s">
        <v>35</v>
      </c>
      <c r="J89" s="17" t="s">
        <v>35</v>
      </c>
      <c r="K89" s="17" t="s">
        <v>35</v>
      </c>
      <c r="L89" s="17" t="s">
        <v>35</v>
      </c>
      <c r="M89" s="17" t="s">
        <v>35</v>
      </c>
      <c r="N89" s="17" t="s">
        <v>35</v>
      </c>
      <c r="O89" s="17" t="s">
        <v>35</v>
      </c>
      <c r="P89" s="17" t="s">
        <v>35</v>
      </c>
      <c r="Q89" s="17" t="s">
        <v>35</v>
      </c>
      <c r="R89" s="17" t="s">
        <v>35</v>
      </c>
    </row>
    <row r="90" spans="1:18">
      <c r="A90" s="21"/>
      <c r="B90" s="10"/>
      <c r="C90" s="11"/>
      <c r="D90" s="17"/>
      <c r="E90" s="17"/>
      <c r="F90" s="17"/>
      <c r="G90" s="17"/>
      <c r="H90" s="17"/>
      <c r="I90" s="17"/>
      <c r="J90" s="17"/>
      <c r="K90" s="17"/>
      <c r="L90" s="17"/>
      <c r="M90" s="17"/>
      <c r="N90" s="17"/>
      <c r="O90" s="17"/>
      <c r="P90" s="17"/>
      <c r="Q90" s="17"/>
      <c r="R90" s="17"/>
    </row>
    <row r="91" spans="1:18">
      <c r="B91" s="28"/>
      <c r="C91" s="28"/>
    </row>
    <row r="92" spans="1:18">
      <c r="B92" s="28"/>
      <c r="C92" s="28"/>
    </row>
    <row r="93" spans="1:18">
      <c r="B93" s="28"/>
      <c r="C93" s="28"/>
    </row>
    <row r="94" spans="1:18">
      <c r="B94" s="28"/>
      <c r="C94" s="28"/>
    </row>
    <row r="95" spans="1:18">
      <c r="B95" s="28"/>
      <c r="C95" s="28"/>
    </row>
    <row r="96" spans="1:18">
      <c r="B96" s="28"/>
      <c r="C96" s="28"/>
    </row>
    <row r="97" spans="2:3">
      <c r="B97" s="28"/>
      <c r="C97" s="28"/>
    </row>
    <row r="98" spans="2:3">
      <c r="B98" s="28"/>
      <c r="C98" s="28"/>
    </row>
    <row r="99" spans="2:3">
      <c r="B99" s="28"/>
      <c r="C99" s="28"/>
    </row>
    <row r="100" spans="2:3">
      <c r="B100" s="28"/>
      <c r="C100" s="28"/>
    </row>
    <row r="101" spans="2:3">
      <c r="B101" s="28"/>
      <c r="C101" s="28"/>
    </row>
    <row r="102" spans="2:3">
      <c r="B102" s="28"/>
      <c r="C102" s="28"/>
    </row>
    <row r="103" spans="2:3">
      <c r="B103" s="28"/>
      <c r="C103" s="28"/>
    </row>
    <row r="104" spans="2:3">
      <c r="B104" s="28"/>
      <c r="C104" s="28"/>
    </row>
    <row r="105" spans="2:3">
      <c r="B105" s="28"/>
      <c r="C105" s="28"/>
    </row>
    <row r="106" spans="2:3">
      <c r="B106" s="28"/>
      <c r="C106" s="28"/>
    </row>
    <row r="107" spans="2:3">
      <c r="B107" s="28"/>
      <c r="C107" s="28"/>
    </row>
  </sheetData>
  <mergeCells count="7">
    <mergeCell ref="A1:D1"/>
    <mergeCell ref="A3:R3"/>
    <mergeCell ref="A6:A7"/>
    <mergeCell ref="B6:C7"/>
    <mergeCell ref="D6:H6"/>
    <mergeCell ref="I6:M6"/>
    <mergeCell ref="N6:R6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65" fitToHeight="0" pageOrder="overThenDown" orientation="landscape" horizontalDpi="300" verticalDpi="300" r:id="rId1"/>
  <headerFooter alignWithMargins="0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R136"/>
  <sheetViews>
    <sheetView zoomScaleNormal="100" workbookViewId="0">
      <selection sqref="A1:XFD2"/>
    </sheetView>
  </sheetViews>
  <sheetFormatPr defaultRowHeight="13.5"/>
  <cols>
    <col min="1" max="1" width="25.83203125" style="12" customWidth="1"/>
    <col min="2" max="3" width="4.83203125" style="12" customWidth="1"/>
    <col min="4" max="4" width="22.1640625" style="9" customWidth="1"/>
    <col min="5" max="5" width="13.6640625" style="9" bestFit="1" customWidth="1"/>
    <col min="6" max="7" width="19.5" style="9" bestFit="1" customWidth="1"/>
    <col min="8" max="8" width="30.33203125" style="9" bestFit="1" customWidth="1"/>
    <col min="9" max="9" width="22.1640625" style="9" customWidth="1"/>
    <col min="10" max="10" width="13.6640625" style="9" bestFit="1" customWidth="1"/>
    <col min="11" max="12" width="19.5" style="9" bestFit="1" customWidth="1"/>
    <col min="13" max="13" width="30.33203125" style="9" bestFit="1" customWidth="1"/>
    <col min="14" max="14" width="22.6640625" style="9" customWidth="1"/>
    <col min="15" max="15" width="13.6640625" style="9" bestFit="1" customWidth="1"/>
    <col min="16" max="17" width="19.5" style="9" bestFit="1" customWidth="1"/>
    <col min="18" max="18" width="30.33203125" style="9" bestFit="1" customWidth="1"/>
    <col min="19" max="16384" width="9.33203125" style="9"/>
  </cols>
  <sheetData>
    <row r="1" spans="1:18" s="1" customFormat="1" ht="16.5" customHeight="1">
      <c r="A1" s="37" t="s">
        <v>0</v>
      </c>
      <c r="B1" s="37"/>
      <c r="C1" s="37"/>
      <c r="D1" s="37"/>
      <c r="E1" s="31"/>
      <c r="F1" s="31"/>
      <c r="G1" s="31"/>
      <c r="H1" s="31"/>
      <c r="I1" s="32"/>
      <c r="J1" s="32"/>
      <c r="K1" s="32"/>
      <c r="L1" s="32"/>
      <c r="M1" s="32"/>
      <c r="N1" s="32"/>
      <c r="O1" s="32"/>
      <c r="P1" s="31"/>
      <c r="Q1" s="31"/>
      <c r="R1" s="31"/>
    </row>
    <row r="2" spans="1:18" s="1" customFormat="1" ht="16.5" customHeight="1">
      <c r="D2" s="31"/>
      <c r="E2" s="31"/>
      <c r="F2" s="31"/>
      <c r="G2" s="31"/>
      <c r="H2" s="31"/>
      <c r="I2" s="32"/>
      <c r="J2" s="32"/>
      <c r="K2" s="32"/>
      <c r="L2" s="32"/>
      <c r="M2" s="32"/>
      <c r="N2" s="32"/>
      <c r="O2" s="32"/>
      <c r="P2" s="31"/>
      <c r="Q2" s="31"/>
      <c r="R2" s="31"/>
    </row>
    <row r="3" spans="1:18">
      <c r="A3" s="38" t="s">
        <v>2462</v>
      </c>
      <c r="B3" s="38"/>
      <c r="C3" s="38"/>
      <c r="D3" s="38"/>
      <c r="E3" s="38"/>
      <c r="F3" s="38"/>
      <c r="G3" s="38"/>
      <c r="H3" s="38"/>
      <c r="I3" s="38"/>
      <c r="J3" s="38"/>
      <c r="K3" s="38"/>
      <c r="L3" s="38"/>
      <c r="M3" s="38"/>
      <c r="N3" s="38"/>
      <c r="O3" s="38"/>
      <c r="P3" s="38"/>
      <c r="Q3" s="38"/>
      <c r="R3" s="38"/>
    </row>
    <row r="4" spans="1:18">
      <c r="A4" s="9"/>
      <c r="B4" s="9"/>
      <c r="C4" s="9"/>
    </row>
    <row r="6" spans="1:18" ht="13.5" customHeight="1">
      <c r="A6" s="48" t="s">
        <v>26</v>
      </c>
      <c r="B6" s="41" t="s">
        <v>27</v>
      </c>
      <c r="C6" s="42"/>
      <c r="D6" s="45" t="s">
        <v>2463</v>
      </c>
      <c r="E6" s="46"/>
      <c r="F6" s="46"/>
      <c r="G6" s="46"/>
      <c r="H6" s="47"/>
      <c r="I6" s="45" t="s">
        <v>2464</v>
      </c>
      <c r="J6" s="46"/>
      <c r="K6" s="46"/>
      <c r="L6" s="46"/>
      <c r="M6" s="47"/>
      <c r="N6" s="45" t="s">
        <v>2465</v>
      </c>
      <c r="O6" s="46"/>
      <c r="P6" s="46"/>
      <c r="Q6" s="46"/>
      <c r="R6" s="47"/>
    </row>
    <row r="7" spans="1:18" s="23" customFormat="1">
      <c r="A7" s="49"/>
      <c r="B7" s="43"/>
      <c r="C7" s="44"/>
      <c r="D7" s="29" t="s">
        <v>2466</v>
      </c>
      <c r="E7" s="29" t="s">
        <v>2467</v>
      </c>
      <c r="F7" s="29" t="s">
        <v>2468</v>
      </c>
      <c r="G7" s="29" t="s">
        <v>2469</v>
      </c>
      <c r="H7" s="29" t="s">
        <v>2470</v>
      </c>
      <c r="I7" s="29" t="s">
        <v>2471</v>
      </c>
      <c r="J7" s="29" t="s">
        <v>2467</v>
      </c>
      <c r="K7" s="29" t="s">
        <v>2468</v>
      </c>
      <c r="L7" s="29" t="s">
        <v>2469</v>
      </c>
      <c r="M7" s="29" t="s">
        <v>2470</v>
      </c>
      <c r="N7" s="29" t="s">
        <v>2471</v>
      </c>
      <c r="O7" s="29" t="s">
        <v>2467</v>
      </c>
      <c r="P7" s="29" t="s">
        <v>2468</v>
      </c>
      <c r="Q7" s="29" t="s">
        <v>2469</v>
      </c>
      <c r="R7" s="29" t="s">
        <v>2470</v>
      </c>
    </row>
    <row r="8" spans="1:18" s="15" customFormat="1">
      <c r="A8" s="20" t="s">
        <v>1092</v>
      </c>
      <c r="B8" s="13" t="s">
        <v>25</v>
      </c>
      <c r="C8" s="14" t="s">
        <v>25</v>
      </c>
      <c r="D8" s="16">
        <v>80275</v>
      </c>
      <c r="E8" s="16">
        <v>1245</v>
      </c>
      <c r="F8" s="16">
        <v>18175</v>
      </c>
      <c r="G8" s="16">
        <v>60715</v>
      </c>
      <c r="H8" s="16">
        <v>3329645</v>
      </c>
      <c r="I8" s="16">
        <v>46776</v>
      </c>
      <c r="J8" s="16">
        <v>680</v>
      </c>
      <c r="K8" s="16">
        <v>5415</v>
      </c>
      <c r="L8" s="16">
        <v>40589</v>
      </c>
      <c r="M8" s="16">
        <v>2157132</v>
      </c>
      <c r="N8" s="16">
        <v>33499</v>
      </c>
      <c r="O8" s="16">
        <v>565</v>
      </c>
      <c r="P8" s="16">
        <v>12760</v>
      </c>
      <c r="Q8" s="16">
        <v>20126</v>
      </c>
      <c r="R8" s="16">
        <v>1172513</v>
      </c>
    </row>
    <row r="9" spans="1:18">
      <c r="A9" s="30" t="s">
        <v>1093</v>
      </c>
      <c r="B9" s="10" t="s">
        <v>25</v>
      </c>
      <c r="C9" s="11" t="s">
        <v>25</v>
      </c>
      <c r="D9" s="17">
        <v>2710</v>
      </c>
      <c r="E9" s="17">
        <v>53</v>
      </c>
      <c r="F9" s="17">
        <v>641</v>
      </c>
      <c r="G9" s="17">
        <v>2009</v>
      </c>
      <c r="H9" s="17">
        <v>113489</v>
      </c>
      <c r="I9" s="17">
        <v>1560</v>
      </c>
      <c r="J9" s="17">
        <v>36</v>
      </c>
      <c r="K9" s="17">
        <v>219</v>
      </c>
      <c r="L9" s="17">
        <v>1300</v>
      </c>
      <c r="M9" s="17">
        <v>71340</v>
      </c>
      <c r="N9" s="17">
        <v>1150</v>
      </c>
      <c r="O9" s="17">
        <v>17</v>
      </c>
      <c r="P9" s="17">
        <v>422</v>
      </c>
      <c r="Q9" s="17">
        <v>709</v>
      </c>
      <c r="R9" s="17">
        <v>42149</v>
      </c>
    </row>
    <row r="10" spans="1:18">
      <c r="A10" s="21" t="s">
        <v>1094</v>
      </c>
      <c r="B10" s="10" t="s">
        <v>25</v>
      </c>
      <c r="C10" s="11" t="s">
        <v>25</v>
      </c>
      <c r="D10" s="17">
        <v>794</v>
      </c>
      <c r="E10" s="17">
        <v>11</v>
      </c>
      <c r="F10" s="17">
        <v>199</v>
      </c>
      <c r="G10" s="17">
        <v>582</v>
      </c>
      <c r="H10" s="17">
        <v>33115</v>
      </c>
      <c r="I10" s="17">
        <v>469</v>
      </c>
      <c r="J10" s="17">
        <v>8</v>
      </c>
      <c r="K10" s="17">
        <v>73</v>
      </c>
      <c r="L10" s="17">
        <v>386</v>
      </c>
      <c r="M10" s="17">
        <v>21291</v>
      </c>
      <c r="N10" s="17">
        <v>325</v>
      </c>
      <c r="O10" s="17">
        <v>3</v>
      </c>
      <c r="P10" s="17">
        <v>126</v>
      </c>
      <c r="Q10" s="17">
        <v>196</v>
      </c>
      <c r="R10" s="17">
        <v>11824</v>
      </c>
    </row>
    <row r="11" spans="1:18">
      <c r="A11" s="21" t="s">
        <v>1095</v>
      </c>
      <c r="B11" s="10" t="s">
        <v>25</v>
      </c>
      <c r="C11" s="11" t="s">
        <v>25</v>
      </c>
      <c r="D11" s="17">
        <v>327</v>
      </c>
      <c r="E11" s="17">
        <v>9</v>
      </c>
      <c r="F11" s="17">
        <v>71</v>
      </c>
      <c r="G11" s="17">
        <v>245</v>
      </c>
      <c r="H11" s="17">
        <v>13709</v>
      </c>
      <c r="I11" s="17">
        <v>180</v>
      </c>
      <c r="J11" s="17">
        <v>6</v>
      </c>
      <c r="K11" s="17">
        <v>19</v>
      </c>
      <c r="L11" s="17">
        <v>154</v>
      </c>
      <c r="M11" s="17">
        <v>8207</v>
      </c>
      <c r="N11" s="17">
        <v>147</v>
      </c>
      <c r="O11" s="17">
        <v>3</v>
      </c>
      <c r="P11" s="17">
        <v>52</v>
      </c>
      <c r="Q11" s="17">
        <v>91</v>
      </c>
      <c r="R11" s="17">
        <v>5502</v>
      </c>
    </row>
    <row r="12" spans="1:18">
      <c r="A12" s="21" t="s">
        <v>1096</v>
      </c>
      <c r="B12" s="10" t="s">
        <v>25</v>
      </c>
      <c r="C12" s="11" t="s">
        <v>25</v>
      </c>
      <c r="D12" s="17">
        <v>959</v>
      </c>
      <c r="E12" s="17">
        <v>24</v>
      </c>
      <c r="F12" s="17">
        <v>215</v>
      </c>
      <c r="G12" s="17">
        <v>717</v>
      </c>
      <c r="H12" s="17">
        <v>40101</v>
      </c>
      <c r="I12" s="17">
        <v>543</v>
      </c>
      <c r="J12" s="17">
        <v>16</v>
      </c>
      <c r="K12" s="17">
        <v>75</v>
      </c>
      <c r="L12" s="17">
        <v>450</v>
      </c>
      <c r="M12" s="17">
        <v>24789</v>
      </c>
      <c r="N12" s="17">
        <v>416</v>
      </c>
      <c r="O12" s="17">
        <v>8</v>
      </c>
      <c r="P12" s="17">
        <v>140</v>
      </c>
      <c r="Q12" s="17">
        <v>267</v>
      </c>
      <c r="R12" s="17">
        <v>15312</v>
      </c>
    </row>
    <row r="13" spans="1:18">
      <c r="A13" s="21" t="s">
        <v>1097</v>
      </c>
      <c r="B13" s="10" t="s">
        <v>25</v>
      </c>
      <c r="C13" s="11" t="s">
        <v>25</v>
      </c>
      <c r="D13" s="17">
        <v>332</v>
      </c>
      <c r="E13" s="17">
        <v>8</v>
      </c>
      <c r="F13" s="17">
        <v>87</v>
      </c>
      <c r="G13" s="17">
        <v>237</v>
      </c>
      <c r="H13" s="17">
        <v>13964</v>
      </c>
      <c r="I13" s="17">
        <v>188</v>
      </c>
      <c r="J13" s="17">
        <v>5</v>
      </c>
      <c r="K13" s="17">
        <v>28</v>
      </c>
      <c r="L13" s="17">
        <v>155</v>
      </c>
      <c r="M13" s="17">
        <v>8761</v>
      </c>
      <c r="N13" s="17">
        <v>144</v>
      </c>
      <c r="O13" s="17">
        <v>3</v>
      </c>
      <c r="P13" s="17">
        <v>59</v>
      </c>
      <c r="Q13" s="17">
        <v>82</v>
      </c>
      <c r="R13" s="17">
        <v>5203</v>
      </c>
    </row>
    <row r="14" spans="1:18">
      <c r="A14" s="21" t="s">
        <v>1098</v>
      </c>
      <c r="B14" s="10" t="s">
        <v>25</v>
      </c>
      <c r="C14" s="11" t="s">
        <v>25</v>
      </c>
      <c r="D14" s="17">
        <v>298</v>
      </c>
      <c r="E14" s="17">
        <v>1</v>
      </c>
      <c r="F14" s="17">
        <v>69</v>
      </c>
      <c r="G14" s="17">
        <v>228</v>
      </c>
      <c r="H14" s="17">
        <v>12600</v>
      </c>
      <c r="I14" s="17">
        <v>180</v>
      </c>
      <c r="J14" s="17">
        <v>1</v>
      </c>
      <c r="K14" s="17">
        <v>24</v>
      </c>
      <c r="L14" s="17">
        <v>155</v>
      </c>
      <c r="M14" s="17">
        <v>8292</v>
      </c>
      <c r="N14" s="17">
        <v>118</v>
      </c>
      <c r="O14" s="18" t="s">
        <v>35</v>
      </c>
      <c r="P14" s="17">
        <v>45</v>
      </c>
      <c r="Q14" s="18">
        <v>73</v>
      </c>
      <c r="R14" s="17">
        <v>4308</v>
      </c>
    </row>
    <row r="15" spans="1:18">
      <c r="A15" s="21" t="s">
        <v>1099</v>
      </c>
      <c r="B15" s="10" t="s">
        <v>25</v>
      </c>
      <c r="C15" s="11" t="s">
        <v>25</v>
      </c>
      <c r="D15" s="17">
        <v>2643</v>
      </c>
      <c r="E15" s="17">
        <v>32</v>
      </c>
      <c r="F15" s="18">
        <v>659</v>
      </c>
      <c r="G15" s="17">
        <v>1950</v>
      </c>
      <c r="H15" s="17">
        <v>108254</v>
      </c>
      <c r="I15" s="17">
        <v>1502</v>
      </c>
      <c r="J15" s="17">
        <v>19</v>
      </c>
      <c r="K15" s="18">
        <v>200</v>
      </c>
      <c r="L15" s="17">
        <v>1282</v>
      </c>
      <c r="M15" s="17">
        <v>68667</v>
      </c>
      <c r="N15" s="17">
        <v>1141</v>
      </c>
      <c r="O15" s="18">
        <v>13</v>
      </c>
      <c r="P15" s="18">
        <v>459</v>
      </c>
      <c r="Q15" s="17">
        <v>668</v>
      </c>
      <c r="R15" s="17">
        <v>39587</v>
      </c>
    </row>
    <row r="16" spans="1:18">
      <c r="A16" s="21" t="s">
        <v>1100</v>
      </c>
      <c r="B16" s="10" t="s">
        <v>25</v>
      </c>
      <c r="C16" s="11" t="s">
        <v>25</v>
      </c>
      <c r="D16" s="17">
        <v>717</v>
      </c>
      <c r="E16" s="17">
        <v>11</v>
      </c>
      <c r="F16" s="18">
        <v>195</v>
      </c>
      <c r="G16" s="18">
        <v>511</v>
      </c>
      <c r="H16" s="18">
        <v>28801</v>
      </c>
      <c r="I16" s="18">
        <v>387</v>
      </c>
      <c r="J16" s="18">
        <v>6</v>
      </c>
      <c r="K16" s="18">
        <v>66</v>
      </c>
      <c r="L16" s="18">
        <v>315</v>
      </c>
      <c r="M16" s="18">
        <v>17174</v>
      </c>
      <c r="N16" s="17">
        <v>330</v>
      </c>
      <c r="O16" s="17">
        <v>5</v>
      </c>
      <c r="P16" s="18">
        <v>129</v>
      </c>
      <c r="Q16" s="18">
        <v>196</v>
      </c>
      <c r="R16" s="18">
        <v>11627</v>
      </c>
    </row>
    <row r="17" spans="1:18">
      <c r="A17" s="21" t="s">
        <v>1101</v>
      </c>
      <c r="B17" s="10" t="s">
        <v>25</v>
      </c>
      <c r="C17" s="11" t="s">
        <v>25</v>
      </c>
      <c r="D17" s="17">
        <v>744</v>
      </c>
      <c r="E17" s="17">
        <v>9</v>
      </c>
      <c r="F17" s="17">
        <v>192</v>
      </c>
      <c r="G17" s="17">
        <v>543</v>
      </c>
      <c r="H17" s="17">
        <v>30175</v>
      </c>
      <c r="I17" s="17">
        <v>421</v>
      </c>
      <c r="J17" s="17">
        <v>6</v>
      </c>
      <c r="K17" s="17">
        <v>55</v>
      </c>
      <c r="L17" s="17">
        <v>360</v>
      </c>
      <c r="M17" s="17">
        <v>19091</v>
      </c>
      <c r="N17" s="17">
        <v>323</v>
      </c>
      <c r="O17" s="17">
        <v>3</v>
      </c>
      <c r="P17" s="17">
        <v>137</v>
      </c>
      <c r="Q17" s="17">
        <v>183</v>
      </c>
      <c r="R17" s="17">
        <v>11084</v>
      </c>
    </row>
    <row r="18" spans="1:18">
      <c r="A18" s="21" t="s">
        <v>1102</v>
      </c>
      <c r="B18" s="10" t="s">
        <v>25</v>
      </c>
      <c r="C18" s="11" t="s">
        <v>25</v>
      </c>
      <c r="D18" s="18">
        <v>1182</v>
      </c>
      <c r="E18" s="18">
        <v>12</v>
      </c>
      <c r="F18" s="18">
        <v>272</v>
      </c>
      <c r="G18" s="18">
        <v>896</v>
      </c>
      <c r="H18" s="18">
        <v>49278</v>
      </c>
      <c r="I18" s="18">
        <v>694</v>
      </c>
      <c r="J18" s="18">
        <v>7</v>
      </c>
      <c r="K18" s="18">
        <v>79</v>
      </c>
      <c r="L18" s="18">
        <v>607</v>
      </c>
      <c r="M18" s="18">
        <v>32402</v>
      </c>
      <c r="N18" s="18">
        <v>488</v>
      </c>
      <c r="O18" s="18">
        <v>5</v>
      </c>
      <c r="P18" s="18">
        <v>193</v>
      </c>
      <c r="Q18" s="18">
        <v>289</v>
      </c>
      <c r="R18" s="18">
        <v>16876</v>
      </c>
    </row>
    <row r="19" spans="1:18">
      <c r="A19" s="21" t="s">
        <v>1103</v>
      </c>
      <c r="B19" s="10" t="s">
        <v>25</v>
      </c>
      <c r="C19" s="11" t="s">
        <v>25</v>
      </c>
      <c r="D19" s="17">
        <v>1262</v>
      </c>
      <c r="E19" s="17">
        <v>22</v>
      </c>
      <c r="F19" s="17">
        <v>308</v>
      </c>
      <c r="G19" s="17">
        <v>932</v>
      </c>
      <c r="H19" s="17">
        <v>52998</v>
      </c>
      <c r="I19" s="17">
        <v>684</v>
      </c>
      <c r="J19" s="17">
        <v>14</v>
      </c>
      <c r="K19" s="17">
        <v>102</v>
      </c>
      <c r="L19" s="17">
        <v>568</v>
      </c>
      <c r="M19" s="17">
        <v>31828</v>
      </c>
      <c r="N19" s="17">
        <v>578</v>
      </c>
      <c r="O19" s="17">
        <v>8</v>
      </c>
      <c r="P19" s="17">
        <v>206</v>
      </c>
      <c r="Q19" s="17">
        <v>364</v>
      </c>
      <c r="R19" s="17">
        <v>21170</v>
      </c>
    </row>
    <row r="20" spans="1:18">
      <c r="A20" s="21" t="s">
        <v>1104</v>
      </c>
      <c r="B20" s="10" t="s">
        <v>25</v>
      </c>
      <c r="C20" s="11" t="s">
        <v>25</v>
      </c>
      <c r="D20" s="18">
        <v>358</v>
      </c>
      <c r="E20" s="18">
        <v>5</v>
      </c>
      <c r="F20" s="18">
        <v>83</v>
      </c>
      <c r="G20" s="18">
        <v>270</v>
      </c>
      <c r="H20" s="18">
        <v>15583</v>
      </c>
      <c r="I20" s="18">
        <v>196</v>
      </c>
      <c r="J20" s="18">
        <v>2</v>
      </c>
      <c r="K20" s="18">
        <v>32</v>
      </c>
      <c r="L20" s="18">
        <v>162</v>
      </c>
      <c r="M20" s="18">
        <v>9170</v>
      </c>
      <c r="N20" s="18">
        <v>162</v>
      </c>
      <c r="O20" s="18">
        <v>3</v>
      </c>
      <c r="P20" s="18">
        <v>51</v>
      </c>
      <c r="Q20" s="18">
        <v>108</v>
      </c>
      <c r="R20" s="18">
        <v>6413</v>
      </c>
    </row>
    <row r="21" spans="1:18">
      <c r="A21" s="21" t="s">
        <v>1105</v>
      </c>
      <c r="B21" s="10" t="s">
        <v>25</v>
      </c>
      <c r="C21" s="11" t="s">
        <v>25</v>
      </c>
      <c r="D21" s="17">
        <v>378</v>
      </c>
      <c r="E21" s="17">
        <v>9</v>
      </c>
      <c r="F21" s="17">
        <v>102</v>
      </c>
      <c r="G21" s="17">
        <v>267</v>
      </c>
      <c r="H21" s="17">
        <v>15207</v>
      </c>
      <c r="I21" s="17">
        <v>186</v>
      </c>
      <c r="J21" s="17">
        <v>6</v>
      </c>
      <c r="K21" s="17">
        <v>31</v>
      </c>
      <c r="L21" s="17">
        <v>149</v>
      </c>
      <c r="M21" s="17">
        <v>8384</v>
      </c>
      <c r="N21" s="17">
        <v>192</v>
      </c>
      <c r="O21" s="17">
        <v>3</v>
      </c>
      <c r="P21" s="17">
        <v>71</v>
      </c>
      <c r="Q21" s="17">
        <v>118</v>
      </c>
      <c r="R21" s="17">
        <v>6823</v>
      </c>
    </row>
    <row r="22" spans="1:18">
      <c r="A22" s="21" t="s">
        <v>1106</v>
      </c>
      <c r="B22" s="10" t="s">
        <v>25</v>
      </c>
      <c r="C22" s="11" t="s">
        <v>25</v>
      </c>
      <c r="D22" s="17">
        <v>526</v>
      </c>
      <c r="E22" s="17">
        <v>8</v>
      </c>
      <c r="F22" s="17">
        <v>123</v>
      </c>
      <c r="G22" s="17">
        <v>395</v>
      </c>
      <c r="H22" s="17">
        <v>22208</v>
      </c>
      <c r="I22" s="17">
        <v>302</v>
      </c>
      <c r="J22" s="17">
        <v>6</v>
      </c>
      <c r="K22" s="17">
        <v>39</v>
      </c>
      <c r="L22" s="17">
        <v>257</v>
      </c>
      <c r="M22" s="17">
        <v>14274</v>
      </c>
      <c r="N22" s="17">
        <v>224</v>
      </c>
      <c r="O22" s="17">
        <v>2</v>
      </c>
      <c r="P22" s="17">
        <v>84</v>
      </c>
      <c r="Q22" s="17">
        <v>138</v>
      </c>
      <c r="R22" s="17">
        <v>7934</v>
      </c>
    </row>
    <row r="23" spans="1:18">
      <c r="A23" s="21" t="s">
        <v>1107</v>
      </c>
      <c r="B23" s="10" t="s">
        <v>25</v>
      </c>
      <c r="C23" s="11" t="s">
        <v>25</v>
      </c>
      <c r="D23" s="17">
        <v>1402</v>
      </c>
      <c r="E23" s="18">
        <v>24</v>
      </c>
      <c r="F23" s="17">
        <v>334</v>
      </c>
      <c r="G23" s="17">
        <v>1044</v>
      </c>
      <c r="H23" s="17">
        <v>57944</v>
      </c>
      <c r="I23" s="17">
        <v>783</v>
      </c>
      <c r="J23" s="18">
        <v>10</v>
      </c>
      <c r="K23" s="17">
        <v>113</v>
      </c>
      <c r="L23" s="17">
        <v>660</v>
      </c>
      <c r="M23" s="17">
        <v>35761</v>
      </c>
      <c r="N23" s="17">
        <v>619</v>
      </c>
      <c r="O23" s="18">
        <v>14</v>
      </c>
      <c r="P23" s="17">
        <v>221</v>
      </c>
      <c r="Q23" s="17">
        <v>384</v>
      </c>
      <c r="R23" s="17">
        <v>22183</v>
      </c>
    </row>
    <row r="24" spans="1:18">
      <c r="A24" s="21" t="s">
        <v>1108</v>
      </c>
      <c r="B24" s="10" t="s">
        <v>25</v>
      </c>
      <c r="C24" s="11" t="s">
        <v>25</v>
      </c>
      <c r="D24" s="17">
        <v>604</v>
      </c>
      <c r="E24" s="17">
        <v>10</v>
      </c>
      <c r="F24" s="17">
        <v>154</v>
      </c>
      <c r="G24" s="17">
        <v>440</v>
      </c>
      <c r="H24" s="17">
        <v>24193</v>
      </c>
      <c r="I24" s="17">
        <v>347</v>
      </c>
      <c r="J24" s="17">
        <v>7</v>
      </c>
      <c r="K24" s="17">
        <v>57</v>
      </c>
      <c r="L24" s="17">
        <v>283</v>
      </c>
      <c r="M24" s="17">
        <v>15381</v>
      </c>
      <c r="N24" s="17">
        <v>257</v>
      </c>
      <c r="O24" s="17">
        <v>3</v>
      </c>
      <c r="P24" s="17">
        <v>97</v>
      </c>
      <c r="Q24" s="17">
        <v>157</v>
      </c>
      <c r="R24" s="17">
        <v>8812</v>
      </c>
    </row>
    <row r="25" spans="1:18">
      <c r="A25" s="21" t="s">
        <v>1109</v>
      </c>
      <c r="B25" s="10" t="s">
        <v>25</v>
      </c>
      <c r="C25" s="11" t="s">
        <v>25</v>
      </c>
      <c r="D25" s="17">
        <v>676</v>
      </c>
      <c r="E25" s="17">
        <v>11</v>
      </c>
      <c r="F25" s="17">
        <v>156</v>
      </c>
      <c r="G25" s="17">
        <v>509</v>
      </c>
      <c r="H25" s="17">
        <v>28720</v>
      </c>
      <c r="I25" s="17">
        <v>373</v>
      </c>
      <c r="J25" s="17">
        <v>2</v>
      </c>
      <c r="K25" s="17">
        <v>48</v>
      </c>
      <c r="L25" s="17">
        <v>323</v>
      </c>
      <c r="M25" s="17">
        <v>17574</v>
      </c>
      <c r="N25" s="17">
        <v>303</v>
      </c>
      <c r="O25" s="17">
        <v>9</v>
      </c>
      <c r="P25" s="17">
        <v>108</v>
      </c>
      <c r="Q25" s="17">
        <v>186</v>
      </c>
      <c r="R25" s="17">
        <v>11146</v>
      </c>
    </row>
    <row r="26" spans="1:18">
      <c r="A26" s="21" t="s">
        <v>1110</v>
      </c>
      <c r="B26" s="10" t="s">
        <v>25</v>
      </c>
      <c r="C26" s="11" t="s">
        <v>25</v>
      </c>
      <c r="D26" s="17">
        <v>122</v>
      </c>
      <c r="E26" s="17">
        <v>3</v>
      </c>
      <c r="F26" s="17">
        <v>24</v>
      </c>
      <c r="G26" s="17">
        <v>95</v>
      </c>
      <c r="H26" s="17">
        <v>5031</v>
      </c>
      <c r="I26" s="17">
        <v>63</v>
      </c>
      <c r="J26" s="17">
        <v>1</v>
      </c>
      <c r="K26" s="17">
        <v>8</v>
      </c>
      <c r="L26" s="17">
        <v>54</v>
      </c>
      <c r="M26" s="17">
        <v>2806</v>
      </c>
      <c r="N26" s="17">
        <v>59</v>
      </c>
      <c r="O26" s="17">
        <v>2</v>
      </c>
      <c r="P26" s="17">
        <v>16</v>
      </c>
      <c r="Q26" s="17">
        <v>41</v>
      </c>
      <c r="R26" s="17">
        <v>2225</v>
      </c>
    </row>
    <row r="27" spans="1:18">
      <c r="A27" s="21" t="s">
        <v>1111</v>
      </c>
      <c r="B27" s="10" t="s">
        <v>25</v>
      </c>
      <c r="C27" s="11" t="s">
        <v>25</v>
      </c>
      <c r="D27" s="17">
        <v>5688</v>
      </c>
      <c r="E27" s="17">
        <v>89</v>
      </c>
      <c r="F27" s="17">
        <v>1363</v>
      </c>
      <c r="G27" s="17">
        <v>4233</v>
      </c>
      <c r="H27" s="17">
        <v>233931</v>
      </c>
      <c r="I27" s="17">
        <v>3247</v>
      </c>
      <c r="J27" s="17">
        <v>48</v>
      </c>
      <c r="K27" s="17">
        <v>426</v>
      </c>
      <c r="L27" s="17">
        <v>2771</v>
      </c>
      <c r="M27" s="17">
        <v>148730</v>
      </c>
      <c r="N27" s="17">
        <v>2441</v>
      </c>
      <c r="O27" s="17">
        <v>41</v>
      </c>
      <c r="P27" s="17">
        <v>937</v>
      </c>
      <c r="Q27" s="17">
        <v>1462</v>
      </c>
      <c r="R27" s="17">
        <v>85201</v>
      </c>
    </row>
    <row r="28" spans="1:18">
      <c r="A28" s="21" t="s">
        <v>1112</v>
      </c>
      <c r="B28" s="10" t="s">
        <v>25</v>
      </c>
      <c r="C28" s="11" t="s">
        <v>25</v>
      </c>
      <c r="D28" s="17">
        <v>925</v>
      </c>
      <c r="E28" s="17">
        <v>12</v>
      </c>
      <c r="F28" s="17">
        <v>233</v>
      </c>
      <c r="G28" s="17">
        <v>680</v>
      </c>
      <c r="H28" s="17">
        <v>37560</v>
      </c>
      <c r="I28" s="17">
        <v>543</v>
      </c>
      <c r="J28" s="17">
        <v>9</v>
      </c>
      <c r="K28" s="17">
        <v>75</v>
      </c>
      <c r="L28" s="17">
        <v>459</v>
      </c>
      <c r="M28" s="17">
        <v>24419</v>
      </c>
      <c r="N28" s="17">
        <v>382</v>
      </c>
      <c r="O28" s="17">
        <v>3</v>
      </c>
      <c r="P28" s="17">
        <v>158</v>
      </c>
      <c r="Q28" s="17">
        <v>221</v>
      </c>
      <c r="R28" s="17">
        <v>13141</v>
      </c>
    </row>
    <row r="29" spans="1:18">
      <c r="A29" s="21" t="s">
        <v>1113</v>
      </c>
      <c r="B29" s="10" t="s">
        <v>25</v>
      </c>
      <c r="C29" s="11" t="s">
        <v>25</v>
      </c>
      <c r="D29" s="17">
        <v>1787</v>
      </c>
      <c r="E29" s="17">
        <v>20</v>
      </c>
      <c r="F29" s="17">
        <v>388</v>
      </c>
      <c r="G29" s="17">
        <v>1377</v>
      </c>
      <c r="H29" s="17">
        <v>75182</v>
      </c>
      <c r="I29" s="17">
        <v>967</v>
      </c>
      <c r="J29" s="17">
        <v>8</v>
      </c>
      <c r="K29" s="17">
        <v>115</v>
      </c>
      <c r="L29" s="17">
        <v>843</v>
      </c>
      <c r="M29" s="17">
        <v>45426</v>
      </c>
      <c r="N29" s="17">
        <v>820</v>
      </c>
      <c r="O29" s="17">
        <v>12</v>
      </c>
      <c r="P29" s="17">
        <v>273</v>
      </c>
      <c r="Q29" s="17">
        <v>534</v>
      </c>
      <c r="R29" s="17">
        <v>29756</v>
      </c>
    </row>
    <row r="30" spans="1:18">
      <c r="A30" s="21" t="s">
        <v>1114</v>
      </c>
      <c r="B30" s="10" t="s">
        <v>25</v>
      </c>
      <c r="C30" s="11" t="s">
        <v>25</v>
      </c>
      <c r="D30" s="17">
        <v>669</v>
      </c>
      <c r="E30" s="17">
        <v>13</v>
      </c>
      <c r="F30" s="17">
        <v>163</v>
      </c>
      <c r="G30" s="17">
        <v>493</v>
      </c>
      <c r="H30" s="17">
        <v>27574</v>
      </c>
      <c r="I30" s="17">
        <v>383</v>
      </c>
      <c r="J30" s="17">
        <v>8</v>
      </c>
      <c r="K30" s="17">
        <v>54</v>
      </c>
      <c r="L30" s="17">
        <v>321</v>
      </c>
      <c r="M30" s="17">
        <v>17504</v>
      </c>
      <c r="N30" s="17">
        <v>286</v>
      </c>
      <c r="O30" s="17">
        <v>5</v>
      </c>
      <c r="P30" s="17">
        <v>109</v>
      </c>
      <c r="Q30" s="17">
        <v>172</v>
      </c>
      <c r="R30" s="17">
        <v>10070</v>
      </c>
    </row>
    <row r="31" spans="1:18">
      <c r="A31" s="21" t="s">
        <v>1115</v>
      </c>
      <c r="B31" s="10" t="s">
        <v>25</v>
      </c>
      <c r="C31" s="11" t="s">
        <v>25</v>
      </c>
      <c r="D31" s="17">
        <v>906</v>
      </c>
      <c r="E31" s="17">
        <v>16</v>
      </c>
      <c r="F31" s="17">
        <v>230</v>
      </c>
      <c r="G31" s="17">
        <v>660</v>
      </c>
      <c r="H31" s="17">
        <v>36528</v>
      </c>
      <c r="I31" s="17">
        <v>505</v>
      </c>
      <c r="J31" s="17">
        <v>9</v>
      </c>
      <c r="K31" s="17">
        <v>68</v>
      </c>
      <c r="L31" s="17">
        <v>428</v>
      </c>
      <c r="M31" s="17">
        <v>22741</v>
      </c>
      <c r="N31" s="17">
        <v>401</v>
      </c>
      <c r="O31" s="17">
        <v>7</v>
      </c>
      <c r="P31" s="17">
        <v>162</v>
      </c>
      <c r="Q31" s="17">
        <v>232</v>
      </c>
      <c r="R31" s="17">
        <v>13787</v>
      </c>
    </row>
    <row r="32" spans="1:18">
      <c r="A32" s="21" t="s">
        <v>1116</v>
      </c>
      <c r="B32" s="10" t="s">
        <v>25</v>
      </c>
      <c r="C32" s="11" t="s">
        <v>25</v>
      </c>
      <c r="D32" s="17">
        <v>676</v>
      </c>
      <c r="E32" s="17">
        <v>10</v>
      </c>
      <c r="F32" s="17">
        <v>180</v>
      </c>
      <c r="G32" s="17">
        <v>486</v>
      </c>
      <c r="H32" s="17">
        <v>27108</v>
      </c>
      <c r="I32" s="17">
        <v>411</v>
      </c>
      <c r="J32" s="18">
        <v>5</v>
      </c>
      <c r="K32" s="17">
        <v>62</v>
      </c>
      <c r="L32" s="17">
        <v>344</v>
      </c>
      <c r="M32" s="17">
        <v>18520</v>
      </c>
      <c r="N32" s="17">
        <v>265</v>
      </c>
      <c r="O32" s="17">
        <v>5</v>
      </c>
      <c r="P32" s="17">
        <v>118</v>
      </c>
      <c r="Q32" s="17">
        <v>142</v>
      </c>
      <c r="R32" s="17">
        <v>8588</v>
      </c>
    </row>
    <row r="33" spans="1:18">
      <c r="A33" s="21" t="s">
        <v>1117</v>
      </c>
      <c r="B33" s="10" t="s">
        <v>25</v>
      </c>
      <c r="C33" s="11" t="s">
        <v>25</v>
      </c>
      <c r="D33" s="17">
        <v>725</v>
      </c>
      <c r="E33" s="17">
        <v>18</v>
      </c>
      <c r="F33" s="17">
        <v>169</v>
      </c>
      <c r="G33" s="17">
        <v>537</v>
      </c>
      <c r="H33" s="17">
        <v>29979</v>
      </c>
      <c r="I33" s="17">
        <v>438</v>
      </c>
      <c r="J33" s="17">
        <v>9</v>
      </c>
      <c r="K33" s="17">
        <v>52</v>
      </c>
      <c r="L33" s="17">
        <v>376</v>
      </c>
      <c r="M33" s="17">
        <v>20120</v>
      </c>
      <c r="N33" s="17">
        <v>287</v>
      </c>
      <c r="O33" s="17">
        <v>9</v>
      </c>
      <c r="P33" s="17">
        <v>117</v>
      </c>
      <c r="Q33" s="17">
        <v>161</v>
      </c>
      <c r="R33" s="17">
        <v>9859</v>
      </c>
    </row>
    <row r="34" spans="1:18">
      <c r="A34" s="21" t="s">
        <v>1118</v>
      </c>
      <c r="B34" s="10" t="s">
        <v>25</v>
      </c>
      <c r="C34" s="11" t="s">
        <v>25</v>
      </c>
      <c r="D34" s="18">
        <v>1733</v>
      </c>
      <c r="E34" s="18">
        <v>34</v>
      </c>
      <c r="F34" s="18">
        <v>424</v>
      </c>
      <c r="G34" s="18">
        <v>1269</v>
      </c>
      <c r="H34" s="18">
        <v>69424</v>
      </c>
      <c r="I34" s="18">
        <v>1046</v>
      </c>
      <c r="J34" s="18">
        <v>25</v>
      </c>
      <c r="K34" s="18">
        <v>130</v>
      </c>
      <c r="L34" s="18">
        <v>888</v>
      </c>
      <c r="M34" s="18">
        <v>46701</v>
      </c>
      <c r="N34" s="18">
        <v>687</v>
      </c>
      <c r="O34" s="18">
        <v>9</v>
      </c>
      <c r="P34" s="18">
        <v>294</v>
      </c>
      <c r="Q34" s="18">
        <v>381</v>
      </c>
      <c r="R34" s="18">
        <v>22723</v>
      </c>
    </row>
    <row r="35" spans="1:18">
      <c r="A35" s="21" t="s">
        <v>1119</v>
      </c>
      <c r="B35" s="10" t="s">
        <v>25</v>
      </c>
      <c r="C35" s="11" t="s">
        <v>25</v>
      </c>
      <c r="D35" s="17">
        <v>563</v>
      </c>
      <c r="E35" s="18">
        <v>14</v>
      </c>
      <c r="F35" s="17">
        <v>141</v>
      </c>
      <c r="G35" s="17">
        <v>406</v>
      </c>
      <c r="H35" s="17">
        <v>22306</v>
      </c>
      <c r="I35" s="17">
        <v>331</v>
      </c>
      <c r="J35" s="18">
        <v>12</v>
      </c>
      <c r="K35" s="17">
        <v>44</v>
      </c>
      <c r="L35" s="17">
        <v>275</v>
      </c>
      <c r="M35" s="17">
        <v>14517</v>
      </c>
      <c r="N35" s="17">
        <v>232</v>
      </c>
      <c r="O35" s="18">
        <v>2</v>
      </c>
      <c r="P35" s="17">
        <v>97</v>
      </c>
      <c r="Q35" s="17">
        <v>131</v>
      </c>
      <c r="R35" s="17">
        <v>7789</v>
      </c>
    </row>
    <row r="36" spans="1:18">
      <c r="A36" s="21" t="s">
        <v>1120</v>
      </c>
      <c r="B36" s="10" t="s">
        <v>25</v>
      </c>
      <c r="C36" s="11" t="s">
        <v>25</v>
      </c>
      <c r="D36" s="17">
        <v>670</v>
      </c>
      <c r="E36" s="17">
        <v>12</v>
      </c>
      <c r="F36" s="17">
        <v>174</v>
      </c>
      <c r="G36" s="17">
        <v>483</v>
      </c>
      <c r="H36" s="17">
        <v>26833</v>
      </c>
      <c r="I36" s="17">
        <v>387</v>
      </c>
      <c r="J36" s="17">
        <v>6</v>
      </c>
      <c r="K36" s="17">
        <v>47</v>
      </c>
      <c r="L36" s="17">
        <v>333</v>
      </c>
      <c r="M36" s="17">
        <v>17634</v>
      </c>
      <c r="N36" s="17">
        <v>283</v>
      </c>
      <c r="O36" s="17">
        <v>6</v>
      </c>
      <c r="P36" s="17">
        <v>127</v>
      </c>
      <c r="Q36" s="17">
        <v>150</v>
      </c>
      <c r="R36" s="17">
        <v>9199</v>
      </c>
    </row>
    <row r="37" spans="1:18">
      <c r="A37" s="21" t="s">
        <v>1121</v>
      </c>
      <c r="B37" s="10" t="s">
        <v>25</v>
      </c>
      <c r="C37" s="11" t="s">
        <v>25</v>
      </c>
      <c r="D37" s="17">
        <v>500</v>
      </c>
      <c r="E37" s="17">
        <v>8</v>
      </c>
      <c r="F37" s="17">
        <v>109</v>
      </c>
      <c r="G37" s="17">
        <v>380</v>
      </c>
      <c r="H37" s="17">
        <v>20285</v>
      </c>
      <c r="I37" s="17">
        <v>328</v>
      </c>
      <c r="J37" s="17">
        <v>7</v>
      </c>
      <c r="K37" s="17">
        <v>39</v>
      </c>
      <c r="L37" s="17">
        <v>280</v>
      </c>
      <c r="M37" s="17">
        <v>14550</v>
      </c>
      <c r="N37" s="17">
        <v>172</v>
      </c>
      <c r="O37" s="17">
        <v>1</v>
      </c>
      <c r="P37" s="17">
        <v>70</v>
      </c>
      <c r="Q37" s="17">
        <v>100</v>
      </c>
      <c r="R37" s="17">
        <v>5735</v>
      </c>
    </row>
    <row r="38" spans="1:18">
      <c r="A38" s="21" t="s">
        <v>1122</v>
      </c>
      <c r="B38" s="10" t="s">
        <v>25</v>
      </c>
      <c r="C38" s="11" t="s">
        <v>25</v>
      </c>
      <c r="D38" s="17">
        <v>1151</v>
      </c>
      <c r="E38" s="17">
        <v>17</v>
      </c>
      <c r="F38" s="17">
        <v>303</v>
      </c>
      <c r="G38" s="17">
        <v>825</v>
      </c>
      <c r="H38" s="17">
        <v>46283</v>
      </c>
      <c r="I38" s="17">
        <v>691</v>
      </c>
      <c r="J38" s="17">
        <v>8</v>
      </c>
      <c r="K38" s="17">
        <v>102</v>
      </c>
      <c r="L38" s="17">
        <v>575</v>
      </c>
      <c r="M38" s="17">
        <v>31127</v>
      </c>
      <c r="N38" s="17">
        <v>460</v>
      </c>
      <c r="O38" s="17">
        <v>9</v>
      </c>
      <c r="P38" s="17">
        <v>201</v>
      </c>
      <c r="Q38" s="17">
        <v>250</v>
      </c>
      <c r="R38" s="17">
        <v>15156</v>
      </c>
    </row>
    <row r="39" spans="1:18">
      <c r="A39" s="21" t="s">
        <v>1123</v>
      </c>
      <c r="B39" s="10" t="s">
        <v>25</v>
      </c>
      <c r="C39" s="11" t="s">
        <v>25</v>
      </c>
      <c r="D39" s="17">
        <v>495</v>
      </c>
      <c r="E39" s="17">
        <v>4</v>
      </c>
      <c r="F39" s="17">
        <v>146</v>
      </c>
      <c r="G39" s="17">
        <v>344</v>
      </c>
      <c r="H39" s="17">
        <v>19719</v>
      </c>
      <c r="I39" s="17">
        <v>305</v>
      </c>
      <c r="J39" s="17">
        <v>1</v>
      </c>
      <c r="K39" s="17">
        <v>57</v>
      </c>
      <c r="L39" s="17">
        <v>246</v>
      </c>
      <c r="M39" s="17">
        <v>13520</v>
      </c>
      <c r="N39" s="17">
        <v>190</v>
      </c>
      <c r="O39" s="17">
        <v>3</v>
      </c>
      <c r="P39" s="17">
        <v>89</v>
      </c>
      <c r="Q39" s="17">
        <v>98</v>
      </c>
      <c r="R39" s="17">
        <v>6199</v>
      </c>
    </row>
    <row r="40" spans="1:18">
      <c r="A40" s="21" t="s">
        <v>1124</v>
      </c>
      <c r="B40" s="10" t="s">
        <v>25</v>
      </c>
      <c r="C40" s="11" t="s">
        <v>25</v>
      </c>
      <c r="D40" s="17">
        <v>416</v>
      </c>
      <c r="E40" s="17">
        <v>9</v>
      </c>
      <c r="F40" s="17">
        <v>105</v>
      </c>
      <c r="G40" s="17">
        <v>298</v>
      </c>
      <c r="H40" s="17">
        <v>17064</v>
      </c>
      <c r="I40" s="17">
        <v>244</v>
      </c>
      <c r="J40" s="18">
        <v>5</v>
      </c>
      <c r="K40" s="17">
        <v>32</v>
      </c>
      <c r="L40" s="17">
        <v>203</v>
      </c>
      <c r="M40" s="17">
        <v>11254</v>
      </c>
      <c r="N40" s="17">
        <v>172</v>
      </c>
      <c r="O40" s="17">
        <v>4</v>
      </c>
      <c r="P40" s="17">
        <v>73</v>
      </c>
      <c r="Q40" s="17">
        <v>95</v>
      </c>
      <c r="R40" s="17">
        <v>5810</v>
      </c>
    </row>
    <row r="41" spans="1:18">
      <c r="A41" s="21" t="s">
        <v>1125</v>
      </c>
      <c r="B41" s="10" t="s">
        <v>25</v>
      </c>
      <c r="C41" s="11" t="s">
        <v>25</v>
      </c>
      <c r="D41" s="17">
        <v>240</v>
      </c>
      <c r="E41" s="17">
        <v>4</v>
      </c>
      <c r="F41" s="17">
        <v>52</v>
      </c>
      <c r="G41" s="17">
        <v>183</v>
      </c>
      <c r="H41" s="17">
        <v>9500</v>
      </c>
      <c r="I41" s="17">
        <v>142</v>
      </c>
      <c r="J41" s="17">
        <v>2</v>
      </c>
      <c r="K41" s="17">
        <v>13</v>
      </c>
      <c r="L41" s="17">
        <v>126</v>
      </c>
      <c r="M41" s="17">
        <v>6353</v>
      </c>
      <c r="N41" s="17">
        <v>98</v>
      </c>
      <c r="O41" s="17">
        <v>2</v>
      </c>
      <c r="P41" s="17">
        <v>39</v>
      </c>
      <c r="Q41" s="17">
        <v>57</v>
      </c>
      <c r="R41" s="17">
        <v>3147</v>
      </c>
    </row>
    <row r="42" spans="1:18">
      <c r="A42" s="21" t="s">
        <v>1126</v>
      </c>
      <c r="B42" s="10" t="s">
        <v>25</v>
      </c>
      <c r="C42" s="11" t="s">
        <v>25</v>
      </c>
      <c r="D42" s="18">
        <v>5645</v>
      </c>
      <c r="E42" s="18">
        <v>93</v>
      </c>
      <c r="F42" s="18">
        <v>1258</v>
      </c>
      <c r="G42" s="18">
        <v>4283</v>
      </c>
      <c r="H42" s="18">
        <v>233765</v>
      </c>
      <c r="I42" s="18">
        <v>3355</v>
      </c>
      <c r="J42" s="18">
        <v>57</v>
      </c>
      <c r="K42" s="18">
        <v>352</v>
      </c>
      <c r="L42" s="18">
        <v>2938</v>
      </c>
      <c r="M42" s="18">
        <v>155716</v>
      </c>
      <c r="N42" s="18">
        <v>2290</v>
      </c>
      <c r="O42" s="18">
        <v>36</v>
      </c>
      <c r="P42" s="18">
        <v>906</v>
      </c>
      <c r="Q42" s="18">
        <v>1345</v>
      </c>
      <c r="R42" s="18">
        <v>78049</v>
      </c>
    </row>
    <row r="43" spans="1:18">
      <c r="A43" s="21" t="s">
        <v>1127</v>
      </c>
      <c r="B43" s="10" t="s">
        <v>25</v>
      </c>
      <c r="C43" s="11" t="s">
        <v>25</v>
      </c>
      <c r="D43" s="17">
        <v>1455</v>
      </c>
      <c r="E43" s="17">
        <v>38</v>
      </c>
      <c r="F43" s="17">
        <v>370</v>
      </c>
      <c r="G43" s="17">
        <v>1046</v>
      </c>
      <c r="H43" s="17">
        <v>57068</v>
      </c>
      <c r="I43" s="17">
        <v>816</v>
      </c>
      <c r="J43" s="17">
        <v>23</v>
      </c>
      <c r="K43" s="17">
        <v>110</v>
      </c>
      <c r="L43" s="17">
        <v>682</v>
      </c>
      <c r="M43" s="17">
        <v>36112</v>
      </c>
      <c r="N43" s="17">
        <v>639</v>
      </c>
      <c r="O43" s="17">
        <v>15</v>
      </c>
      <c r="P43" s="17">
        <v>260</v>
      </c>
      <c r="Q43" s="17">
        <v>364</v>
      </c>
      <c r="R43" s="17">
        <v>20956</v>
      </c>
    </row>
    <row r="44" spans="1:18">
      <c r="A44" s="21" t="s">
        <v>1128</v>
      </c>
      <c r="B44" s="10" t="s">
        <v>25</v>
      </c>
      <c r="C44" s="11" t="s">
        <v>25</v>
      </c>
      <c r="D44" s="17">
        <v>708</v>
      </c>
      <c r="E44" s="18">
        <v>11</v>
      </c>
      <c r="F44" s="17">
        <v>178</v>
      </c>
      <c r="G44" s="17">
        <v>519</v>
      </c>
      <c r="H44" s="17">
        <v>28522</v>
      </c>
      <c r="I44" s="17">
        <v>420</v>
      </c>
      <c r="J44" s="18">
        <v>10</v>
      </c>
      <c r="K44" s="17">
        <v>59</v>
      </c>
      <c r="L44" s="17">
        <v>351</v>
      </c>
      <c r="M44" s="17">
        <v>18663</v>
      </c>
      <c r="N44" s="17">
        <v>288</v>
      </c>
      <c r="O44" s="18">
        <v>1</v>
      </c>
      <c r="P44" s="17">
        <v>119</v>
      </c>
      <c r="Q44" s="17">
        <v>168</v>
      </c>
      <c r="R44" s="17">
        <v>9859</v>
      </c>
    </row>
    <row r="45" spans="1:18">
      <c r="A45" s="21" t="s">
        <v>1129</v>
      </c>
      <c r="B45" s="10" t="s">
        <v>25</v>
      </c>
      <c r="C45" s="11" t="s">
        <v>25</v>
      </c>
      <c r="D45" s="17">
        <v>2161</v>
      </c>
      <c r="E45" s="17">
        <v>24</v>
      </c>
      <c r="F45" s="17">
        <v>408</v>
      </c>
      <c r="G45" s="17">
        <v>1721</v>
      </c>
      <c r="H45" s="17">
        <v>92968</v>
      </c>
      <c r="I45" s="17">
        <v>1301</v>
      </c>
      <c r="J45" s="17">
        <v>13</v>
      </c>
      <c r="K45" s="17">
        <v>90</v>
      </c>
      <c r="L45" s="17">
        <v>1192</v>
      </c>
      <c r="M45" s="17">
        <v>63000</v>
      </c>
      <c r="N45" s="17">
        <v>860</v>
      </c>
      <c r="O45" s="17">
        <v>11</v>
      </c>
      <c r="P45" s="17">
        <v>318</v>
      </c>
      <c r="Q45" s="17">
        <v>529</v>
      </c>
      <c r="R45" s="17">
        <v>29968</v>
      </c>
    </row>
    <row r="46" spans="1:18">
      <c r="A46" s="21" t="s">
        <v>1130</v>
      </c>
      <c r="B46" s="10" t="s">
        <v>25</v>
      </c>
      <c r="C46" s="11" t="s">
        <v>25</v>
      </c>
      <c r="D46" s="17">
        <v>1321</v>
      </c>
      <c r="E46" s="17">
        <v>20</v>
      </c>
      <c r="F46" s="17">
        <v>302</v>
      </c>
      <c r="G46" s="17">
        <v>997</v>
      </c>
      <c r="H46" s="17">
        <v>55207</v>
      </c>
      <c r="I46" s="17">
        <v>818</v>
      </c>
      <c r="J46" s="17">
        <v>11</v>
      </c>
      <c r="K46" s="17">
        <v>93</v>
      </c>
      <c r="L46" s="17">
        <v>713</v>
      </c>
      <c r="M46" s="17">
        <v>37941</v>
      </c>
      <c r="N46" s="17">
        <v>503</v>
      </c>
      <c r="O46" s="17">
        <v>9</v>
      </c>
      <c r="P46" s="17">
        <v>209</v>
      </c>
      <c r="Q46" s="17">
        <v>284</v>
      </c>
      <c r="R46" s="17">
        <v>17266</v>
      </c>
    </row>
    <row r="47" spans="1:18">
      <c r="A47" s="21" t="s">
        <v>1131</v>
      </c>
      <c r="B47" s="10" t="s">
        <v>25</v>
      </c>
      <c r="C47" s="11" t="s">
        <v>25</v>
      </c>
      <c r="D47" s="17">
        <v>1659</v>
      </c>
      <c r="E47" s="17">
        <v>18</v>
      </c>
      <c r="F47" s="17">
        <v>375</v>
      </c>
      <c r="G47" s="17">
        <v>1263</v>
      </c>
      <c r="H47" s="17">
        <v>67747</v>
      </c>
      <c r="I47" s="17">
        <v>982</v>
      </c>
      <c r="J47" s="17">
        <v>13</v>
      </c>
      <c r="K47" s="17">
        <v>122</v>
      </c>
      <c r="L47" s="17">
        <v>846</v>
      </c>
      <c r="M47" s="17">
        <v>44249</v>
      </c>
      <c r="N47" s="17">
        <v>677</v>
      </c>
      <c r="O47" s="17">
        <v>5</v>
      </c>
      <c r="P47" s="17">
        <v>253</v>
      </c>
      <c r="Q47" s="17">
        <v>417</v>
      </c>
      <c r="R47" s="17">
        <v>23498</v>
      </c>
    </row>
    <row r="48" spans="1:18">
      <c r="A48" s="21" t="s">
        <v>1132</v>
      </c>
      <c r="B48" s="10" t="s">
        <v>25</v>
      </c>
      <c r="C48" s="11" t="s">
        <v>25</v>
      </c>
      <c r="D48" s="17">
        <v>531</v>
      </c>
      <c r="E48" s="18">
        <v>7</v>
      </c>
      <c r="F48" s="17">
        <v>113</v>
      </c>
      <c r="G48" s="17">
        <v>410</v>
      </c>
      <c r="H48" s="17">
        <v>22270</v>
      </c>
      <c r="I48" s="17">
        <v>317</v>
      </c>
      <c r="J48" s="18">
        <v>6</v>
      </c>
      <c r="K48" s="17">
        <v>34</v>
      </c>
      <c r="L48" s="17">
        <v>277</v>
      </c>
      <c r="M48" s="17">
        <v>14742</v>
      </c>
      <c r="N48" s="17">
        <v>214</v>
      </c>
      <c r="O48" s="18">
        <v>1</v>
      </c>
      <c r="P48" s="17">
        <v>79</v>
      </c>
      <c r="Q48" s="17">
        <v>133</v>
      </c>
      <c r="R48" s="17">
        <v>7528</v>
      </c>
    </row>
    <row r="49" spans="1:18">
      <c r="A49" s="21" t="s">
        <v>1133</v>
      </c>
      <c r="B49" s="10" t="s">
        <v>25</v>
      </c>
      <c r="C49" s="11" t="s">
        <v>25</v>
      </c>
      <c r="D49" s="17">
        <v>773</v>
      </c>
      <c r="E49" s="18">
        <v>8</v>
      </c>
      <c r="F49" s="17">
        <v>183</v>
      </c>
      <c r="G49" s="17">
        <v>580</v>
      </c>
      <c r="H49" s="17">
        <v>31008</v>
      </c>
      <c r="I49" s="17">
        <v>456</v>
      </c>
      <c r="J49" s="18">
        <v>5</v>
      </c>
      <c r="K49" s="17">
        <v>68</v>
      </c>
      <c r="L49" s="17">
        <v>382</v>
      </c>
      <c r="M49" s="17">
        <v>20018</v>
      </c>
      <c r="N49" s="17">
        <v>317</v>
      </c>
      <c r="O49" s="18">
        <v>3</v>
      </c>
      <c r="P49" s="17">
        <v>115</v>
      </c>
      <c r="Q49" s="17">
        <v>198</v>
      </c>
      <c r="R49" s="17">
        <v>10990</v>
      </c>
    </row>
    <row r="50" spans="1:18">
      <c r="A50" s="21" t="s">
        <v>1134</v>
      </c>
      <c r="B50" s="10" t="s">
        <v>25</v>
      </c>
      <c r="C50" s="11" t="s">
        <v>25</v>
      </c>
      <c r="D50" s="17">
        <v>355</v>
      </c>
      <c r="E50" s="18">
        <v>3</v>
      </c>
      <c r="F50" s="17">
        <v>79</v>
      </c>
      <c r="G50" s="17">
        <v>273</v>
      </c>
      <c r="H50" s="17">
        <v>14469</v>
      </c>
      <c r="I50" s="17">
        <v>209</v>
      </c>
      <c r="J50" s="18">
        <v>2</v>
      </c>
      <c r="K50" s="17">
        <v>20</v>
      </c>
      <c r="L50" s="17">
        <v>187</v>
      </c>
      <c r="M50" s="17">
        <v>9489</v>
      </c>
      <c r="N50" s="17">
        <v>146</v>
      </c>
      <c r="O50" s="18">
        <v>1</v>
      </c>
      <c r="P50" s="17">
        <v>59</v>
      </c>
      <c r="Q50" s="17">
        <v>86</v>
      </c>
      <c r="R50" s="17">
        <v>4980</v>
      </c>
    </row>
    <row r="51" spans="1:18">
      <c r="A51" s="21" t="s">
        <v>1135</v>
      </c>
      <c r="B51" s="10" t="s">
        <v>25</v>
      </c>
      <c r="C51" s="11" t="s">
        <v>25</v>
      </c>
      <c r="D51" s="17">
        <v>1191</v>
      </c>
      <c r="E51" s="17">
        <v>14</v>
      </c>
      <c r="F51" s="17">
        <v>299</v>
      </c>
      <c r="G51" s="17">
        <v>876</v>
      </c>
      <c r="H51" s="17">
        <v>49933</v>
      </c>
      <c r="I51" s="17">
        <v>701</v>
      </c>
      <c r="J51" s="18">
        <v>8</v>
      </c>
      <c r="K51" s="17">
        <v>96</v>
      </c>
      <c r="L51" s="17">
        <v>597</v>
      </c>
      <c r="M51" s="17">
        <v>32704</v>
      </c>
      <c r="N51" s="17">
        <v>490</v>
      </c>
      <c r="O51" s="17">
        <v>6</v>
      </c>
      <c r="P51" s="17">
        <v>203</v>
      </c>
      <c r="Q51" s="17">
        <v>279</v>
      </c>
      <c r="R51" s="17">
        <v>17229</v>
      </c>
    </row>
    <row r="52" spans="1:18">
      <c r="A52" s="21" t="s">
        <v>1136</v>
      </c>
      <c r="B52" s="10" t="s">
        <v>25</v>
      </c>
      <c r="C52" s="11" t="s">
        <v>25</v>
      </c>
      <c r="D52" s="17">
        <v>364</v>
      </c>
      <c r="E52" s="17">
        <v>3</v>
      </c>
      <c r="F52" s="17">
        <v>105</v>
      </c>
      <c r="G52" s="17">
        <v>256</v>
      </c>
      <c r="H52" s="17">
        <v>15276</v>
      </c>
      <c r="I52" s="17">
        <v>205</v>
      </c>
      <c r="J52" s="18">
        <v>2</v>
      </c>
      <c r="K52" s="17">
        <v>29</v>
      </c>
      <c r="L52" s="17">
        <v>174</v>
      </c>
      <c r="M52" s="17">
        <v>9868</v>
      </c>
      <c r="N52" s="17">
        <v>159</v>
      </c>
      <c r="O52" s="17">
        <v>1</v>
      </c>
      <c r="P52" s="17">
        <v>76</v>
      </c>
      <c r="Q52" s="17">
        <v>82</v>
      </c>
      <c r="R52" s="17">
        <v>5408</v>
      </c>
    </row>
    <row r="53" spans="1:18">
      <c r="A53" s="21" t="s">
        <v>1137</v>
      </c>
      <c r="B53" s="10" t="s">
        <v>25</v>
      </c>
      <c r="C53" s="11" t="s">
        <v>25</v>
      </c>
      <c r="D53" s="17">
        <v>613</v>
      </c>
      <c r="E53" s="18">
        <v>6</v>
      </c>
      <c r="F53" s="17">
        <v>149</v>
      </c>
      <c r="G53" s="17">
        <v>456</v>
      </c>
      <c r="H53" s="17">
        <v>25576</v>
      </c>
      <c r="I53" s="17">
        <v>363</v>
      </c>
      <c r="J53" s="18">
        <v>3</v>
      </c>
      <c r="K53" s="17">
        <v>57</v>
      </c>
      <c r="L53" s="17">
        <v>303</v>
      </c>
      <c r="M53" s="17">
        <v>16445</v>
      </c>
      <c r="N53" s="17">
        <v>250</v>
      </c>
      <c r="O53" s="18">
        <v>3</v>
      </c>
      <c r="P53" s="17">
        <v>92</v>
      </c>
      <c r="Q53" s="17">
        <v>153</v>
      </c>
      <c r="R53" s="17">
        <v>9131</v>
      </c>
    </row>
    <row r="54" spans="1:18">
      <c r="A54" s="21" t="s">
        <v>1138</v>
      </c>
      <c r="B54" s="10" t="s">
        <v>25</v>
      </c>
      <c r="C54" s="11" t="s">
        <v>25</v>
      </c>
      <c r="D54" s="17">
        <v>214</v>
      </c>
      <c r="E54" s="18">
        <v>5</v>
      </c>
      <c r="F54" s="17">
        <v>45</v>
      </c>
      <c r="G54" s="17">
        <v>164</v>
      </c>
      <c r="H54" s="17">
        <v>9081</v>
      </c>
      <c r="I54" s="17">
        <v>133</v>
      </c>
      <c r="J54" s="18">
        <v>3</v>
      </c>
      <c r="K54" s="17">
        <v>10</v>
      </c>
      <c r="L54" s="17">
        <v>120</v>
      </c>
      <c r="M54" s="17">
        <v>6391</v>
      </c>
      <c r="N54" s="17">
        <v>81</v>
      </c>
      <c r="O54" s="18">
        <v>2</v>
      </c>
      <c r="P54" s="17">
        <v>35</v>
      </c>
      <c r="Q54" s="17">
        <v>44</v>
      </c>
      <c r="R54" s="17">
        <v>2690</v>
      </c>
    </row>
    <row r="55" spans="1:18">
      <c r="A55" s="21" t="s">
        <v>1139</v>
      </c>
      <c r="B55" s="10" t="s">
        <v>25</v>
      </c>
      <c r="C55" s="11" t="s">
        <v>25</v>
      </c>
      <c r="D55" s="17">
        <v>1768</v>
      </c>
      <c r="E55" s="17">
        <v>29</v>
      </c>
      <c r="F55" s="17">
        <v>393</v>
      </c>
      <c r="G55" s="17">
        <v>1334</v>
      </c>
      <c r="H55" s="17">
        <v>72888</v>
      </c>
      <c r="I55" s="17">
        <v>1022</v>
      </c>
      <c r="J55" s="17">
        <v>15</v>
      </c>
      <c r="K55" s="17">
        <v>115</v>
      </c>
      <c r="L55" s="17">
        <v>888</v>
      </c>
      <c r="M55" s="17">
        <v>47121</v>
      </c>
      <c r="N55" s="17">
        <v>746</v>
      </c>
      <c r="O55" s="17">
        <v>14</v>
      </c>
      <c r="P55" s="17">
        <v>278</v>
      </c>
      <c r="Q55" s="17">
        <v>446</v>
      </c>
      <c r="R55" s="17">
        <v>25767</v>
      </c>
    </row>
    <row r="56" spans="1:18">
      <c r="A56" s="21" t="s">
        <v>1140</v>
      </c>
      <c r="B56" s="10" t="s">
        <v>25</v>
      </c>
      <c r="C56" s="11" t="s">
        <v>25</v>
      </c>
      <c r="D56" s="17">
        <v>925</v>
      </c>
      <c r="E56" s="17">
        <v>18</v>
      </c>
      <c r="F56" s="17">
        <v>205</v>
      </c>
      <c r="G56" s="17">
        <v>690</v>
      </c>
      <c r="H56" s="17">
        <v>37939</v>
      </c>
      <c r="I56" s="17">
        <v>510</v>
      </c>
      <c r="J56" s="17">
        <v>7</v>
      </c>
      <c r="K56" s="17">
        <v>58</v>
      </c>
      <c r="L56" s="17">
        <v>441</v>
      </c>
      <c r="M56" s="17">
        <v>23344</v>
      </c>
      <c r="N56" s="17">
        <v>415</v>
      </c>
      <c r="O56" s="17">
        <v>11</v>
      </c>
      <c r="P56" s="17">
        <v>147</v>
      </c>
      <c r="Q56" s="17">
        <v>249</v>
      </c>
      <c r="R56" s="17">
        <v>14595</v>
      </c>
    </row>
    <row r="57" spans="1:18">
      <c r="A57" s="21" t="s">
        <v>1141</v>
      </c>
      <c r="B57" s="10" t="s">
        <v>25</v>
      </c>
      <c r="C57" s="11" t="s">
        <v>25</v>
      </c>
      <c r="D57" s="17">
        <v>784</v>
      </c>
      <c r="E57" s="17">
        <v>8</v>
      </c>
      <c r="F57" s="17">
        <v>177</v>
      </c>
      <c r="G57" s="17">
        <v>599</v>
      </c>
      <c r="H57" s="17">
        <v>32364</v>
      </c>
      <c r="I57" s="17">
        <v>476</v>
      </c>
      <c r="J57" s="18">
        <v>5</v>
      </c>
      <c r="K57" s="17">
        <v>54</v>
      </c>
      <c r="L57" s="17">
        <v>417</v>
      </c>
      <c r="M57" s="17">
        <v>22060</v>
      </c>
      <c r="N57" s="17">
        <v>308</v>
      </c>
      <c r="O57" s="17">
        <v>3</v>
      </c>
      <c r="P57" s="17">
        <v>123</v>
      </c>
      <c r="Q57" s="17">
        <v>182</v>
      </c>
      <c r="R57" s="17">
        <v>10304</v>
      </c>
    </row>
    <row r="58" spans="1:18">
      <c r="A58" s="21" t="s">
        <v>1142</v>
      </c>
      <c r="B58" s="10" t="s">
        <v>25</v>
      </c>
      <c r="C58" s="11" t="s">
        <v>25</v>
      </c>
      <c r="D58" s="17">
        <v>59</v>
      </c>
      <c r="E58" s="17">
        <v>3</v>
      </c>
      <c r="F58" s="17">
        <v>11</v>
      </c>
      <c r="G58" s="17">
        <v>45</v>
      </c>
      <c r="H58" s="17">
        <v>2585</v>
      </c>
      <c r="I58" s="17">
        <v>36</v>
      </c>
      <c r="J58" s="17">
        <v>3</v>
      </c>
      <c r="K58" s="17">
        <v>3</v>
      </c>
      <c r="L58" s="17">
        <v>30</v>
      </c>
      <c r="M58" s="17">
        <v>1717</v>
      </c>
      <c r="N58" s="17">
        <v>23</v>
      </c>
      <c r="O58" s="17" t="s">
        <v>35</v>
      </c>
      <c r="P58" s="17">
        <v>8</v>
      </c>
      <c r="Q58" s="17">
        <v>15</v>
      </c>
      <c r="R58" s="17">
        <v>868</v>
      </c>
    </row>
    <row r="59" spans="1:18">
      <c r="A59" s="21" t="s">
        <v>1143</v>
      </c>
      <c r="B59" s="10" t="s">
        <v>25</v>
      </c>
      <c r="C59" s="11" t="s">
        <v>25</v>
      </c>
      <c r="D59" s="17">
        <v>1602</v>
      </c>
      <c r="E59" s="17">
        <v>23</v>
      </c>
      <c r="F59" s="17">
        <v>340</v>
      </c>
      <c r="G59" s="17">
        <v>1236</v>
      </c>
      <c r="H59" s="17">
        <v>67651</v>
      </c>
      <c r="I59" s="17">
        <v>1071</v>
      </c>
      <c r="J59" s="17">
        <v>15</v>
      </c>
      <c r="K59" s="17">
        <v>101</v>
      </c>
      <c r="L59" s="17">
        <v>953</v>
      </c>
      <c r="M59" s="17">
        <v>50175</v>
      </c>
      <c r="N59" s="17">
        <v>531</v>
      </c>
      <c r="O59" s="17">
        <v>8</v>
      </c>
      <c r="P59" s="17">
        <v>239</v>
      </c>
      <c r="Q59" s="17">
        <v>283</v>
      </c>
      <c r="R59" s="17">
        <v>17476</v>
      </c>
    </row>
    <row r="60" spans="1:18">
      <c r="A60" s="21" t="s">
        <v>1144</v>
      </c>
      <c r="B60" s="10" t="s">
        <v>25</v>
      </c>
      <c r="C60" s="11" t="s">
        <v>25</v>
      </c>
      <c r="D60" s="17">
        <v>631</v>
      </c>
      <c r="E60" s="17">
        <v>7</v>
      </c>
      <c r="F60" s="17">
        <v>102</v>
      </c>
      <c r="G60" s="17">
        <v>519</v>
      </c>
      <c r="H60" s="17">
        <v>27606</v>
      </c>
      <c r="I60" s="17">
        <v>484</v>
      </c>
      <c r="J60" s="17">
        <v>6</v>
      </c>
      <c r="K60" s="17">
        <v>36</v>
      </c>
      <c r="L60" s="17">
        <v>440</v>
      </c>
      <c r="M60" s="17">
        <v>22665</v>
      </c>
      <c r="N60" s="17">
        <v>147</v>
      </c>
      <c r="O60" s="17">
        <v>1</v>
      </c>
      <c r="P60" s="17">
        <v>66</v>
      </c>
      <c r="Q60" s="17">
        <v>79</v>
      </c>
      <c r="R60" s="17">
        <v>4941</v>
      </c>
    </row>
    <row r="61" spans="1:18">
      <c r="A61" s="21" t="s">
        <v>1145</v>
      </c>
      <c r="B61" s="10" t="s">
        <v>25</v>
      </c>
      <c r="C61" s="11" t="s">
        <v>25</v>
      </c>
      <c r="D61" s="17">
        <v>971</v>
      </c>
      <c r="E61" s="17">
        <v>16</v>
      </c>
      <c r="F61" s="17">
        <v>238</v>
      </c>
      <c r="G61" s="17">
        <v>717</v>
      </c>
      <c r="H61" s="17">
        <v>40045</v>
      </c>
      <c r="I61" s="17">
        <v>587</v>
      </c>
      <c r="J61" s="17">
        <v>9</v>
      </c>
      <c r="K61" s="17">
        <v>65</v>
      </c>
      <c r="L61" s="17">
        <v>513</v>
      </c>
      <c r="M61" s="17">
        <v>27510</v>
      </c>
      <c r="N61" s="17">
        <v>384</v>
      </c>
      <c r="O61" s="17">
        <v>7</v>
      </c>
      <c r="P61" s="17">
        <v>173</v>
      </c>
      <c r="Q61" s="17">
        <v>204</v>
      </c>
      <c r="R61" s="17">
        <v>12535</v>
      </c>
    </row>
    <row r="62" spans="1:18">
      <c r="A62" s="21" t="s">
        <v>1146</v>
      </c>
      <c r="B62" s="10" t="s">
        <v>25</v>
      </c>
      <c r="C62" s="11" t="s">
        <v>25</v>
      </c>
      <c r="D62" s="17">
        <v>1804</v>
      </c>
      <c r="E62" s="17">
        <v>42</v>
      </c>
      <c r="F62" s="17">
        <v>427</v>
      </c>
      <c r="G62" s="17">
        <v>1331</v>
      </c>
      <c r="H62" s="17">
        <v>73884</v>
      </c>
      <c r="I62" s="17">
        <v>1064</v>
      </c>
      <c r="J62" s="17">
        <v>26</v>
      </c>
      <c r="K62" s="17">
        <v>113</v>
      </c>
      <c r="L62" s="17">
        <v>921</v>
      </c>
      <c r="M62" s="17">
        <v>49550</v>
      </c>
      <c r="N62" s="17">
        <v>740</v>
      </c>
      <c r="O62" s="17">
        <v>16</v>
      </c>
      <c r="P62" s="17">
        <v>314</v>
      </c>
      <c r="Q62" s="17">
        <v>410</v>
      </c>
      <c r="R62" s="17">
        <v>24334</v>
      </c>
    </row>
    <row r="63" spans="1:18">
      <c r="A63" s="21" t="s">
        <v>1147</v>
      </c>
      <c r="B63" s="10" t="s">
        <v>25</v>
      </c>
      <c r="C63" s="11" t="s">
        <v>25</v>
      </c>
      <c r="D63" s="17">
        <v>1126</v>
      </c>
      <c r="E63" s="17">
        <v>27</v>
      </c>
      <c r="F63" s="17">
        <v>274</v>
      </c>
      <c r="G63" s="17">
        <v>821</v>
      </c>
      <c r="H63" s="17">
        <v>45500</v>
      </c>
      <c r="I63" s="17">
        <v>673</v>
      </c>
      <c r="J63" s="17">
        <v>14</v>
      </c>
      <c r="K63" s="17">
        <v>74</v>
      </c>
      <c r="L63" s="17">
        <v>581</v>
      </c>
      <c r="M63" s="17">
        <v>31101</v>
      </c>
      <c r="N63" s="17">
        <v>453</v>
      </c>
      <c r="O63" s="17">
        <v>13</v>
      </c>
      <c r="P63" s="17">
        <v>200</v>
      </c>
      <c r="Q63" s="17">
        <v>240</v>
      </c>
      <c r="R63" s="17">
        <v>14399</v>
      </c>
    </row>
    <row r="64" spans="1:18">
      <c r="A64" s="21" t="s">
        <v>1148</v>
      </c>
      <c r="B64" s="10" t="s">
        <v>25</v>
      </c>
      <c r="C64" s="11" t="s">
        <v>25</v>
      </c>
      <c r="D64" s="17">
        <v>678</v>
      </c>
      <c r="E64" s="17">
        <v>15</v>
      </c>
      <c r="F64" s="17">
        <v>153</v>
      </c>
      <c r="G64" s="17">
        <v>510</v>
      </c>
      <c r="H64" s="17">
        <v>28384</v>
      </c>
      <c r="I64" s="17">
        <v>391</v>
      </c>
      <c r="J64" s="17">
        <v>12</v>
      </c>
      <c r="K64" s="17">
        <v>39</v>
      </c>
      <c r="L64" s="17">
        <v>340</v>
      </c>
      <c r="M64" s="17">
        <v>18449</v>
      </c>
      <c r="N64" s="17">
        <v>287</v>
      </c>
      <c r="O64" s="18">
        <v>3</v>
      </c>
      <c r="P64" s="17">
        <v>114</v>
      </c>
      <c r="Q64" s="17">
        <v>170</v>
      </c>
      <c r="R64" s="17">
        <v>9935</v>
      </c>
    </row>
    <row r="65" spans="1:18">
      <c r="A65" s="21" t="s">
        <v>1149</v>
      </c>
      <c r="B65" s="10" t="s">
        <v>25</v>
      </c>
      <c r="C65" s="11" t="s">
        <v>25</v>
      </c>
      <c r="D65" s="17">
        <v>6157</v>
      </c>
      <c r="E65" s="17">
        <v>95</v>
      </c>
      <c r="F65" s="17">
        <v>1432</v>
      </c>
      <c r="G65" s="17">
        <v>4616</v>
      </c>
      <c r="H65" s="17">
        <v>251556</v>
      </c>
      <c r="I65" s="17">
        <v>3647</v>
      </c>
      <c r="J65" s="17">
        <v>52</v>
      </c>
      <c r="K65" s="17">
        <v>395</v>
      </c>
      <c r="L65" s="17">
        <v>3188</v>
      </c>
      <c r="M65" s="17">
        <v>167104</v>
      </c>
      <c r="N65" s="17">
        <v>2510</v>
      </c>
      <c r="O65" s="17">
        <v>43</v>
      </c>
      <c r="P65" s="17">
        <v>1037</v>
      </c>
      <c r="Q65" s="17">
        <v>1428</v>
      </c>
      <c r="R65" s="17">
        <v>84452</v>
      </c>
    </row>
    <row r="66" spans="1:18">
      <c r="A66" s="21" t="s">
        <v>1150</v>
      </c>
      <c r="B66" s="10" t="s">
        <v>25</v>
      </c>
      <c r="C66" s="11" t="s">
        <v>25</v>
      </c>
      <c r="D66" s="17">
        <v>1339</v>
      </c>
      <c r="E66" s="17">
        <v>15</v>
      </c>
      <c r="F66" s="17">
        <v>343</v>
      </c>
      <c r="G66" s="17">
        <v>980</v>
      </c>
      <c r="H66" s="17">
        <v>54200</v>
      </c>
      <c r="I66" s="17">
        <v>767</v>
      </c>
      <c r="J66" s="17">
        <v>8</v>
      </c>
      <c r="K66" s="17">
        <v>93</v>
      </c>
      <c r="L66" s="17">
        <v>665</v>
      </c>
      <c r="M66" s="17">
        <v>35478</v>
      </c>
      <c r="N66" s="17">
        <v>572</v>
      </c>
      <c r="O66" s="17">
        <v>7</v>
      </c>
      <c r="P66" s="17">
        <v>250</v>
      </c>
      <c r="Q66" s="17">
        <v>315</v>
      </c>
      <c r="R66" s="17">
        <v>18722</v>
      </c>
    </row>
    <row r="67" spans="1:18">
      <c r="A67" s="21" t="s">
        <v>1151</v>
      </c>
      <c r="B67" s="10" t="s">
        <v>25</v>
      </c>
      <c r="C67" s="11" t="s">
        <v>25</v>
      </c>
      <c r="D67" s="17">
        <v>1210</v>
      </c>
      <c r="E67" s="17">
        <v>15</v>
      </c>
      <c r="F67" s="17">
        <v>262</v>
      </c>
      <c r="G67" s="17">
        <v>933</v>
      </c>
      <c r="H67" s="17">
        <v>49892</v>
      </c>
      <c r="I67" s="17">
        <v>745</v>
      </c>
      <c r="J67" s="17">
        <v>7</v>
      </c>
      <c r="K67" s="17">
        <v>79</v>
      </c>
      <c r="L67" s="17">
        <v>659</v>
      </c>
      <c r="M67" s="17">
        <v>33979</v>
      </c>
      <c r="N67" s="17">
        <v>465</v>
      </c>
      <c r="O67" s="17">
        <v>8</v>
      </c>
      <c r="P67" s="17">
        <v>183</v>
      </c>
      <c r="Q67" s="17">
        <v>274</v>
      </c>
      <c r="R67" s="17">
        <v>15913</v>
      </c>
    </row>
    <row r="68" spans="1:18">
      <c r="A68" s="21" t="s">
        <v>1152</v>
      </c>
      <c r="B68" s="10" t="s">
        <v>25</v>
      </c>
      <c r="C68" s="11" t="s">
        <v>25</v>
      </c>
      <c r="D68" s="17">
        <v>401</v>
      </c>
      <c r="E68" s="17">
        <v>7</v>
      </c>
      <c r="F68" s="17">
        <v>78</v>
      </c>
      <c r="G68" s="17">
        <v>316</v>
      </c>
      <c r="H68" s="17">
        <v>16980</v>
      </c>
      <c r="I68" s="17">
        <v>216</v>
      </c>
      <c r="J68" s="17">
        <v>5</v>
      </c>
      <c r="K68" s="17">
        <v>17</v>
      </c>
      <c r="L68" s="17">
        <v>194</v>
      </c>
      <c r="M68" s="17">
        <v>10214</v>
      </c>
      <c r="N68" s="17">
        <v>185</v>
      </c>
      <c r="O68" s="17">
        <v>2</v>
      </c>
      <c r="P68" s="17">
        <v>61</v>
      </c>
      <c r="Q68" s="17">
        <v>122</v>
      </c>
      <c r="R68" s="17">
        <v>6766</v>
      </c>
    </row>
    <row r="69" spans="1:18">
      <c r="A69" s="21" t="s">
        <v>1153</v>
      </c>
      <c r="B69" s="10" t="s">
        <v>25</v>
      </c>
      <c r="C69" s="11" t="s">
        <v>25</v>
      </c>
      <c r="D69" s="17">
        <v>1295</v>
      </c>
      <c r="E69" s="17">
        <v>25</v>
      </c>
      <c r="F69" s="17">
        <v>301</v>
      </c>
      <c r="G69" s="17">
        <v>965</v>
      </c>
      <c r="H69" s="17">
        <v>53204</v>
      </c>
      <c r="I69" s="17">
        <v>741</v>
      </c>
      <c r="J69" s="17">
        <v>12</v>
      </c>
      <c r="K69" s="17">
        <v>78</v>
      </c>
      <c r="L69" s="17">
        <v>647</v>
      </c>
      <c r="M69" s="17">
        <v>34708</v>
      </c>
      <c r="N69" s="17">
        <v>554</v>
      </c>
      <c r="O69" s="17">
        <v>13</v>
      </c>
      <c r="P69" s="17">
        <v>223</v>
      </c>
      <c r="Q69" s="17">
        <v>318</v>
      </c>
      <c r="R69" s="17">
        <v>18496</v>
      </c>
    </row>
    <row r="70" spans="1:18">
      <c r="A70" s="21" t="s">
        <v>1154</v>
      </c>
      <c r="B70" s="10" t="s">
        <v>25</v>
      </c>
      <c r="C70" s="11" t="s">
        <v>25</v>
      </c>
      <c r="D70" s="17">
        <v>930</v>
      </c>
      <c r="E70" s="17">
        <v>14</v>
      </c>
      <c r="F70" s="17">
        <v>218</v>
      </c>
      <c r="G70" s="17">
        <v>698</v>
      </c>
      <c r="H70" s="17">
        <v>38235</v>
      </c>
      <c r="I70" s="17">
        <v>557</v>
      </c>
      <c r="J70" s="17">
        <v>8</v>
      </c>
      <c r="K70" s="17">
        <v>62</v>
      </c>
      <c r="L70" s="17">
        <v>487</v>
      </c>
      <c r="M70" s="17">
        <v>25530</v>
      </c>
      <c r="N70" s="17">
        <v>373</v>
      </c>
      <c r="O70" s="17">
        <v>6</v>
      </c>
      <c r="P70" s="17">
        <v>156</v>
      </c>
      <c r="Q70" s="17">
        <v>211</v>
      </c>
      <c r="R70" s="17">
        <v>12705</v>
      </c>
    </row>
    <row r="71" spans="1:18">
      <c r="A71" s="21" t="s">
        <v>1155</v>
      </c>
      <c r="B71" s="10" t="s">
        <v>25</v>
      </c>
      <c r="C71" s="11" t="s">
        <v>25</v>
      </c>
      <c r="D71" s="17">
        <v>982</v>
      </c>
      <c r="E71" s="17">
        <v>19</v>
      </c>
      <c r="F71" s="17">
        <v>230</v>
      </c>
      <c r="G71" s="17">
        <v>724</v>
      </c>
      <c r="H71" s="17">
        <v>39045</v>
      </c>
      <c r="I71" s="17">
        <v>621</v>
      </c>
      <c r="J71" s="17">
        <v>12</v>
      </c>
      <c r="K71" s="17">
        <v>66</v>
      </c>
      <c r="L71" s="17">
        <v>536</v>
      </c>
      <c r="M71" s="17">
        <v>27195</v>
      </c>
      <c r="N71" s="17">
        <v>361</v>
      </c>
      <c r="O71" s="17">
        <v>7</v>
      </c>
      <c r="P71" s="17">
        <v>164</v>
      </c>
      <c r="Q71" s="17">
        <v>188</v>
      </c>
      <c r="R71" s="17">
        <v>11850</v>
      </c>
    </row>
    <row r="72" spans="1:18">
      <c r="A72" s="21" t="s">
        <v>1156</v>
      </c>
      <c r="B72" s="10" t="s">
        <v>25</v>
      </c>
      <c r="C72" s="11" t="s">
        <v>25</v>
      </c>
      <c r="D72" s="17">
        <v>4478</v>
      </c>
      <c r="E72" s="17">
        <v>76</v>
      </c>
      <c r="F72" s="17">
        <v>1095</v>
      </c>
      <c r="G72" s="17">
        <v>3296</v>
      </c>
      <c r="H72" s="17">
        <v>183064</v>
      </c>
      <c r="I72" s="17">
        <v>2424</v>
      </c>
      <c r="J72" s="17">
        <v>41</v>
      </c>
      <c r="K72" s="17">
        <v>282</v>
      </c>
      <c r="L72" s="17">
        <v>2096</v>
      </c>
      <c r="M72" s="17">
        <v>112383</v>
      </c>
      <c r="N72" s="17">
        <v>2054</v>
      </c>
      <c r="O72" s="17">
        <v>35</v>
      </c>
      <c r="P72" s="17">
        <v>813</v>
      </c>
      <c r="Q72" s="17">
        <v>1200</v>
      </c>
      <c r="R72" s="17">
        <v>70681</v>
      </c>
    </row>
    <row r="73" spans="1:18">
      <c r="A73" s="21" t="s">
        <v>1157</v>
      </c>
      <c r="B73" s="10" t="s">
        <v>25</v>
      </c>
      <c r="C73" s="11" t="s">
        <v>25</v>
      </c>
      <c r="D73" s="17">
        <v>2145</v>
      </c>
      <c r="E73" s="17">
        <v>32</v>
      </c>
      <c r="F73" s="17">
        <v>558</v>
      </c>
      <c r="G73" s="17">
        <v>1550</v>
      </c>
      <c r="H73" s="17">
        <v>86491</v>
      </c>
      <c r="I73" s="17">
        <v>1177</v>
      </c>
      <c r="J73" s="17">
        <v>17</v>
      </c>
      <c r="K73" s="17">
        <v>137</v>
      </c>
      <c r="L73" s="17">
        <v>1023</v>
      </c>
      <c r="M73" s="17">
        <v>54761</v>
      </c>
      <c r="N73" s="17">
        <v>968</v>
      </c>
      <c r="O73" s="17">
        <v>15</v>
      </c>
      <c r="P73" s="17">
        <v>421</v>
      </c>
      <c r="Q73" s="17">
        <v>527</v>
      </c>
      <c r="R73" s="17">
        <v>31730</v>
      </c>
    </row>
    <row r="74" spans="1:18">
      <c r="A74" s="21" t="s">
        <v>1158</v>
      </c>
      <c r="B74" s="10" t="s">
        <v>25</v>
      </c>
      <c r="C74" s="11" t="s">
        <v>25</v>
      </c>
      <c r="D74" s="17">
        <v>1449</v>
      </c>
      <c r="E74" s="17">
        <v>28</v>
      </c>
      <c r="F74" s="17">
        <v>331</v>
      </c>
      <c r="G74" s="17">
        <v>1085</v>
      </c>
      <c r="H74" s="17">
        <v>59776</v>
      </c>
      <c r="I74" s="17">
        <v>767</v>
      </c>
      <c r="J74" s="17">
        <v>16</v>
      </c>
      <c r="K74" s="17">
        <v>84</v>
      </c>
      <c r="L74" s="17">
        <v>663</v>
      </c>
      <c r="M74" s="17">
        <v>35293</v>
      </c>
      <c r="N74" s="17">
        <v>682</v>
      </c>
      <c r="O74" s="17">
        <v>12</v>
      </c>
      <c r="P74" s="17">
        <v>247</v>
      </c>
      <c r="Q74" s="17">
        <v>422</v>
      </c>
      <c r="R74" s="17">
        <v>24483</v>
      </c>
    </row>
    <row r="75" spans="1:18">
      <c r="A75" s="21" t="s">
        <v>1159</v>
      </c>
      <c r="B75" s="10" t="s">
        <v>25</v>
      </c>
      <c r="C75" s="11" t="s">
        <v>25</v>
      </c>
      <c r="D75" s="17">
        <v>884</v>
      </c>
      <c r="E75" s="17">
        <v>16</v>
      </c>
      <c r="F75" s="17">
        <v>206</v>
      </c>
      <c r="G75" s="17">
        <v>661</v>
      </c>
      <c r="H75" s="17">
        <v>36797</v>
      </c>
      <c r="I75" s="17">
        <v>480</v>
      </c>
      <c r="J75" s="18">
        <v>8</v>
      </c>
      <c r="K75" s="17">
        <v>61</v>
      </c>
      <c r="L75" s="17">
        <v>410</v>
      </c>
      <c r="M75" s="17">
        <v>22329</v>
      </c>
      <c r="N75" s="17">
        <v>404</v>
      </c>
      <c r="O75" s="17">
        <v>8</v>
      </c>
      <c r="P75" s="17">
        <v>145</v>
      </c>
      <c r="Q75" s="17">
        <v>251</v>
      </c>
      <c r="R75" s="17">
        <v>14468</v>
      </c>
    </row>
    <row r="76" spans="1:18">
      <c r="A76" s="21" t="s">
        <v>1160</v>
      </c>
      <c r="B76" s="10" t="s">
        <v>25</v>
      </c>
      <c r="C76" s="11" t="s">
        <v>25</v>
      </c>
      <c r="D76" s="17">
        <v>4334</v>
      </c>
      <c r="E76" s="17">
        <v>94</v>
      </c>
      <c r="F76" s="17">
        <v>1061</v>
      </c>
      <c r="G76" s="17">
        <v>3164</v>
      </c>
      <c r="H76" s="17">
        <v>175832</v>
      </c>
      <c r="I76" s="17">
        <v>2502</v>
      </c>
      <c r="J76" s="17">
        <v>49</v>
      </c>
      <c r="K76" s="17">
        <v>336</v>
      </c>
      <c r="L76" s="17">
        <v>2106</v>
      </c>
      <c r="M76" s="17">
        <v>112827</v>
      </c>
      <c r="N76" s="17">
        <v>1832</v>
      </c>
      <c r="O76" s="17">
        <v>45</v>
      </c>
      <c r="P76" s="17">
        <v>725</v>
      </c>
      <c r="Q76" s="17">
        <v>1058</v>
      </c>
      <c r="R76" s="17">
        <v>63005</v>
      </c>
    </row>
    <row r="77" spans="1:18">
      <c r="A77" s="21" t="s">
        <v>1161</v>
      </c>
      <c r="B77" s="10" t="s">
        <v>25</v>
      </c>
      <c r="C77" s="11" t="s">
        <v>25</v>
      </c>
      <c r="D77" s="17">
        <v>1803</v>
      </c>
      <c r="E77" s="17">
        <v>40</v>
      </c>
      <c r="F77" s="17">
        <v>420</v>
      </c>
      <c r="G77" s="17">
        <v>1334</v>
      </c>
      <c r="H77" s="17">
        <v>72490</v>
      </c>
      <c r="I77" s="17">
        <v>1007</v>
      </c>
      <c r="J77" s="17">
        <v>22</v>
      </c>
      <c r="K77" s="17">
        <v>122</v>
      </c>
      <c r="L77" s="17">
        <v>857</v>
      </c>
      <c r="M77" s="17">
        <v>44692</v>
      </c>
      <c r="N77" s="17">
        <v>796</v>
      </c>
      <c r="O77" s="17">
        <v>18</v>
      </c>
      <c r="P77" s="17">
        <v>298</v>
      </c>
      <c r="Q77" s="17">
        <v>477</v>
      </c>
      <c r="R77" s="17">
        <v>27798</v>
      </c>
    </row>
    <row r="78" spans="1:18">
      <c r="A78" s="21" t="s">
        <v>1162</v>
      </c>
      <c r="B78" s="10" t="s">
        <v>25</v>
      </c>
      <c r="C78" s="11" t="s">
        <v>25</v>
      </c>
      <c r="D78" s="17">
        <v>749</v>
      </c>
      <c r="E78" s="17">
        <v>19</v>
      </c>
      <c r="F78" s="17">
        <v>208</v>
      </c>
      <c r="G78" s="17">
        <v>521</v>
      </c>
      <c r="H78" s="17">
        <v>30233</v>
      </c>
      <c r="I78" s="17">
        <v>426</v>
      </c>
      <c r="J78" s="17">
        <v>7</v>
      </c>
      <c r="K78" s="17">
        <v>67</v>
      </c>
      <c r="L78" s="17">
        <v>352</v>
      </c>
      <c r="M78" s="17">
        <v>19513</v>
      </c>
      <c r="N78" s="17">
        <v>323</v>
      </c>
      <c r="O78" s="17">
        <v>12</v>
      </c>
      <c r="P78" s="17">
        <v>141</v>
      </c>
      <c r="Q78" s="17">
        <v>169</v>
      </c>
      <c r="R78" s="17">
        <v>10720</v>
      </c>
    </row>
    <row r="79" spans="1:18">
      <c r="A79" s="21" t="s">
        <v>1163</v>
      </c>
      <c r="B79" s="10" t="s">
        <v>25</v>
      </c>
      <c r="C79" s="11" t="s">
        <v>25</v>
      </c>
      <c r="D79" s="17">
        <v>832</v>
      </c>
      <c r="E79" s="17">
        <v>19</v>
      </c>
      <c r="F79" s="17">
        <v>245</v>
      </c>
      <c r="G79" s="17">
        <v>565</v>
      </c>
      <c r="H79" s="17">
        <v>32626</v>
      </c>
      <c r="I79" s="17">
        <v>486</v>
      </c>
      <c r="J79" s="17">
        <v>13</v>
      </c>
      <c r="K79" s="17">
        <v>98</v>
      </c>
      <c r="L79" s="17">
        <v>372</v>
      </c>
      <c r="M79" s="17">
        <v>20635</v>
      </c>
      <c r="N79" s="17">
        <v>346</v>
      </c>
      <c r="O79" s="17">
        <v>6</v>
      </c>
      <c r="P79" s="17">
        <v>147</v>
      </c>
      <c r="Q79" s="17">
        <v>193</v>
      </c>
      <c r="R79" s="17">
        <v>11991</v>
      </c>
    </row>
    <row r="80" spans="1:18">
      <c r="A80" s="21" t="s">
        <v>1164</v>
      </c>
      <c r="B80" s="10" t="s">
        <v>25</v>
      </c>
      <c r="C80" s="11" t="s">
        <v>25</v>
      </c>
      <c r="D80" s="17">
        <v>950</v>
      </c>
      <c r="E80" s="17">
        <v>16</v>
      </c>
      <c r="F80" s="17">
        <v>188</v>
      </c>
      <c r="G80" s="17">
        <v>744</v>
      </c>
      <c r="H80" s="17">
        <v>40483</v>
      </c>
      <c r="I80" s="17">
        <v>583</v>
      </c>
      <c r="J80" s="17">
        <v>7</v>
      </c>
      <c r="K80" s="17">
        <v>49</v>
      </c>
      <c r="L80" s="17">
        <v>525</v>
      </c>
      <c r="M80" s="17">
        <v>27987</v>
      </c>
      <c r="N80" s="17">
        <v>367</v>
      </c>
      <c r="O80" s="18">
        <v>9</v>
      </c>
      <c r="P80" s="17">
        <v>139</v>
      </c>
      <c r="Q80" s="17">
        <v>219</v>
      </c>
      <c r="R80" s="17">
        <v>12496</v>
      </c>
    </row>
    <row r="81" spans="1:18">
      <c r="A81" s="21" t="s">
        <v>1165</v>
      </c>
      <c r="B81" s="10" t="s">
        <v>25</v>
      </c>
      <c r="C81" s="11" t="s">
        <v>25</v>
      </c>
      <c r="D81" s="17">
        <v>3251</v>
      </c>
      <c r="E81" s="17">
        <v>39</v>
      </c>
      <c r="F81" s="17">
        <v>806</v>
      </c>
      <c r="G81" s="17">
        <v>2400</v>
      </c>
      <c r="H81" s="17">
        <v>131969</v>
      </c>
      <c r="I81" s="17">
        <v>1915</v>
      </c>
      <c r="J81" s="17">
        <v>27</v>
      </c>
      <c r="K81" s="17">
        <v>216</v>
      </c>
      <c r="L81" s="17">
        <v>1669</v>
      </c>
      <c r="M81" s="17">
        <v>87864</v>
      </c>
      <c r="N81" s="17">
        <v>1336</v>
      </c>
      <c r="O81" s="18">
        <v>12</v>
      </c>
      <c r="P81" s="17">
        <v>590</v>
      </c>
      <c r="Q81" s="17">
        <v>731</v>
      </c>
      <c r="R81" s="17">
        <v>44105</v>
      </c>
    </row>
    <row r="82" spans="1:18">
      <c r="A82" s="21" t="s">
        <v>1166</v>
      </c>
      <c r="B82" s="10" t="s">
        <v>25</v>
      </c>
      <c r="C82" s="11" t="s">
        <v>25</v>
      </c>
      <c r="D82" s="17">
        <v>1241</v>
      </c>
      <c r="E82" s="18">
        <v>19</v>
      </c>
      <c r="F82" s="17">
        <v>304</v>
      </c>
      <c r="G82" s="17">
        <v>917</v>
      </c>
      <c r="H82" s="17">
        <v>50002</v>
      </c>
      <c r="I82" s="17">
        <v>707</v>
      </c>
      <c r="J82" s="18">
        <v>11</v>
      </c>
      <c r="K82" s="17">
        <v>79</v>
      </c>
      <c r="L82" s="17">
        <v>616</v>
      </c>
      <c r="M82" s="17">
        <v>32153</v>
      </c>
      <c r="N82" s="17">
        <v>534</v>
      </c>
      <c r="O82" s="18">
        <v>8</v>
      </c>
      <c r="P82" s="17">
        <v>225</v>
      </c>
      <c r="Q82" s="17">
        <v>301</v>
      </c>
      <c r="R82" s="17">
        <v>17849</v>
      </c>
    </row>
    <row r="83" spans="1:18">
      <c r="A83" s="21" t="s">
        <v>1167</v>
      </c>
      <c r="B83" s="10" t="s">
        <v>25</v>
      </c>
      <c r="C83" s="11" t="s">
        <v>25</v>
      </c>
      <c r="D83" s="17">
        <v>932</v>
      </c>
      <c r="E83" s="18">
        <v>10</v>
      </c>
      <c r="F83" s="17">
        <v>232</v>
      </c>
      <c r="G83" s="17">
        <v>689</v>
      </c>
      <c r="H83" s="17">
        <v>38249</v>
      </c>
      <c r="I83" s="17">
        <v>572</v>
      </c>
      <c r="J83" s="18">
        <v>8</v>
      </c>
      <c r="K83" s="17">
        <v>64</v>
      </c>
      <c r="L83" s="17">
        <v>499</v>
      </c>
      <c r="M83" s="17">
        <v>26440</v>
      </c>
      <c r="N83" s="17">
        <v>360</v>
      </c>
      <c r="O83" s="18">
        <v>2</v>
      </c>
      <c r="P83" s="17">
        <v>168</v>
      </c>
      <c r="Q83" s="17">
        <v>190</v>
      </c>
      <c r="R83" s="17">
        <v>11809</v>
      </c>
    </row>
    <row r="84" spans="1:18">
      <c r="A84" s="21" t="s">
        <v>1168</v>
      </c>
      <c r="B84" s="10" t="s">
        <v>25</v>
      </c>
      <c r="C84" s="11" t="s">
        <v>25</v>
      </c>
      <c r="D84" s="18">
        <v>1078</v>
      </c>
      <c r="E84" s="18">
        <v>10</v>
      </c>
      <c r="F84" s="18">
        <v>270</v>
      </c>
      <c r="G84" s="18">
        <v>794</v>
      </c>
      <c r="H84" s="18">
        <v>43718</v>
      </c>
      <c r="I84" s="18">
        <v>636</v>
      </c>
      <c r="J84" s="18">
        <v>8</v>
      </c>
      <c r="K84" s="18">
        <v>73</v>
      </c>
      <c r="L84" s="18">
        <v>554</v>
      </c>
      <c r="M84" s="18">
        <v>29271</v>
      </c>
      <c r="N84" s="18">
        <v>442</v>
      </c>
      <c r="O84" s="18">
        <v>2</v>
      </c>
      <c r="P84" s="18">
        <v>197</v>
      </c>
      <c r="Q84" s="18">
        <v>240</v>
      </c>
      <c r="R84" s="18">
        <v>14447</v>
      </c>
    </row>
    <row r="85" spans="1:18">
      <c r="A85" s="21" t="s">
        <v>1169</v>
      </c>
      <c r="B85" s="10" t="s">
        <v>25</v>
      </c>
      <c r="C85" s="11" t="s">
        <v>25</v>
      </c>
      <c r="D85" s="18">
        <v>11103</v>
      </c>
      <c r="E85" s="18">
        <v>170</v>
      </c>
      <c r="F85" s="18">
        <v>2237</v>
      </c>
      <c r="G85" s="18">
        <v>8683</v>
      </c>
      <c r="H85" s="18">
        <v>469631</v>
      </c>
      <c r="I85" s="18">
        <v>6364</v>
      </c>
      <c r="J85" s="18">
        <v>94</v>
      </c>
      <c r="K85" s="18">
        <v>652</v>
      </c>
      <c r="L85" s="18">
        <v>5607</v>
      </c>
      <c r="M85" s="18">
        <v>295846</v>
      </c>
      <c r="N85" s="18">
        <v>4739</v>
      </c>
      <c r="O85" s="18">
        <v>76</v>
      </c>
      <c r="P85" s="18">
        <v>1585</v>
      </c>
      <c r="Q85" s="18">
        <v>3076</v>
      </c>
      <c r="R85" s="18">
        <v>173785</v>
      </c>
    </row>
    <row r="86" spans="1:18">
      <c r="A86" s="21" t="s">
        <v>1170</v>
      </c>
      <c r="B86" s="10" t="s">
        <v>25</v>
      </c>
      <c r="C86" s="11" t="s">
        <v>25</v>
      </c>
      <c r="D86" s="18">
        <v>1079</v>
      </c>
      <c r="E86" s="18">
        <v>20</v>
      </c>
      <c r="F86" s="18">
        <v>219</v>
      </c>
      <c r="G86" s="18">
        <v>840</v>
      </c>
      <c r="H86" s="18">
        <v>46313</v>
      </c>
      <c r="I86" s="18">
        <v>623</v>
      </c>
      <c r="J86" s="18">
        <v>11</v>
      </c>
      <c r="K86" s="18">
        <v>74</v>
      </c>
      <c r="L86" s="18">
        <v>538</v>
      </c>
      <c r="M86" s="18">
        <v>29165</v>
      </c>
      <c r="N86" s="18">
        <v>456</v>
      </c>
      <c r="O86" s="18">
        <v>9</v>
      </c>
      <c r="P86" s="18">
        <v>145</v>
      </c>
      <c r="Q86" s="18">
        <v>302</v>
      </c>
      <c r="R86" s="18">
        <v>17148</v>
      </c>
    </row>
    <row r="87" spans="1:18">
      <c r="A87" s="21" t="s">
        <v>1171</v>
      </c>
      <c r="B87" s="10" t="s">
        <v>25</v>
      </c>
      <c r="C87" s="11" t="s">
        <v>25</v>
      </c>
      <c r="D87" s="17">
        <v>2601</v>
      </c>
      <c r="E87" s="17">
        <v>38</v>
      </c>
      <c r="F87" s="17">
        <v>528</v>
      </c>
      <c r="G87" s="17">
        <v>2034</v>
      </c>
      <c r="H87" s="17">
        <v>109828</v>
      </c>
      <c r="I87" s="17">
        <v>1457</v>
      </c>
      <c r="J87" s="17">
        <v>14</v>
      </c>
      <c r="K87" s="17">
        <v>170</v>
      </c>
      <c r="L87" s="17">
        <v>1272</v>
      </c>
      <c r="M87" s="17">
        <v>67408</v>
      </c>
      <c r="N87" s="17">
        <v>1144</v>
      </c>
      <c r="O87" s="17">
        <v>24</v>
      </c>
      <c r="P87" s="17">
        <v>358</v>
      </c>
      <c r="Q87" s="17">
        <v>762</v>
      </c>
      <c r="R87" s="17">
        <v>42420</v>
      </c>
    </row>
    <row r="88" spans="1:18">
      <c r="A88" s="21" t="s">
        <v>1172</v>
      </c>
      <c r="B88" s="10" t="s">
        <v>25</v>
      </c>
      <c r="C88" s="11" t="s">
        <v>25</v>
      </c>
      <c r="D88" s="17">
        <v>2958</v>
      </c>
      <c r="E88" s="17">
        <v>37</v>
      </c>
      <c r="F88" s="17">
        <v>682</v>
      </c>
      <c r="G88" s="17">
        <v>2237</v>
      </c>
      <c r="H88" s="17">
        <v>122456</v>
      </c>
      <c r="I88" s="17">
        <v>1636</v>
      </c>
      <c r="J88" s="17">
        <v>20</v>
      </c>
      <c r="K88" s="17">
        <v>163</v>
      </c>
      <c r="L88" s="17">
        <v>1451</v>
      </c>
      <c r="M88" s="17">
        <v>76661</v>
      </c>
      <c r="N88" s="17">
        <v>1322</v>
      </c>
      <c r="O88" s="17">
        <v>17</v>
      </c>
      <c r="P88" s="17">
        <v>519</v>
      </c>
      <c r="Q88" s="17">
        <v>786</v>
      </c>
      <c r="R88" s="17">
        <v>45795</v>
      </c>
    </row>
    <row r="89" spans="1:18">
      <c r="A89" s="21" t="s">
        <v>1173</v>
      </c>
      <c r="B89" s="10" t="s">
        <v>25</v>
      </c>
      <c r="C89" s="11" t="s">
        <v>25</v>
      </c>
      <c r="D89" s="17">
        <v>1049</v>
      </c>
      <c r="E89" s="17">
        <v>19</v>
      </c>
      <c r="F89" s="17">
        <v>228</v>
      </c>
      <c r="G89" s="17">
        <v>800</v>
      </c>
      <c r="H89" s="17">
        <v>43791</v>
      </c>
      <c r="I89" s="17">
        <v>651</v>
      </c>
      <c r="J89" s="17">
        <v>15</v>
      </c>
      <c r="K89" s="17">
        <v>85</v>
      </c>
      <c r="L89" s="17">
        <v>549</v>
      </c>
      <c r="M89" s="17">
        <v>29040</v>
      </c>
      <c r="N89" s="17">
        <v>398</v>
      </c>
      <c r="O89" s="17">
        <v>4</v>
      </c>
      <c r="P89" s="17">
        <v>143</v>
      </c>
      <c r="Q89" s="17">
        <v>251</v>
      </c>
      <c r="R89" s="17">
        <v>14751</v>
      </c>
    </row>
    <row r="90" spans="1:18">
      <c r="A90" s="21" t="s">
        <v>1174</v>
      </c>
      <c r="B90" s="10" t="s">
        <v>25</v>
      </c>
      <c r="C90" s="11" t="s">
        <v>25</v>
      </c>
      <c r="D90" s="17">
        <v>1252</v>
      </c>
      <c r="E90" s="17">
        <v>9</v>
      </c>
      <c r="F90" s="17">
        <v>168</v>
      </c>
      <c r="G90" s="17">
        <v>1072</v>
      </c>
      <c r="H90" s="17">
        <v>55460</v>
      </c>
      <c r="I90" s="17">
        <v>796</v>
      </c>
      <c r="J90" s="17">
        <v>7</v>
      </c>
      <c r="K90" s="17">
        <v>53</v>
      </c>
      <c r="L90" s="17">
        <v>733</v>
      </c>
      <c r="M90" s="17">
        <v>37405</v>
      </c>
      <c r="N90" s="17">
        <v>456</v>
      </c>
      <c r="O90" s="17">
        <v>2</v>
      </c>
      <c r="P90" s="17">
        <v>115</v>
      </c>
      <c r="Q90" s="17">
        <v>339</v>
      </c>
      <c r="R90" s="17">
        <v>18055</v>
      </c>
    </row>
    <row r="91" spans="1:18">
      <c r="A91" s="21" t="s">
        <v>1175</v>
      </c>
      <c r="B91" s="10" t="s">
        <v>25</v>
      </c>
      <c r="C91" s="11" t="s">
        <v>25</v>
      </c>
      <c r="D91" s="17">
        <v>2164</v>
      </c>
      <c r="E91" s="17">
        <v>47</v>
      </c>
      <c r="F91" s="17">
        <v>412</v>
      </c>
      <c r="G91" s="17">
        <v>1700</v>
      </c>
      <c r="H91" s="17">
        <v>91783</v>
      </c>
      <c r="I91" s="17">
        <v>1201</v>
      </c>
      <c r="J91" s="17">
        <v>27</v>
      </c>
      <c r="K91" s="17">
        <v>107</v>
      </c>
      <c r="L91" s="17">
        <v>1064</v>
      </c>
      <c r="M91" s="17">
        <v>56167</v>
      </c>
      <c r="N91" s="17">
        <v>963</v>
      </c>
      <c r="O91" s="18">
        <v>20</v>
      </c>
      <c r="P91" s="17">
        <v>305</v>
      </c>
      <c r="Q91" s="17">
        <v>636</v>
      </c>
      <c r="R91" s="17">
        <v>35616</v>
      </c>
    </row>
    <row r="92" spans="1:18">
      <c r="A92" s="21" t="s">
        <v>1176</v>
      </c>
      <c r="B92" s="10" t="s">
        <v>25</v>
      </c>
      <c r="C92" s="11" t="s">
        <v>25</v>
      </c>
      <c r="D92" s="17">
        <v>4840</v>
      </c>
      <c r="E92" s="17">
        <v>67</v>
      </c>
      <c r="F92" s="17">
        <v>841</v>
      </c>
      <c r="G92" s="17">
        <v>3930</v>
      </c>
      <c r="H92" s="17">
        <v>207815</v>
      </c>
      <c r="I92" s="17">
        <v>2866</v>
      </c>
      <c r="J92" s="17">
        <v>24</v>
      </c>
      <c r="K92" s="17">
        <v>256</v>
      </c>
      <c r="L92" s="17">
        <v>2585</v>
      </c>
      <c r="M92" s="17">
        <v>133478</v>
      </c>
      <c r="N92" s="17">
        <v>1974</v>
      </c>
      <c r="O92" s="17">
        <v>43</v>
      </c>
      <c r="P92" s="17">
        <v>585</v>
      </c>
      <c r="Q92" s="17">
        <v>1345</v>
      </c>
      <c r="R92" s="17">
        <v>74337</v>
      </c>
    </row>
    <row r="93" spans="1:18">
      <c r="A93" s="21" t="s">
        <v>1177</v>
      </c>
      <c r="B93" s="10" t="s">
        <v>25</v>
      </c>
      <c r="C93" s="11" t="s">
        <v>25</v>
      </c>
      <c r="D93" s="17">
        <v>2267</v>
      </c>
      <c r="E93" s="17">
        <v>29</v>
      </c>
      <c r="F93" s="17">
        <v>347</v>
      </c>
      <c r="G93" s="17">
        <v>1891</v>
      </c>
      <c r="H93" s="17">
        <v>98850</v>
      </c>
      <c r="I93" s="17">
        <v>1389</v>
      </c>
      <c r="J93" s="17">
        <v>12</v>
      </c>
      <c r="K93" s="17">
        <v>113</v>
      </c>
      <c r="L93" s="17">
        <v>1264</v>
      </c>
      <c r="M93" s="17">
        <v>64830</v>
      </c>
      <c r="N93" s="17">
        <v>878</v>
      </c>
      <c r="O93" s="17">
        <v>17</v>
      </c>
      <c r="P93" s="17">
        <v>234</v>
      </c>
      <c r="Q93" s="17">
        <v>627</v>
      </c>
      <c r="R93" s="17">
        <v>34020</v>
      </c>
    </row>
    <row r="94" spans="1:18">
      <c r="A94" s="21" t="s">
        <v>1178</v>
      </c>
      <c r="B94" s="10" t="s">
        <v>25</v>
      </c>
      <c r="C94" s="11" t="s">
        <v>25</v>
      </c>
      <c r="D94" s="17">
        <v>1038</v>
      </c>
      <c r="E94" s="17">
        <v>18</v>
      </c>
      <c r="F94" s="17">
        <v>177</v>
      </c>
      <c r="G94" s="17">
        <v>843</v>
      </c>
      <c r="H94" s="17">
        <v>44529</v>
      </c>
      <c r="I94" s="17">
        <v>642</v>
      </c>
      <c r="J94" s="17">
        <v>7</v>
      </c>
      <c r="K94" s="17">
        <v>58</v>
      </c>
      <c r="L94" s="17">
        <v>577</v>
      </c>
      <c r="M94" s="17">
        <v>29797</v>
      </c>
      <c r="N94" s="17">
        <v>396</v>
      </c>
      <c r="O94" s="17">
        <v>11</v>
      </c>
      <c r="P94" s="17">
        <v>119</v>
      </c>
      <c r="Q94" s="17">
        <v>266</v>
      </c>
      <c r="R94" s="17">
        <v>14732</v>
      </c>
    </row>
    <row r="95" spans="1:18">
      <c r="A95" s="21" t="s">
        <v>1179</v>
      </c>
      <c r="B95" s="10" t="s">
        <v>25</v>
      </c>
      <c r="C95" s="11" t="s">
        <v>25</v>
      </c>
      <c r="D95" s="17">
        <v>44</v>
      </c>
      <c r="E95" s="17">
        <v>2</v>
      </c>
      <c r="F95" s="17">
        <v>5</v>
      </c>
      <c r="G95" s="17">
        <v>37</v>
      </c>
      <c r="H95" s="17">
        <v>1929</v>
      </c>
      <c r="I95" s="17">
        <v>28</v>
      </c>
      <c r="J95" s="17" t="s">
        <v>35</v>
      </c>
      <c r="K95" s="17">
        <v>1</v>
      </c>
      <c r="L95" s="17">
        <v>27</v>
      </c>
      <c r="M95" s="17">
        <v>1341</v>
      </c>
      <c r="N95" s="17">
        <v>16</v>
      </c>
      <c r="O95" s="17">
        <v>2</v>
      </c>
      <c r="P95" s="17">
        <v>4</v>
      </c>
      <c r="Q95" s="17">
        <v>10</v>
      </c>
      <c r="R95" s="17">
        <v>588</v>
      </c>
    </row>
    <row r="96" spans="1:18">
      <c r="A96" s="21" t="s">
        <v>1180</v>
      </c>
      <c r="B96" s="10" t="s">
        <v>25</v>
      </c>
      <c r="C96" s="11" t="s">
        <v>25</v>
      </c>
      <c r="D96" s="17">
        <v>373</v>
      </c>
      <c r="E96" s="17">
        <v>2</v>
      </c>
      <c r="F96" s="17">
        <v>86</v>
      </c>
      <c r="G96" s="17">
        <v>285</v>
      </c>
      <c r="H96" s="17">
        <v>15474</v>
      </c>
      <c r="I96" s="17">
        <v>213</v>
      </c>
      <c r="J96" s="17">
        <v>1</v>
      </c>
      <c r="K96" s="17">
        <v>23</v>
      </c>
      <c r="L96" s="17">
        <v>189</v>
      </c>
      <c r="M96" s="17">
        <v>9908</v>
      </c>
      <c r="N96" s="17">
        <v>160</v>
      </c>
      <c r="O96" s="17">
        <v>1</v>
      </c>
      <c r="P96" s="17">
        <v>63</v>
      </c>
      <c r="Q96" s="17">
        <v>96</v>
      </c>
      <c r="R96" s="17">
        <v>5566</v>
      </c>
    </row>
    <row r="97" spans="1:18">
      <c r="A97" s="21" t="s">
        <v>1181</v>
      </c>
      <c r="B97" s="10" t="s">
        <v>25</v>
      </c>
      <c r="C97" s="11" t="s">
        <v>25</v>
      </c>
      <c r="D97" s="17">
        <v>1118</v>
      </c>
      <c r="E97" s="17">
        <v>16</v>
      </c>
      <c r="F97" s="17">
        <v>226</v>
      </c>
      <c r="G97" s="17">
        <v>874</v>
      </c>
      <c r="H97" s="17">
        <v>47033</v>
      </c>
      <c r="I97" s="17">
        <v>594</v>
      </c>
      <c r="J97" s="17">
        <v>4</v>
      </c>
      <c r="K97" s="17">
        <v>61</v>
      </c>
      <c r="L97" s="17">
        <v>528</v>
      </c>
      <c r="M97" s="17">
        <v>27602</v>
      </c>
      <c r="N97" s="17">
        <v>524</v>
      </c>
      <c r="O97" s="17">
        <v>12</v>
      </c>
      <c r="P97" s="17">
        <v>165</v>
      </c>
      <c r="Q97" s="17">
        <v>346</v>
      </c>
      <c r="R97" s="17">
        <v>19431</v>
      </c>
    </row>
    <row r="98" spans="1:18">
      <c r="A98" s="21" t="s">
        <v>1182</v>
      </c>
      <c r="B98" s="10" t="s">
        <v>25</v>
      </c>
      <c r="C98" s="11" t="s">
        <v>25</v>
      </c>
      <c r="D98" s="17">
        <v>5979</v>
      </c>
      <c r="E98" s="17">
        <v>76</v>
      </c>
      <c r="F98" s="17">
        <v>1326</v>
      </c>
      <c r="G98" s="17">
        <v>4572</v>
      </c>
      <c r="H98" s="17">
        <v>247831</v>
      </c>
      <c r="I98" s="17">
        <v>3512</v>
      </c>
      <c r="J98" s="17">
        <v>30</v>
      </c>
      <c r="K98" s="17">
        <v>379</v>
      </c>
      <c r="L98" s="17">
        <v>3101</v>
      </c>
      <c r="M98" s="17">
        <v>163042</v>
      </c>
      <c r="N98" s="17">
        <v>2467</v>
      </c>
      <c r="O98" s="17">
        <v>46</v>
      </c>
      <c r="P98" s="17">
        <v>947</v>
      </c>
      <c r="Q98" s="17">
        <v>1471</v>
      </c>
      <c r="R98" s="17">
        <v>84789</v>
      </c>
    </row>
    <row r="99" spans="1:18">
      <c r="A99" s="21" t="s">
        <v>1183</v>
      </c>
      <c r="B99" s="10" t="s">
        <v>25</v>
      </c>
      <c r="C99" s="11" t="s">
        <v>25</v>
      </c>
      <c r="D99" s="17">
        <v>1701</v>
      </c>
      <c r="E99" s="17">
        <v>29</v>
      </c>
      <c r="F99" s="17">
        <v>377</v>
      </c>
      <c r="G99" s="17">
        <v>1293</v>
      </c>
      <c r="H99" s="17">
        <v>71447</v>
      </c>
      <c r="I99" s="17">
        <v>1018</v>
      </c>
      <c r="J99" s="17">
        <v>10</v>
      </c>
      <c r="K99" s="17">
        <v>108</v>
      </c>
      <c r="L99" s="17">
        <v>899</v>
      </c>
      <c r="M99" s="17">
        <v>48251</v>
      </c>
      <c r="N99" s="17">
        <v>683</v>
      </c>
      <c r="O99" s="17">
        <v>19</v>
      </c>
      <c r="P99" s="17">
        <v>269</v>
      </c>
      <c r="Q99" s="17">
        <v>394</v>
      </c>
      <c r="R99" s="17">
        <v>23196</v>
      </c>
    </row>
    <row r="100" spans="1:18">
      <c r="A100" s="21" t="s">
        <v>1184</v>
      </c>
      <c r="B100" s="10" t="s">
        <v>25</v>
      </c>
      <c r="C100" s="11" t="s">
        <v>25</v>
      </c>
      <c r="D100" s="17">
        <v>2065</v>
      </c>
      <c r="E100" s="17">
        <v>24</v>
      </c>
      <c r="F100" s="17">
        <v>375</v>
      </c>
      <c r="G100" s="17">
        <v>1664</v>
      </c>
      <c r="H100" s="17">
        <v>87812</v>
      </c>
      <c r="I100" s="17">
        <v>1257</v>
      </c>
      <c r="J100" s="17">
        <v>9</v>
      </c>
      <c r="K100" s="17">
        <v>113</v>
      </c>
      <c r="L100" s="17">
        <v>1135</v>
      </c>
      <c r="M100" s="17">
        <v>58932</v>
      </c>
      <c r="N100" s="17">
        <v>808</v>
      </c>
      <c r="O100" s="17">
        <v>15</v>
      </c>
      <c r="P100" s="17">
        <v>262</v>
      </c>
      <c r="Q100" s="17">
        <v>529</v>
      </c>
      <c r="R100" s="17">
        <v>28880</v>
      </c>
    </row>
    <row r="101" spans="1:18">
      <c r="A101" s="21" t="s">
        <v>1185</v>
      </c>
      <c r="B101" s="10" t="s">
        <v>25</v>
      </c>
      <c r="C101" s="11" t="s">
        <v>25</v>
      </c>
      <c r="D101" s="17">
        <v>2213</v>
      </c>
      <c r="E101" s="17">
        <v>23</v>
      </c>
      <c r="F101" s="17">
        <v>574</v>
      </c>
      <c r="G101" s="17">
        <v>1615</v>
      </c>
      <c r="H101" s="17">
        <v>88572</v>
      </c>
      <c r="I101" s="17">
        <v>1237</v>
      </c>
      <c r="J101" s="17">
        <v>11</v>
      </c>
      <c r="K101" s="17">
        <v>158</v>
      </c>
      <c r="L101" s="17">
        <v>1067</v>
      </c>
      <c r="M101" s="17">
        <v>55859</v>
      </c>
      <c r="N101" s="17">
        <v>976</v>
      </c>
      <c r="O101" s="17">
        <v>12</v>
      </c>
      <c r="P101" s="17">
        <v>416</v>
      </c>
      <c r="Q101" s="17">
        <v>548</v>
      </c>
      <c r="R101" s="17">
        <v>32713</v>
      </c>
    </row>
    <row r="102" spans="1:18">
      <c r="A102" s="21" t="s">
        <v>1186</v>
      </c>
      <c r="B102" s="10" t="s">
        <v>25</v>
      </c>
      <c r="C102" s="11" t="s">
        <v>25</v>
      </c>
      <c r="D102" s="17">
        <v>3166</v>
      </c>
      <c r="E102" s="18">
        <v>47</v>
      </c>
      <c r="F102" s="17">
        <v>636</v>
      </c>
      <c r="G102" s="17">
        <v>2477</v>
      </c>
      <c r="H102" s="17">
        <v>134659</v>
      </c>
      <c r="I102" s="17">
        <v>1975</v>
      </c>
      <c r="J102" s="18">
        <v>26</v>
      </c>
      <c r="K102" s="17">
        <v>210</v>
      </c>
      <c r="L102" s="17">
        <v>1734</v>
      </c>
      <c r="M102" s="17">
        <v>90904</v>
      </c>
      <c r="N102" s="17">
        <v>1191</v>
      </c>
      <c r="O102" s="18">
        <v>21</v>
      </c>
      <c r="P102" s="17">
        <v>426</v>
      </c>
      <c r="Q102" s="17">
        <v>743</v>
      </c>
      <c r="R102" s="17">
        <v>43755</v>
      </c>
    </row>
    <row r="103" spans="1:18">
      <c r="A103" s="21" t="s">
        <v>1187</v>
      </c>
      <c r="B103" s="10" t="s">
        <v>25</v>
      </c>
      <c r="C103" s="11" t="s">
        <v>25</v>
      </c>
      <c r="D103" s="17">
        <v>557</v>
      </c>
      <c r="E103" s="17">
        <v>9</v>
      </c>
      <c r="F103" s="17">
        <v>107</v>
      </c>
      <c r="G103" s="17">
        <v>436</v>
      </c>
      <c r="H103" s="17">
        <v>23347</v>
      </c>
      <c r="I103" s="17">
        <v>377</v>
      </c>
      <c r="J103" s="17">
        <v>6</v>
      </c>
      <c r="K103" s="17">
        <v>29</v>
      </c>
      <c r="L103" s="17">
        <v>337</v>
      </c>
      <c r="M103" s="17">
        <v>16999</v>
      </c>
      <c r="N103" s="17">
        <v>180</v>
      </c>
      <c r="O103" s="17">
        <v>3</v>
      </c>
      <c r="P103" s="17">
        <v>78</v>
      </c>
      <c r="Q103" s="17">
        <v>99</v>
      </c>
      <c r="R103" s="17">
        <v>6348</v>
      </c>
    </row>
    <row r="104" spans="1:18">
      <c r="A104" s="21" t="s">
        <v>1188</v>
      </c>
      <c r="B104" s="10" t="s">
        <v>25</v>
      </c>
      <c r="C104" s="11" t="s">
        <v>25</v>
      </c>
      <c r="D104" s="17">
        <v>1003</v>
      </c>
      <c r="E104" s="17">
        <v>12</v>
      </c>
      <c r="F104" s="17">
        <v>167</v>
      </c>
      <c r="G104" s="17">
        <v>824</v>
      </c>
      <c r="H104" s="17">
        <v>43778</v>
      </c>
      <c r="I104" s="17">
        <v>663</v>
      </c>
      <c r="J104" s="17">
        <v>7</v>
      </c>
      <c r="K104" s="17">
        <v>63</v>
      </c>
      <c r="L104" s="17">
        <v>593</v>
      </c>
      <c r="M104" s="17">
        <v>30747</v>
      </c>
      <c r="N104" s="17">
        <v>340</v>
      </c>
      <c r="O104" s="17">
        <v>5</v>
      </c>
      <c r="P104" s="17">
        <v>104</v>
      </c>
      <c r="Q104" s="17">
        <v>231</v>
      </c>
      <c r="R104" s="17">
        <v>13031</v>
      </c>
    </row>
    <row r="105" spans="1:18">
      <c r="A105" s="21" t="s">
        <v>1189</v>
      </c>
      <c r="B105" s="10" t="s">
        <v>25</v>
      </c>
      <c r="C105" s="11" t="s">
        <v>25</v>
      </c>
      <c r="D105" s="17">
        <v>229</v>
      </c>
      <c r="E105" s="17">
        <v>3</v>
      </c>
      <c r="F105" s="17">
        <v>50</v>
      </c>
      <c r="G105" s="17">
        <v>176</v>
      </c>
      <c r="H105" s="17">
        <v>9743</v>
      </c>
      <c r="I105" s="17">
        <v>127</v>
      </c>
      <c r="J105" s="17">
        <v>1</v>
      </c>
      <c r="K105" s="17">
        <v>15</v>
      </c>
      <c r="L105" s="17">
        <v>111</v>
      </c>
      <c r="M105" s="17">
        <v>5909</v>
      </c>
      <c r="N105" s="17">
        <v>102</v>
      </c>
      <c r="O105" s="17">
        <v>2</v>
      </c>
      <c r="P105" s="17">
        <v>35</v>
      </c>
      <c r="Q105" s="17">
        <v>65</v>
      </c>
      <c r="R105" s="17">
        <v>3834</v>
      </c>
    </row>
    <row r="106" spans="1:18">
      <c r="A106" s="21" t="s">
        <v>1190</v>
      </c>
      <c r="B106" s="10" t="s">
        <v>25</v>
      </c>
      <c r="C106" s="11" t="s">
        <v>25</v>
      </c>
      <c r="D106" s="17">
        <v>325</v>
      </c>
      <c r="E106" s="17">
        <v>10</v>
      </c>
      <c r="F106" s="17">
        <v>66</v>
      </c>
      <c r="G106" s="17">
        <v>249</v>
      </c>
      <c r="H106" s="17">
        <v>13701</v>
      </c>
      <c r="I106" s="17">
        <v>182</v>
      </c>
      <c r="J106" s="17">
        <v>5</v>
      </c>
      <c r="K106" s="17">
        <v>20</v>
      </c>
      <c r="L106" s="17">
        <v>157</v>
      </c>
      <c r="M106" s="17">
        <v>8458</v>
      </c>
      <c r="N106" s="17">
        <v>143</v>
      </c>
      <c r="O106" s="17">
        <v>5</v>
      </c>
      <c r="P106" s="17">
        <v>46</v>
      </c>
      <c r="Q106" s="17">
        <v>92</v>
      </c>
      <c r="R106" s="17">
        <v>5243</v>
      </c>
    </row>
    <row r="107" spans="1:18">
      <c r="A107" s="21" t="s">
        <v>1191</v>
      </c>
      <c r="B107" s="10" t="s">
        <v>25</v>
      </c>
      <c r="C107" s="11" t="s">
        <v>25</v>
      </c>
      <c r="D107" s="17">
        <v>234</v>
      </c>
      <c r="E107" s="17">
        <v>2</v>
      </c>
      <c r="F107" s="17">
        <v>53</v>
      </c>
      <c r="G107" s="17">
        <v>179</v>
      </c>
      <c r="H107" s="17">
        <v>9759</v>
      </c>
      <c r="I107" s="17">
        <v>143</v>
      </c>
      <c r="J107" s="17">
        <v>2</v>
      </c>
      <c r="K107" s="17">
        <v>17</v>
      </c>
      <c r="L107" s="17">
        <v>124</v>
      </c>
      <c r="M107" s="17">
        <v>6358</v>
      </c>
      <c r="N107" s="17">
        <v>91</v>
      </c>
      <c r="O107" s="17" t="s">
        <v>35</v>
      </c>
      <c r="P107" s="17">
        <v>36</v>
      </c>
      <c r="Q107" s="17">
        <v>55</v>
      </c>
      <c r="R107" s="17">
        <v>3401</v>
      </c>
    </row>
    <row r="108" spans="1:18">
      <c r="A108" s="21" t="s">
        <v>1192</v>
      </c>
      <c r="B108" s="10" t="s">
        <v>25</v>
      </c>
      <c r="C108" s="11" t="s">
        <v>25</v>
      </c>
      <c r="D108" s="17">
        <v>419</v>
      </c>
      <c r="E108" s="17">
        <v>3</v>
      </c>
      <c r="F108" s="17">
        <v>98</v>
      </c>
      <c r="G108" s="17">
        <v>317</v>
      </c>
      <c r="H108" s="17">
        <v>18069</v>
      </c>
      <c r="I108" s="17">
        <v>241</v>
      </c>
      <c r="J108" s="17">
        <v>1</v>
      </c>
      <c r="K108" s="17">
        <v>34</v>
      </c>
      <c r="L108" s="17">
        <v>206</v>
      </c>
      <c r="M108" s="17">
        <v>11415</v>
      </c>
      <c r="N108" s="17">
        <v>178</v>
      </c>
      <c r="O108" s="17">
        <v>2</v>
      </c>
      <c r="P108" s="17">
        <v>64</v>
      </c>
      <c r="Q108" s="17">
        <v>111</v>
      </c>
      <c r="R108" s="17">
        <v>6654</v>
      </c>
    </row>
    <row r="109" spans="1:18">
      <c r="A109" s="21" t="s">
        <v>1193</v>
      </c>
      <c r="B109" s="10" t="s">
        <v>25</v>
      </c>
      <c r="C109" s="11" t="s">
        <v>25</v>
      </c>
      <c r="D109" s="17">
        <v>399</v>
      </c>
      <c r="E109" s="17">
        <v>8</v>
      </c>
      <c r="F109" s="17">
        <v>95</v>
      </c>
      <c r="G109" s="17">
        <v>296</v>
      </c>
      <c r="H109" s="17">
        <v>16262</v>
      </c>
      <c r="I109" s="17">
        <v>242</v>
      </c>
      <c r="J109" s="17">
        <v>4</v>
      </c>
      <c r="K109" s="17">
        <v>32</v>
      </c>
      <c r="L109" s="17">
        <v>206</v>
      </c>
      <c r="M109" s="17">
        <v>11018</v>
      </c>
      <c r="N109" s="17">
        <v>157</v>
      </c>
      <c r="O109" s="17">
        <v>4</v>
      </c>
      <c r="P109" s="17">
        <v>63</v>
      </c>
      <c r="Q109" s="17">
        <v>90</v>
      </c>
      <c r="R109" s="17">
        <v>5244</v>
      </c>
    </row>
    <row r="110" spans="1:18">
      <c r="A110" s="21" t="s">
        <v>1194</v>
      </c>
      <c r="B110" s="10" t="s">
        <v>25</v>
      </c>
      <c r="C110" s="11" t="s">
        <v>25</v>
      </c>
      <c r="D110" s="17">
        <v>3709</v>
      </c>
      <c r="E110" s="17">
        <v>46</v>
      </c>
      <c r="F110" s="17">
        <v>855</v>
      </c>
      <c r="G110" s="17">
        <v>2802</v>
      </c>
      <c r="H110" s="17">
        <v>156195</v>
      </c>
      <c r="I110" s="17">
        <v>2103</v>
      </c>
      <c r="J110" s="17">
        <v>18</v>
      </c>
      <c r="K110" s="17">
        <v>250</v>
      </c>
      <c r="L110" s="17">
        <v>1829</v>
      </c>
      <c r="M110" s="17">
        <v>99249</v>
      </c>
      <c r="N110" s="17">
        <v>1606</v>
      </c>
      <c r="O110" s="17">
        <v>28</v>
      </c>
      <c r="P110" s="17">
        <v>605</v>
      </c>
      <c r="Q110" s="17">
        <v>973</v>
      </c>
      <c r="R110" s="17">
        <v>56946</v>
      </c>
    </row>
    <row r="111" spans="1:18">
      <c r="A111" s="21" t="s">
        <v>1195</v>
      </c>
      <c r="B111" s="10" t="s">
        <v>25</v>
      </c>
      <c r="C111" s="11" t="s">
        <v>25</v>
      </c>
      <c r="D111" s="17">
        <v>730</v>
      </c>
      <c r="E111" s="17">
        <v>10</v>
      </c>
      <c r="F111" s="17">
        <v>161</v>
      </c>
      <c r="G111" s="17">
        <v>555</v>
      </c>
      <c r="H111" s="17">
        <v>31000</v>
      </c>
      <c r="I111" s="17">
        <v>426</v>
      </c>
      <c r="J111" s="17">
        <v>3</v>
      </c>
      <c r="K111" s="17">
        <v>41</v>
      </c>
      <c r="L111" s="17">
        <v>378</v>
      </c>
      <c r="M111" s="17">
        <v>20402</v>
      </c>
      <c r="N111" s="17">
        <v>304</v>
      </c>
      <c r="O111" s="17">
        <v>7</v>
      </c>
      <c r="P111" s="17">
        <v>120</v>
      </c>
      <c r="Q111" s="17">
        <v>177</v>
      </c>
      <c r="R111" s="17">
        <v>10598</v>
      </c>
    </row>
    <row r="112" spans="1:18">
      <c r="A112" s="21" t="s">
        <v>1196</v>
      </c>
      <c r="B112" s="10" t="s">
        <v>25</v>
      </c>
      <c r="C112" s="11" t="s">
        <v>25</v>
      </c>
      <c r="D112" s="17">
        <v>1043</v>
      </c>
      <c r="E112" s="17">
        <v>12</v>
      </c>
      <c r="F112" s="17">
        <v>230</v>
      </c>
      <c r="G112" s="17">
        <v>801</v>
      </c>
      <c r="H112" s="17">
        <v>43858</v>
      </c>
      <c r="I112" s="17">
        <v>599</v>
      </c>
      <c r="J112" s="17">
        <v>8</v>
      </c>
      <c r="K112" s="17">
        <v>74</v>
      </c>
      <c r="L112" s="17">
        <v>517</v>
      </c>
      <c r="M112" s="17">
        <v>27647</v>
      </c>
      <c r="N112" s="17">
        <v>444</v>
      </c>
      <c r="O112" s="17">
        <v>4</v>
      </c>
      <c r="P112" s="17">
        <v>156</v>
      </c>
      <c r="Q112" s="17">
        <v>284</v>
      </c>
      <c r="R112" s="17">
        <v>16211</v>
      </c>
    </row>
    <row r="113" spans="1:18">
      <c r="A113" s="21" t="s">
        <v>1197</v>
      </c>
      <c r="B113" s="10" t="s">
        <v>25</v>
      </c>
      <c r="C113" s="11" t="s">
        <v>25</v>
      </c>
      <c r="D113" s="17">
        <v>514</v>
      </c>
      <c r="E113" s="17">
        <v>10</v>
      </c>
      <c r="F113" s="17">
        <v>98</v>
      </c>
      <c r="G113" s="17">
        <v>406</v>
      </c>
      <c r="H113" s="17">
        <v>22178</v>
      </c>
      <c r="I113" s="17">
        <v>308</v>
      </c>
      <c r="J113" s="17">
        <v>3</v>
      </c>
      <c r="K113" s="17">
        <v>37</v>
      </c>
      <c r="L113" s="17">
        <v>268</v>
      </c>
      <c r="M113" s="17">
        <v>14589</v>
      </c>
      <c r="N113" s="17">
        <v>206</v>
      </c>
      <c r="O113" s="17">
        <v>7</v>
      </c>
      <c r="P113" s="17">
        <v>61</v>
      </c>
      <c r="Q113" s="17">
        <v>138</v>
      </c>
      <c r="R113" s="17">
        <v>7589</v>
      </c>
    </row>
    <row r="114" spans="1:18">
      <c r="A114" s="21" t="s">
        <v>1198</v>
      </c>
      <c r="B114" s="10" t="s">
        <v>25</v>
      </c>
      <c r="C114" s="11" t="s">
        <v>25</v>
      </c>
      <c r="D114" s="18">
        <v>1422</v>
      </c>
      <c r="E114" s="18">
        <v>14</v>
      </c>
      <c r="F114" s="18">
        <v>366</v>
      </c>
      <c r="G114" s="18">
        <v>1040</v>
      </c>
      <c r="H114" s="18">
        <v>59159</v>
      </c>
      <c r="I114" s="18">
        <v>770</v>
      </c>
      <c r="J114" s="18">
        <v>4</v>
      </c>
      <c r="K114" s="18">
        <v>98</v>
      </c>
      <c r="L114" s="18">
        <v>666</v>
      </c>
      <c r="M114" s="18">
        <v>36611</v>
      </c>
      <c r="N114" s="18">
        <v>652</v>
      </c>
      <c r="O114" s="18">
        <v>10</v>
      </c>
      <c r="P114" s="18">
        <v>268</v>
      </c>
      <c r="Q114" s="18">
        <v>374</v>
      </c>
      <c r="R114" s="18">
        <v>22548</v>
      </c>
    </row>
    <row r="115" spans="1:18">
      <c r="A115" s="21" t="s">
        <v>1199</v>
      </c>
      <c r="B115" s="10" t="s">
        <v>25</v>
      </c>
      <c r="C115" s="11" t="s">
        <v>25</v>
      </c>
      <c r="D115" s="18">
        <v>3000</v>
      </c>
      <c r="E115" s="18">
        <v>45</v>
      </c>
      <c r="F115" s="18">
        <v>762</v>
      </c>
      <c r="G115" s="18">
        <v>2190</v>
      </c>
      <c r="H115" s="18">
        <v>122902</v>
      </c>
      <c r="I115" s="18">
        <v>1760</v>
      </c>
      <c r="J115" s="18">
        <v>25</v>
      </c>
      <c r="K115" s="18">
        <v>248</v>
      </c>
      <c r="L115" s="18">
        <v>1487</v>
      </c>
      <c r="M115" s="18">
        <v>80766</v>
      </c>
      <c r="N115" s="18">
        <v>1240</v>
      </c>
      <c r="O115" s="18">
        <v>20</v>
      </c>
      <c r="P115" s="18">
        <v>514</v>
      </c>
      <c r="Q115" s="18">
        <v>703</v>
      </c>
      <c r="R115" s="18">
        <v>42136</v>
      </c>
    </row>
    <row r="116" spans="1:18">
      <c r="A116" s="21" t="s">
        <v>1200</v>
      </c>
      <c r="B116" s="10" t="s">
        <v>25</v>
      </c>
      <c r="C116" s="11" t="s">
        <v>25</v>
      </c>
      <c r="D116" s="17">
        <v>710</v>
      </c>
      <c r="E116" s="17">
        <v>10</v>
      </c>
      <c r="F116" s="17">
        <v>149</v>
      </c>
      <c r="G116" s="17">
        <v>550</v>
      </c>
      <c r="H116" s="17">
        <v>29604</v>
      </c>
      <c r="I116" s="17">
        <v>420</v>
      </c>
      <c r="J116" s="17">
        <v>6</v>
      </c>
      <c r="K116" s="17">
        <v>52</v>
      </c>
      <c r="L116" s="17">
        <v>362</v>
      </c>
      <c r="M116" s="17">
        <v>19346</v>
      </c>
      <c r="N116" s="17">
        <v>290</v>
      </c>
      <c r="O116" s="17">
        <v>4</v>
      </c>
      <c r="P116" s="17">
        <v>97</v>
      </c>
      <c r="Q116" s="17">
        <v>188</v>
      </c>
      <c r="R116" s="17">
        <v>10258</v>
      </c>
    </row>
    <row r="117" spans="1:18">
      <c r="A117" s="21" t="s">
        <v>1201</v>
      </c>
      <c r="B117" s="10" t="s">
        <v>25</v>
      </c>
      <c r="C117" s="11" t="s">
        <v>25</v>
      </c>
      <c r="D117" s="17">
        <v>885</v>
      </c>
      <c r="E117" s="18">
        <v>11</v>
      </c>
      <c r="F117" s="17">
        <v>213</v>
      </c>
      <c r="G117" s="17">
        <v>660</v>
      </c>
      <c r="H117" s="17">
        <v>37676</v>
      </c>
      <c r="I117" s="17">
        <v>505</v>
      </c>
      <c r="J117" s="18">
        <v>4</v>
      </c>
      <c r="K117" s="17">
        <v>64</v>
      </c>
      <c r="L117" s="17">
        <v>437</v>
      </c>
      <c r="M117" s="17">
        <v>24218</v>
      </c>
      <c r="N117" s="17">
        <v>380</v>
      </c>
      <c r="O117" s="18">
        <v>7</v>
      </c>
      <c r="P117" s="17">
        <v>149</v>
      </c>
      <c r="Q117" s="17">
        <v>223</v>
      </c>
      <c r="R117" s="17">
        <v>13458</v>
      </c>
    </row>
    <row r="118" spans="1:18">
      <c r="A118" s="21" t="s">
        <v>1202</v>
      </c>
      <c r="B118" s="10" t="s">
        <v>25</v>
      </c>
      <c r="C118" s="11" t="s">
        <v>25</v>
      </c>
      <c r="D118" s="17">
        <v>430</v>
      </c>
      <c r="E118" s="17">
        <v>8</v>
      </c>
      <c r="F118" s="17">
        <v>115</v>
      </c>
      <c r="G118" s="17">
        <v>307</v>
      </c>
      <c r="H118" s="17">
        <v>17506</v>
      </c>
      <c r="I118" s="17">
        <v>265</v>
      </c>
      <c r="J118" s="18">
        <v>5</v>
      </c>
      <c r="K118" s="17">
        <v>36</v>
      </c>
      <c r="L118" s="17">
        <v>224</v>
      </c>
      <c r="M118" s="17">
        <v>12093</v>
      </c>
      <c r="N118" s="17">
        <v>165</v>
      </c>
      <c r="O118" s="17">
        <v>3</v>
      </c>
      <c r="P118" s="17">
        <v>79</v>
      </c>
      <c r="Q118" s="17">
        <v>83</v>
      </c>
      <c r="R118" s="17">
        <v>5413</v>
      </c>
    </row>
    <row r="119" spans="1:18">
      <c r="A119" s="21" t="s">
        <v>1203</v>
      </c>
      <c r="B119" s="10" t="s">
        <v>25</v>
      </c>
      <c r="C119" s="11" t="s">
        <v>25</v>
      </c>
      <c r="D119" s="17">
        <v>975</v>
      </c>
      <c r="E119" s="18">
        <v>16</v>
      </c>
      <c r="F119" s="17">
        <v>285</v>
      </c>
      <c r="G119" s="17">
        <v>673</v>
      </c>
      <c r="H119" s="17">
        <v>38116</v>
      </c>
      <c r="I119" s="17">
        <v>570</v>
      </c>
      <c r="J119" s="18">
        <v>10</v>
      </c>
      <c r="K119" s="17">
        <v>96</v>
      </c>
      <c r="L119" s="17">
        <v>464</v>
      </c>
      <c r="M119" s="17">
        <v>25109</v>
      </c>
      <c r="N119" s="17">
        <v>405</v>
      </c>
      <c r="O119" s="18">
        <v>6</v>
      </c>
      <c r="P119" s="17">
        <v>189</v>
      </c>
      <c r="Q119" s="17">
        <v>209</v>
      </c>
      <c r="R119" s="17">
        <v>13007</v>
      </c>
    </row>
    <row r="120" spans="1:18">
      <c r="B120" s="28"/>
      <c r="C120" s="28"/>
    </row>
    <row r="121" spans="1:18">
      <c r="B121" s="28"/>
      <c r="C121" s="28"/>
    </row>
    <row r="122" spans="1:18">
      <c r="B122" s="28"/>
      <c r="C122" s="28"/>
    </row>
    <row r="123" spans="1:18">
      <c r="B123" s="28"/>
      <c r="C123" s="28"/>
    </row>
    <row r="124" spans="1:18">
      <c r="B124" s="28"/>
      <c r="C124" s="28"/>
    </row>
    <row r="125" spans="1:18">
      <c r="B125" s="28"/>
      <c r="C125" s="28"/>
    </row>
    <row r="126" spans="1:18">
      <c r="B126" s="28"/>
      <c r="C126" s="28"/>
    </row>
    <row r="127" spans="1:18">
      <c r="B127" s="28"/>
      <c r="C127" s="28"/>
    </row>
    <row r="128" spans="1:18">
      <c r="B128" s="28"/>
      <c r="C128" s="28"/>
    </row>
    <row r="129" spans="2:3">
      <c r="B129" s="28"/>
      <c r="C129" s="28"/>
    </row>
    <row r="130" spans="2:3">
      <c r="B130" s="28"/>
      <c r="C130" s="28"/>
    </row>
    <row r="131" spans="2:3">
      <c r="B131" s="28"/>
      <c r="C131" s="28"/>
    </row>
    <row r="132" spans="2:3">
      <c r="B132" s="28"/>
      <c r="C132" s="28"/>
    </row>
    <row r="133" spans="2:3">
      <c r="B133" s="28"/>
      <c r="C133" s="28"/>
    </row>
    <row r="134" spans="2:3">
      <c r="B134" s="28"/>
      <c r="C134" s="28"/>
    </row>
    <row r="135" spans="2:3">
      <c r="B135" s="28"/>
      <c r="C135" s="28"/>
    </row>
    <row r="136" spans="2:3">
      <c r="B136" s="28"/>
      <c r="C136" s="28"/>
    </row>
  </sheetData>
  <mergeCells count="7">
    <mergeCell ref="A1:D1"/>
    <mergeCell ref="A3:R3"/>
    <mergeCell ref="A6:A7"/>
    <mergeCell ref="B6:C7"/>
    <mergeCell ref="D6:H6"/>
    <mergeCell ref="I6:M6"/>
    <mergeCell ref="N6:R6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65" fitToHeight="0" pageOrder="overThenDown" orientation="landscape" horizontalDpi="300" verticalDpi="300" r:id="rId1"/>
  <headerFooter alignWithMargins="0"/>
  <rowBreaks count="1" manualBreakCount="1">
    <brk id="91" max="17" man="1"/>
  </rowBreaks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R131"/>
  <sheetViews>
    <sheetView zoomScaleNormal="100" workbookViewId="0">
      <selection sqref="A1:XFD2"/>
    </sheetView>
  </sheetViews>
  <sheetFormatPr defaultRowHeight="13.5"/>
  <cols>
    <col min="1" max="1" width="25.83203125" style="12" customWidth="1"/>
    <col min="2" max="3" width="4.83203125" style="12" customWidth="1"/>
    <col min="4" max="4" width="22.1640625" style="9" customWidth="1"/>
    <col min="5" max="5" width="13.6640625" style="9" bestFit="1" customWidth="1"/>
    <col min="6" max="7" width="19.5" style="9" bestFit="1" customWidth="1"/>
    <col min="8" max="8" width="30.33203125" style="9" bestFit="1" customWidth="1"/>
    <col min="9" max="9" width="22.1640625" style="9" customWidth="1"/>
    <col min="10" max="10" width="13.6640625" style="9" bestFit="1" customWidth="1"/>
    <col min="11" max="12" width="19.5" style="9" bestFit="1" customWidth="1"/>
    <col min="13" max="13" width="30.33203125" style="9" bestFit="1" customWidth="1"/>
    <col min="14" max="14" width="22.6640625" style="9" customWidth="1"/>
    <col min="15" max="15" width="13.6640625" style="9" bestFit="1" customWidth="1"/>
    <col min="16" max="17" width="19.5" style="9" bestFit="1" customWidth="1"/>
    <col min="18" max="18" width="30.33203125" style="9" bestFit="1" customWidth="1"/>
    <col min="19" max="16384" width="9.33203125" style="9"/>
  </cols>
  <sheetData>
    <row r="1" spans="1:18" s="1" customFormat="1" ht="16.5" customHeight="1">
      <c r="A1" s="37" t="s">
        <v>0</v>
      </c>
      <c r="B1" s="37"/>
      <c r="C1" s="37"/>
      <c r="D1" s="37"/>
      <c r="E1" s="31"/>
      <c r="F1" s="31"/>
      <c r="G1" s="31"/>
      <c r="H1" s="31"/>
      <c r="I1" s="32"/>
      <c r="J1" s="32"/>
      <c r="K1" s="32"/>
      <c r="L1" s="32"/>
      <c r="M1" s="32"/>
      <c r="N1" s="32"/>
      <c r="O1" s="32"/>
      <c r="P1" s="31"/>
      <c r="Q1" s="31"/>
      <c r="R1" s="31"/>
    </row>
    <row r="2" spans="1:18" s="1" customFormat="1" ht="16.5" customHeight="1">
      <c r="D2" s="31"/>
      <c r="E2" s="31"/>
      <c r="F2" s="31"/>
      <c r="G2" s="31"/>
      <c r="H2" s="31"/>
      <c r="I2" s="32"/>
      <c r="J2" s="32"/>
      <c r="K2" s="32"/>
      <c r="L2" s="32"/>
      <c r="M2" s="32"/>
      <c r="N2" s="32"/>
      <c r="O2" s="32"/>
      <c r="P2" s="31"/>
      <c r="Q2" s="31"/>
      <c r="R2" s="31"/>
    </row>
    <row r="3" spans="1:18">
      <c r="A3" s="38" t="s">
        <v>2462</v>
      </c>
      <c r="B3" s="38"/>
      <c r="C3" s="38"/>
      <c r="D3" s="38"/>
      <c r="E3" s="38"/>
      <c r="F3" s="38"/>
      <c r="G3" s="38"/>
      <c r="H3" s="38"/>
      <c r="I3" s="38"/>
      <c r="J3" s="38"/>
      <c r="K3" s="38"/>
      <c r="L3" s="38"/>
      <c r="M3" s="38"/>
      <c r="N3" s="38"/>
      <c r="O3" s="38"/>
      <c r="P3" s="38"/>
      <c r="Q3" s="38"/>
      <c r="R3" s="38"/>
    </row>
    <row r="4" spans="1:18">
      <c r="A4" s="9"/>
      <c r="B4" s="9"/>
      <c r="C4" s="9"/>
    </row>
    <row r="6" spans="1:18" ht="13.5" customHeight="1">
      <c r="A6" s="48" t="s">
        <v>26</v>
      </c>
      <c r="B6" s="41" t="s">
        <v>27</v>
      </c>
      <c r="C6" s="42"/>
      <c r="D6" s="45" t="s">
        <v>2463</v>
      </c>
      <c r="E6" s="46"/>
      <c r="F6" s="46"/>
      <c r="G6" s="46"/>
      <c r="H6" s="47"/>
      <c r="I6" s="45" t="s">
        <v>2464</v>
      </c>
      <c r="J6" s="46"/>
      <c r="K6" s="46"/>
      <c r="L6" s="46"/>
      <c r="M6" s="47"/>
      <c r="N6" s="45" t="s">
        <v>2465</v>
      </c>
      <c r="O6" s="46"/>
      <c r="P6" s="46"/>
      <c r="Q6" s="46"/>
      <c r="R6" s="47"/>
    </row>
    <row r="7" spans="1:18" s="23" customFormat="1">
      <c r="A7" s="49"/>
      <c r="B7" s="43"/>
      <c r="C7" s="44"/>
      <c r="D7" s="29" t="s">
        <v>2466</v>
      </c>
      <c r="E7" s="29" t="s">
        <v>2467</v>
      </c>
      <c r="F7" s="29" t="s">
        <v>2468</v>
      </c>
      <c r="G7" s="29" t="s">
        <v>2469</v>
      </c>
      <c r="H7" s="29" t="s">
        <v>2470</v>
      </c>
      <c r="I7" s="29" t="s">
        <v>2471</v>
      </c>
      <c r="J7" s="29" t="s">
        <v>2467</v>
      </c>
      <c r="K7" s="29" t="s">
        <v>2468</v>
      </c>
      <c r="L7" s="29" t="s">
        <v>2469</v>
      </c>
      <c r="M7" s="29" t="s">
        <v>2470</v>
      </c>
      <c r="N7" s="29" t="s">
        <v>2471</v>
      </c>
      <c r="O7" s="29" t="s">
        <v>2467</v>
      </c>
      <c r="P7" s="29" t="s">
        <v>2468</v>
      </c>
      <c r="Q7" s="29" t="s">
        <v>2469</v>
      </c>
      <c r="R7" s="29" t="s">
        <v>2470</v>
      </c>
    </row>
    <row r="8" spans="1:18" s="15" customFormat="1">
      <c r="A8" s="20" t="s">
        <v>1204</v>
      </c>
      <c r="B8" s="13" t="s">
        <v>25</v>
      </c>
      <c r="C8" s="14" t="s">
        <v>25</v>
      </c>
      <c r="D8" s="16">
        <v>78286</v>
      </c>
      <c r="E8" s="16">
        <v>1323</v>
      </c>
      <c r="F8" s="16">
        <v>19386</v>
      </c>
      <c r="G8" s="16">
        <v>57406</v>
      </c>
      <c r="H8" s="16">
        <v>3185620</v>
      </c>
      <c r="I8" s="16">
        <v>45345</v>
      </c>
      <c r="J8" s="16">
        <v>783</v>
      </c>
      <c r="K8" s="16">
        <v>6232</v>
      </c>
      <c r="L8" s="16">
        <v>38212</v>
      </c>
      <c r="M8" s="16">
        <v>2055348</v>
      </c>
      <c r="N8" s="16">
        <v>32941</v>
      </c>
      <c r="O8" s="16">
        <v>540</v>
      </c>
      <c r="P8" s="16">
        <v>13154</v>
      </c>
      <c r="Q8" s="16">
        <v>19194</v>
      </c>
      <c r="R8" s="16">
        <v>1130272</v>
      </c>
    </row>
    <row r="9" spans="1:18">
      <c r="A9" s="30" t="s">
        <v>1205</v>
      </c>
      <c r="B9" s="10" t="s">
        <v>25</v>
      </c>
      <c r="C9" s="11" t="s">
        <v>25</v>
      </c>
      <c r="D9" s="17">
        <v>4771</v>
      </c>
      <c r="E9" s="17">
        <v>80</v>
      </c>
      <c r="F9" s="17">
        <v>1276</v>
      </c>
      <c r="G9" s="17">
        <v>3412</v>
      </c>
      <c r="H9" s="17">
        <v>191578</v>
      </c>
      <c r="I9" s="17">
        <v>2755</v>
      </c>
      <c r="J9" s="17">
        <v>49</v>
      </c>
      <c r="K9" s="17">
        <v>359</v>
      </c>
      <c r="L9" s="17">
        <v>2344</v>
      </c>
      <c r="M9" s="17">
        <v>125626</v>
      </c>
      <c r="N9" s="17">
        <v>2016</v>
      </c>
      <c r="O9" s="17">
        <v>31</v>
      </c>
      <c r="P9" s="17">
        <v>917</v>
      </c>
      <c r="Q9" s="17">
        <v>1068</v>
      </c>
      <c r="R9" s="17">
        <v>65952</v>
      </c>
    </row>
    <row r="10" spans="1:18">
      <c r="A10" s="21" t="s">
        <v>1206</v>
      </c>
      <c r="B10" s="10" t="s">
        <v>25</v>
      </c>
      <c r="C10" s="11" t="s">
        <v>25</v>
      </c>
      <c r="D10" s="17">
        <v>1287</v>
      </c>
      <c r="E10" s="17">
        <v>23</v>
      </c>
      <c r="F10" s="17">
        <v>327</v>
      </c>
      <c r="G10" s="17">
        <v>935</v>
      </c>
      <c r="H10" s="17">
        <v>52033</v>
      </c>
      <c r="I10" s="17">
        <v>742</v>
      </c>
      <c r="J10" s="17">
        <v>15</v>
      </c>
      <c r="K10" s="17">
        <v>88</v>
      </c>
      <c r="L10" s="17">
        <v>637</v>
      </c>
      <c r="M10" s="17">
        <v>34031</v>
      </c>
      <c r="N10" s="17">
        <v>545</v>
      </c>
      <c r="O10" s="17">
        <v>8</v>
      </c>
      <c r="P10" s="17">
        <v>239</v>
      </c>
      <c r="Q10" s="17">
        <v>298</v>
      </c>
      <c r="R10" s="17">
        <v>18002</v>
      </c>
    </row>
    <row r="11" spans="1:18">
      <c r="A11" s="21" t="s">
        <v>1207</v>
      </c>
      <c r="B11" s="10" t="s">
        <v>25</v>
      </c>
      <c r="C11" s="11" t="s">
        <v>25</v>
      </c>
      <c r="D11" s="17">
        <v>1048</v>
      </c>
      <c r="E11" s="17">
        <v>19</v>
      </c>
      <c r="F11" s="17">
        <v>296</v>
      </c>
      <c r="G11" s="17">
        <v>733</v>
      </c>
      <c r="H11" s="17">
        <v>41266</v>
      </c>
      <c r="I11" s="17">
        <v>589</v>
      </c>
      <c r="J11" s="17">
        <v>12</v>
      </c>
      <c r="K11" s="17">
        <v>85</v>
      </c>
      <c r="L11" s="17">
        <v>492</v>
      </c>
      <c r="M11" s="17">
        <v>26228</v>
      </c>
      <c r="N11" s="17">
        <v>459</v>
      </c>
      <c r="O11" s="17">
        <v>7</v>
      </c>
      <c r="P11" s="17">
        <v>211</v>
      </c>
      <c r="Q11" s="17">
        <v>241</v>
      </c>
      <c r="R11" s="17">
        <v>15038</v>
      </c>
    </row>
    <row r="12" spans="1:18">
      <c r="A12" s="21" t="s">
        <v>1208</v>
      </c>
      <c r="B12" s="10" t="s">
        <v>25</v>
      </c>
      <c r="C12" s="11" t="s">
        <v>25</v>
      </c>
      <c r="D12" s="17">
        <v>1668</v>
      </c>
      <c r="E12" s="17">
        <v>25</v>
      </c>
      <c r="F12" s="17">
        <v>451</v>
      </c>
      <c r="G12" s="17">
        <v>1192</v>
      </c>
      <c r="H12" s="17">
        <v>67153</v>
      </c>
      <c r="I12" s="17">
        <v>984</v>
      </c>
      <c r="J12" s="17">
        <v>14</v>
      </c>
      <c r="K12" s="17">
        <v>123</v>
      </c>
      <c r="L12" s="17">
        <v>847</v>
      </c>
      <c r="M12" s="17">
        <v>45395</v>
      </c>
      <c r="N12" s="17">
        <v>684</v>
      </c>
      <c r="O12" s="17">
        <v>11</v>
      </c>
      <c r="P12" s="17">
        <v>328</v>
      </c>
      <c r="Q12" s="17">
        <v>345</v>
      </c>
      <c r="R12" s="17">
        <v>21758</v>
      </c>
    </row>
    <row r="13" spans="1:18">
      <c r="A13" s="21" t="s">
        <v>1209</v>
      </c>
      <c r="B13" s="10" t="s">
        <v>25</v>
      </c>
      <c r="C13" s="11" t="s">
        <v>25</v>
      </c>
      <c r="D13" s="17">
        <v>768</v>
      </c>
      <c r="E13" s="17">
        <v>13</v>
      </c>
      <c r="F13" s="17">
        <v>202</v>
      </c>
      <c r="G13" s="17">
        <v>552</v>
      </c>
      <c r="H13" s="17">
        <v>31126</v>
      </c>
      <c r="I13" s="17">
        <v>440</v>
      </c>
      <c r="J13" s="17">
        <v>8</v>
      </c>
      <c r="K13" s="17">
        <v>63</v>
      </c>
      <c r="L13" s="17">
        <v>368</v>
      </c>
      <c r="M13" s="17">
        <v>19972</v>
      </c>
      <c r="N13" s="17">
        <v>328</v>
      </c>
      <c r="O13" s="17">
        <v>5</v>
      </c>
      <c r="P13" s="17">
        <v>139</v>
      </c>
      <c r="Q13" s="17">
        <v>184</v>
      </c>
      <c r="R13" s="17">
        <v>11154</v>
      </c>
    </row>
    <row r="14" spans="1:18">
      <c r="A14" s="21" t="s">
        <v>1210</v>
      </c>
      <c r="B14" s="10" t="s">
        <v>25</v>
      </c>
      <c r="C14" s="11" t="s">
        <v>25</v>
      </c>
      <c r="D14" s="17">
        <v>2670</v>
      </c>
      <c r="E14" s="17">
        <v>46</v>
      </c>
      <c r="F14" s="17">
        <v>761</v>
      </c>
      <c r="G14" s="17">
        <v>1859</v>
      </c>
      <c r="H14" s="17">
        <v>105570</v>
      </c>
      <c r="I14" s="17">
        <v>1507</v>
      </c>
      <c r="J14" s="17">
        <v>25</v>
      </c>
      <c r="K14" s="17">
        <v>226</v>
      </c>
      <c r="L14" s="17">
        <v>1252</v>
      </c>
      <c r="M14" s="17">
        <v>67839</v>
      </c>
      <c r="N14" s="17">
        <v>1163</v>
      </c>
      <c r="O14" s="18">
        <v>21</v>
      </c>
      <c r="P14" s="17">
        <v>535</v>
      </c>
      <c r="Q14" s="18">
        <v>607</v>
      </c>
      <c r="R14" s="17">
        <v>37731</v>
      </c>
    </row>
    <row r="15" spans="1:18">
      <c r="A15" s="21" t="s">
        <v>1211</v>
      </c>
      <c r="B15" s="10" t="s">
        <v>25</v>
      </c>
      <c r="C15" s="11" t="s">
        <v>25</v>
      </c>
      <c r="D15" s="17">
        <v>692</v>
      </c>
      <c r="E15" s="17">
        <v>8</v>
      </c>
      <c r="F15" s="18">
        <v>195</v>
      </c>
      <c r="G15" s="17">
        <v>488</v>
      </c>
      <c r="H15" s="17">
        <v>27601</v>
      </c>
      <c r="I15" s="17">
        <v>401</v>
      </c>
      <c r="J15" s="17">
        <v>4</v>
      </c>
      <c r="K15" s="18">
        <v>56</v>
      </c>
      <c r="L15" s="17">
        <v>340</v>
      </c>
      <c r="M15" s="17">
        <v>18300</v>
      </c>
      <c r="N15" s="17">
        <v>291</v>
      </c>
      <c r="O15" s="18">
        <v>4</v>
      </c>
      <c r="P15" s="18">
        <v>139</v>
      </c>
      <c r="Q15" s="17">
        <v>148</v>
      </c>
      <c r="R15" s="17">
        <v>9301</v>
      </c>
    </row>
    <row r="16" spans="1:18">
      <c r="A16" s="21" t="s">
        <v>1212</v>
      </c>
      <c r="B16" s="10" t="s">
        <v>25</v>
      </c>
      <c r="C16" s="11" t="s">
        <v>25</v>
      </c>
      <c r="D16" s="17">
        <v>708</v>
      </c>
      <c r="E16" s="17">
        <v>18</v>
      </c>
      <c r="F16" s="18">
        <v>195</v>
      </c>
      <c r="G16" s="18">
        <v>495</v>
      </c>
      <c r="H16" s="18">
        <v>27605</v>
      </c>
      <c r="I16" s="18">
        <v>404</v>
      </c>
      <c r="J16" s="18">
        <v>9</v>
      </c>
      <c r="K16" s="18">
        <v>59</v>
      </c>
      <c r="L16" s="18">
        <v>336</v>
      </c>
      <c r="M16" s="18">
        <v>17814</v>
      </c>
      <c r="N16" s="17">
        <v>304</v>
      </c>
      <c r="O16" s="17">
        <v>9</v>
      </c>
      <c r="P16" s="18">
        <v>136</v>
      </c>
      <c r="Q16" s="18">
        <v>159</v>
      </c>
      <c r="R16" s="18">
        <v>9791</v>
      </c>
    </row>
    <row r="17" spans="1:18">
      <c r="A17" s="21" t="s">
        <v>1213</v>
      </c>
      <c r="B17" s="10" t="s">
        <v>25</v>
      </c>
      <c r="C17" s="11" t="s">
        <v>25</v>
      </c>
      <c r="D17" s="17">
        <v>620</v>
      </c>
      <c r="E17" s="17">
        <v>9</v>
      </c>
      <c r="F17" s="17">
        <v>200</v>
      </c>
      <c r="G17" s="17">
        <v>411</v>
      </c>
      <c r="H17" s="17">
        <v>24167</v>
      </c>
      <c r="I17" s="17">
        <v>331</v>
      </c>
      <c r="J17" s="17">
        <v>6</v>
      </c>
      <c r="K17" s="17">
        <v>52</v>
      </c>
      <c r="L17" s="17">
        <v>273</v>
      </c>
      <c r="M17" s="17">
        <v>15064</v>
      </c>
      <c r="N17" s="17">
        <v>289</v>
      </c>
      <c r="O17" s="17">
        <v>3</v>
      </c>
      <c r="P17" s="17">
        <v>148</v>
      </c>
      <c r="Q17" s="17">
        <v>138</v>
      </c>
      <c r="R17" s="17">
        <v>9103</v>
      </c>
    </row>
    <row r="18" spans="1:18">
      <c r="A18" s="21" t="s">
        <v>1214</v>
      </c>
      <c r="B18" s="10" t="s">
        <v>25</v>
      </c>
      <c r="C18" s="11" t="s">
        <v>25</v>
      </c>
      <c r="D18" s="18">
        <v>650</v>
      </c>
      <c r="E18" s="18">
        <v>11</v>
      </c>
      <c r="F18" s="18">
        <v>171</v>
      </c>
      <c r="G18" s="18">
        <v>465</v>
      </c>
      <c r="H18" s="18">
        <v>26197</v>
      </c>
      <c r="I18" s="18">
        <v>371</v>
      </c>
      <c r="J18" s="18">
        <v>6</v>
      </c>
      <c r="K18" s="18">
        <v>59</v>
      </c>
      <c r="L18" s="18">
        <v>303</v>
      </c>
      <c r="M18" s="18">
        <v>16661</v>
      </c>
      <c r="N18" s="18">
        <v>279</v>
      </c>
      <c r="O18" s="18">
        <v>5</v>
      </c>
      <c r="P18" s="18">
        <v>112</v>
      </c>
      <c r="Q18" s="18">
        <v>162</v>
      </c>
      <c r="R18" s="18">
        <v>9536</v>
      </c>
    </row>
    <row r="19" spans="1:18">
      <c r="A19" s="21" t="s">
        <v>1215</v>
      </c>
      <c r="B19" s="10" t="s">
        <v>25</v>
      </c>
      <c r="C19" s="11" t="s">
        <v>25</v>
      </c>
      <c r="D19" s="17">
        <v>3234</v>
      </c>
      <c r="E19" s="17">
        <v>47</v>
      </c>
      <c r="F19" s="17">
        <v>874</v>
      </c>
      <c r="G19" s="17">
        <v>2310</v>
      </c>
      <c r="H19" s="17">
        <v>129336</v>
      </c>
      <c r="I19" s="17">
        <v>1899</v>
      </c>
      <c r="J19" s="17">
        <v>29</v>
      </c>
      <c r="K19" s="17">
        <v>262</v>
      </c>
      <c r="L19" s="17">
        <v>1606</v>
      </c>
      <c r="M19" s="17">
        <v>86008</v>
      </c>
      <c r="N19" s="17">
        <v>1335</v>
      </c>
      <c r="O19" s="17">
        <v>18</v>
      </c>
      <c r="P19" s="17">
        <v>612</v>
      </c>
      <c r="Q19" s="17">
        <v>704</v>
      </c>
      <c r="R19" s="17">
        <v>43328</v>
      </c>
    </row>
    <row r="20" spans="1:18">
      <c r="A20" s="21" t="s">
        <v>1216</v>
      </c>
      <c r="B20" s="10" t="s">
        <v>25</v>
      </c>
      <c r="C20" s="11" t="s">
        <v>25</v>
      </c>
      <c r="D20" s="18">
        <v>1600</v>
      </c>
      <c r="E20" s="18">
        <v>24</v>
      </c>
      <c r="F20" s="18">
        <v>401</v>
      </c>
      <c r="G20" s="18">
        <v>1173</v>
      </c>
      <c r="H20" s="18">
        <v>64545</v>
      </c>
      <c r="I20" s="18">
        <v>934</v>
      </c>
      <c r="J20" s="18">
        <v>14</v>
      </c>
      <c r="K20" s="18">
        <v>107</v>
      </c>
      <c r="L20" s="18">
        <v>812</v>
      </c>
      <c r="M20" s="18">
        <v>42656</v>
      </c>
      <c r="N20" s="18">
        <v>666</v>
      </c>
      <c r="O20" s="18">
        <v>10</v>
      </c>
      <c r="P20" s="18">
        <v>294</v>
      </c>
      <c r="Q20" s="18">
        <v>361</v>
      </c>
      <c r="R20" s="18">
        <v>21889</v>
      </c>
    </row>
    <row r="21" spans="1:18">
      <c r="A21" s="21" t="s">
        <v>1217</v>
      </c>
      <c r="B21" s="10" t="s">
        <v>25</v>
      </c>
      <c r="C21" s="11" t="s">
        <v>25</v>
      </c>
      <c r="D21" s="17">
        <v>852</v>
      </c>
      <c r="E21" s="17">
        <v>9</v>
      </c>
      <c r="F21" s="17">
        <v>251</v>
      </c>
      <c r="G21" s="17">
        <v>592</v>
      </c>
      <c r="H21" s="17">
        <v>33143</v>
      </c>
      <c r="I21" s="17">
        <v>471</v>
      </c>
      <c r="J21" s="17">
        <v>6</v>
      </c>
      <c r="K21" s="17">
        <v>74</v>
      </c>
      <c r="L21" s="17">
        <v>391</v>
      </c>
      <c r="M21" s="17">
        <v>20808</v>
      </c>
      <c r="N21" s="17">
        <v>381</v>
      </c>
      <c r="O21" s="17">
        <v>3</v>
      </c>
      <c r="P21" s="17">
        <v>177</v>
      </c>
      <c r="Q21" s="17">
        <v>201</v>
      </c>
      <c r="R21" s="17">
        <v>12335</v>
      </c>
    </row>
    <row r="22" spans="1:18">
      <c r="A22" s="21" t="s">
        <v>1218</v>
      </c>
      <c r="B22" s="10" t="s">
        <v>25</v>
      </c>
      <c r="C22" s="11" t="s">
        <v>25</v>
      </c>
      <c r="D22" s="17">
        <v>782</v>
      </c>
      <c r="E22" s="17">
        <v>14</v>
      </c>
      <c r="F22" s="17">
        <v>222</v>
      </c>
      <c r="G22" s="17">
        <v>545</v>
      </c>
      <c r="H22" s="17">
        <v>31648</v>
      </c>
      <c r="I22" s="17">
        <v>494</v>
      </c>
      <c r="J22" s="17">
        <v>9</v>
      </c>
      <c r="K22" s="17">
        <v>81</v>
      </c>
      <c r="L22" s="17">
        <v>403</v>
      </c>
      <c r="M22" s="17">
        <v>22544</v>
      </c>
      <c r="N22" s="17">
        <v>288</v>
      </c>
      <c r="O22" s="17">
        <v>5</v>
      </c>
      <c r="P22" s="17">
        <v>141</v>
      </c>
      <c r="Q22" s="17">
        <v>142</v>
      </c>
      <c r="R22" s="17">
        <v>9104</v>
      </c>
    </row>
    <row r="23" spans="1:18">
      <c r="A23" s="21" t="s">
        <v>1219</v>
      </c>
      <c r="B23" s="10" t="s">
        <v>25</v>
      </c>
      <c r="C23" s="11" t="s">
        <v>25</v>
      </c>
      <c r="D23" s="17">
        <v>1652</v>
      </c>
      <c r="E23" s="18">
        <v>31</v>
      </c>
      <c r="F23" s="17">
        <v>449</v>
      </c>
      <c r="G23" s="17">
        <v>1172</v>
      </c>
      <c r="H23" s="17">
        <v>65037</v>
      </c>
      <c r="I23" s="17">
        <v>864</v>
      </c>
      <c r="J23" s="18">
        <v>14</v>
      </c>
      <c r="K23" s="17">
        <v>153</v>
      </c>
      <c r="L23" s="17">
        <v>697</v>
      </c>
      <c r="M23" s="17">
        <v>37429</v>
      </c>
      <c r="N23" s="17">
        <v>788</v>
      </c>
      <c r="O23" s="18">
        <v>17</v>
      </c>
      <c r="P23" s="17">
        <v>296</v>
      </c>
      <c r="Q23" s="17">
        <v>475</v>
      </c>
      <c r="R23" s="17">
        <v>27608</v>
      </c>
    </row>
    <row r="24" spans="1:18">
      <c r="A24" s="21" t="s">
        <v>1220</v>
      </c>
      <c r="B24" s="10" t="s">
        <v>25</v>
      </c>
      <c r="C24" s="11" t="s">
        <v>25</v>
      </c>
      <c r="D24" s="17">
        <v>433</v>
      </c>
      <c r="E24" s="17">
        <v>7</v>
      </c>
      <c r="F24" s="17">
        <v>113</v>
      </c>
      <c r="G24" s="17">
        <v>313</v>
      </c>
      <c r="H24" s="17">
        <v>17125</v>
      </c>
      <c r="I24" s="17">
        <v>235</v>
      </c>
      <c r="J24" s="17">
        <v>3</v>
      </c>
      <c r="K24" s="17">
        <v>36</v>
      </c>
      <c r="L24" s="17">
        <v>196</v>
      </c>
      <c r="M24" s="17">
        <v>10222</v>
      </c>
      <c r="N24" s="17">
        <v>198</v>
      </c>
      <c r="O24" s="17">
        <v>4</v>
      </c>
      <c r="P24" s="17">
        <v>77</v>
      </c>
      <c r="Q24" s="17">
        <v>117</v>
      </c>
      <c r="R24" s="17">
        <v>6903</v>
      </c>
    </row>
    <row r="25" spans="1:18">
      <c r="A25" s="21" t="s">
        <v>1221</v>
      </c>
      <c r="B25" s="10" t="s">
        <v>25</v>
      </c>
      <c r="C25" s="11" t="s">
        <v>25</v>
      </c>
      <c r="D25" s="17">
        <v>873</v>
      </c>
      <c r="E25" s="17">
        <v>14</v>
      </c>
      <c r="F25" s="17">
        <v>229</v>
      </c>
      <c r="G25" s="17">
        <v>630</v>
      </c>
      <c r="H25" s="17">
        <v>34689</v>
      </c>
      <c r="I25" s="17">
        <v>472</v>
      </c>
      <c r="J25" s="17">
        <v>5</v>
      </c>
      <c r="K25" s="17">
        <v>89</v>
      </c>
      <c r="L25" s="17">
        <v>378</v>
      </c>
      <c r="M25" s="17">
        <v>20466</v>
      </c>
      <c r="N25" s="17">
        <v>401</v>
      </c>
      <c r="O25" s="17">
        <v>9</v>
      </c>
      <c r="P25" s="17">
        <v>140</v>
      </c>
      <c r="Q25" s="17">
        <v>252</v>
      </c>
      <c r="R25" s="17">
        <v>14223</v>
      </c>
    </row>
    <row r="26" spans="1:18">
      <c r="A26" s="21" t="s">
        <v>1222</v>
      </c>
      <c r="B26" s="10" t="s">
        <v>25</v>
      </c>
      <c r="C26" s="11" t="s">
        <v>25</v>
      </c>
      <c r="D26" s="17">
        <v>346</v>
      </c>
      <c r="E26" s="17">
        <v>10</v>
      </c>
      <c r="F26" s="17">
        <v>107</v>
      </c>
      <c r="G26" s="17">
        <v>229</v>
      </c>
      <c r="H26" s="17">
        <v>13223</v>
      </c>
      <c r="I26" s="17">
        <v>157</v>
      </c>
      <c r="J26" s="17">
        <v>6</v>
      </c>
      <c r="K26" s="17">
        <v>28</v>
      </c>
      <c r="L26" s="17">
        <v>123</v>
      </c>
      <c r="M26" s="17">
        <v>6741</v>
      </c>
      <c r="N26" s="17">
        <v>189</v>
      </c>
      <c r="O26" s="17">
        <v>4</v>
      </c>
      <c r="P26" s="17">
        <v>79</v>
      </c>
      <c r="Q26" s="17">
        <v>106</v>
      </c>
      <c r="R26" s="17">
        <v>6482</v>
      </c>
    </row>
    <row r="27" spans="1:18">
      <c r="A27" s="21" t="s">
        <v>1223</v>
      </c>
      <c r="B27" s="10" t="s">
        <v>25</v>
      </c>
      <c r="C27" s="11" t="s">
        <v>25</v>
      </c>
      <c r="D27" s="17">
        <v>5743</v>
      </c>
      <c r="E27" s="17">
        <v>78</v>
      </c>
      <c r="F27" s="17">
        <v>1356</v>
      </c>
      <c r="G27" s="17">
        <v>4300</v>
      </c>
      <c r="H27" s="17">
        <v>237218</v>
      </c>
      <c r="I27" s="17">
        <v>3260</v>
      </c>
      <c r="J27" s="17">
        <v>43</v>
      </c>
      <c r="K27" s="17">
        <v>390</v>
      </c>
      <c r="L27" s="17">
        <v>2821</v>
      </c>
      <c r="M27" s="17">
        <v>150146</v>
      </c>
      <c r="N27" s="17">
        <v>2483</v>
      </c>
      <c r="O27" s="17">
        <v>35</v>
      </c>
      <c r="P27" s="17">
        <v>966</v>
      </c>
      <c r="Q27" s="17">
        <v>1479</v>
      </c>
      <c r="R27" s="17">
        <v>87072</v>
      </c>
    </row>
    <row r="28" spans="1:18">
      <c r="A28" s="21" t="s">
        <v>1224</v>
      </c>
      <c r="B28" s="10" t="s">
        <v>25</v>
      </c>
      <c r="C28" s="11" t="s">
        <v>25</v>
      </c>
      <c r="D28" s="17">
        <v>1126</v>
      </c>
      <c r="E28" s="17">
        <v>8</v>
      </c>
      <c r="F28" s="17">
        <v>236</v>
      </c>
      <c r="G28" s="17">
        <v>881</v>
      </c>
      <c r="H28" s="17">
        <v>47924</v>
      </c>
      <c r="I28" s="17">
        <v>602</v>
      </c>
      <c r="J28" s="17">
        <v>4</v>
      </c>
      <c r="K28" s="17">
        <v>80</v>
      </c>
      <c r="L28" s="17">
        <v>517</v>
      </c>
      <c r="M28" s="17">
        <v>27712</v>
      </c>
      <c r="N28" s="17">
        <v>524</v>
      </c>
      <c r="O28" s="17">
        <v>4</v>
      </c>
      <c r="P28" s="17">
        <v>156</v>
      </c>
      <c r="Q28" s="17">
        <v>364</v>
      </c>
      <c r="R28" s="17">
        <v>20212</v>
      </c>
    </row>
    <row r="29" spans="1:18">
      <c r="A29" s="21" t="s">
        <v>1225</v>
      </c>
      <c r="B29" s="10" t="s">
        <v>25</v>
      </c>
      <c r="C29" s="11" t="s">
        <v>25</v>
      </c>
      <c r="D29" s="17">
        <v>1094</v>
      </c>
      <c r="E29" s="17">
        <v>13</v>
      </c>
      <c r="F29" s="17">
        <v>252</v>
      </c>
      <c r="G29" s="17">
        <v>824</v>
      </c>
      <c r="H29" s="17">
        <v>45712</v>
      </c>
      <c r="I29" s="17">
        <v>605</v>
      </c>
      <c r="J29" s="17">
        <v>8</v>
      </c>
      <c r="K29" s="17">
        <v>76</v>
      </c>
      <c r="L29" s="17">
        <v>517</v>
      </c>
      <c r="M29" s="17">
        <v>27989</v>
      </c>
      <c r="N29" s="17">
        <v>489</v>
      </c>
      <c r="O29" s="17">
        <v>5</v>
      </c>
      <c r="P29" s="17">
        <v>176</v>
      </c>
      <c r="Q29" s="17">
        <v>307</v>
      </c>
      <c r="R29" s="17">
        <v>17723</v>
      </c>
    </row>
    <row r="30" spans="1:18">
      <c r="A30" s="21" t="s">
        <v>1226</v>
      </c>
      <c r="B30" s="10" t="s">
        <v>25</v>
      </c>
      <c r="C30" s="11" t="s">
        <v>25</v>
      </c>
      <c r="D30" s="17">
        <v>1549</v>
      </c>
      <c r="E30" s="17">
        <v>18</v>
      </c>
      <c r="F30" s="17">
        <v>367</v>
      </c>
      <c r="G30" s="17">
        <v>1164</v>
      </c>
      <c r="H30" s="17">
        <v>64219</v>
      </c>
      <c r="I30" s="17">
        <v>917</v>
      </c>
      <c r="J30" s="17">
        <v>9</v>
      </c>
      <c r="K30" s="17">
        <v>94</v>
      </c>
      <c r="L30" s="17">
        <v>814</v>
      </c>
      <c r="M30" s="17">
        <v>42893</v>
      </c>
      <c r="N30" s="17">
        <v>632</v>
      </c>
      <c r="O30" s="17">
        <v>9</v>
      </c>
      <c r="P30" s="17">
        <v>273</v>
      </c>
      <c r="Q30" s="17">
        <v>350</v>
      </c>
      <c r="R30" s="17">
        <v>21326</v>
      </c>
    </row>
    <row r="31" spans="1:18">
      <c r="A31" s="21" t="s">
        <v>1227</v>
      </c>
      <c r="B31" s="10" t="s">
        <v>25</v>
      </c>
      <c r="C31" s="11" t="s">
        <v>25</v>
      </c>
      <c r="D31" s="17">
        <v>1466</v>
      </c>
      <c r="E31" s="17">
        <v>34</v>
      </c>
      <c r="F31" s="17">
        <v>352</v>
      </c>
      <c r="G31" s="17">
        <v>1079</v>
      </c>
      <c r="H31" s="17">
        <v>59184</v>
      </c>
      <c r="I31" s="17">
        <v>823</v>
      </c>
      <c r="J31" s="17">
        <v>19</v>
      </c>
      <c r="K31" s="17">
        <v>91</v>
      </c>
      <c r="L31" s="17">
        <v>713</v>
      </c>
      <c r="M31" s="17">
        <v>37489</v>
      </c>
      <c r="N31" s="17">
        <v>643</v>
      </c>
      <c r="O31" s="17">
        <v>15</v>
      </c>
      <c r="P31" s="17">
        <v>261</v>
      </c>
      <c r="Q31" s="17">
        <v>366</v>
      </c>
      <c r="R31" s="17">
        <v>21695</v>
      </c>
    </row>
    <row r="32" spans="1:18">
      <c r="A32" s="21" t="s">
        <v>1228</v>
      </c>
      <c r="B32" s="10" t="s">
        <v>25</v>
      </c>
      <c r="C32" s="11" t="s">
        <v>25</v>
      </c>
      <c r="D32" s="17">
        <v>508</v>
      </c>
      <c r="E32" s="17">
        <v>5</v>
      </c>
      <c r="F32" s="17">
        <v>149</v>
      </c>
      <c r="G32" s="17">
        <v>352</v>
      </c>
      <c r="H32" s="17">
        <v>20179</v>
      </c>
      <c r="I32" s="17">
        <v>313</v>
      </c>
      <c r="J32" s="18">
        <v>3</v>
      </c>
      <c r="K32" s="17">
        <v>49</v>
      </c>
      <c r="L32" s="17">
        <v>260</v>
      </c>
      <c r="M32" s="17">
        <v>14063</v>
      </c>
      <c r="N32" s="17">
        <v>195</v>
      </c>
      <c r="O32" s="17">
        <v>2</v>
      </c>
      <c r="P32" s="17">
        <v>100</v>
      </c>
      <c r="Q32" s="17">
        <v>92</v>
      </c>
      <c r="R32" s="17">
        <v>6116</v>
      </c>
    </row>
    <row r="33" spans="1:18">
      <c r="A33" s="21" t="s">
        <v>1229</v>
      </c>
      <c r="B33" s="10" t="s">
        <v>25</v>
      </c>
      <c r="C33" s="11" t="s">
        <v>25</v>
      </c>
      <c r="D33" s="17">
        <v>3170</v>
      </c>
      <c r="E33" s="17">
        <v>58</v>
      </c>
      <c r="F33" s="17">
        <v>809</v>
      </c>
      <c r="G33" s="17">
        <v>2295</v>
      </c>
      <c r="H33" s="17">
        <v>126916</v>
      </c>
      <c r="I33" s="17">
        <v>1811</v>
      </c>
      <c r="J33" s="17">
        <v>35</v>
      </c>
      <c r="K33" s="17">
        <v>257</v>
      </c>
      <c r="L33" s="17">
        <v>1515</v>
      </c>
      <c r="M33" s="17">
        <v>80435</v>
      </c>
      <c r="N33" s="17">
        <v>1359</v>
      </c>
      <c r="O33" s="17">
        <v>23</v>
      </c>
      <c r="P33" s="17">
        <v>552</v>
      </c>
      <c r="Q33" s="17">
        <v>780</v>
      </c>
      <c r="R33" s="17">
        <v>46481</v>
      </c>
    </row>
    <row r="34" spans="1:18">
      <c r="A34" s="21" t="s">
        <v>1230</v>
      </c>
      <c r="B34" s="10" t="s">
        <v>25</v>
      </c>
      <c r="C34" s="11" t="s">
        <v>25</v>
      </c>
      <c r="D34" s="18">
        <v>728</v>
      </c>
      <c r="E34" s="18">
        <v>11</v>
      </c>
      <c r="F34" s="18">
        <v>159</v>
      </c>
      <c r="G34" s="18">
        <v>558</v>
      </c>
      <c r="H34" s="18">
        <v>30249</v>
      </c>
      <c r="I34" s="18">
        <v>378</v>
      </c>
      <c r="J34" s="18">
        <v>9</v>
      </c>
      <c r="K34" s="18">
        <v>48</v>
      </c>
      <c r="L34" s="18">
        <v>321</v>
      </c>
      <c r="M34" s="18">
        <v>16997</v>
      </c>
      <c r="N34" s="18">
        <v>350</v>
      </c>
      <c r="O34" s="18">
        <v>2</v>
      </c>
      <c r="P34" s="18">
        <v>111</v>
      </c>
      <c r="Q34" s="18">
        <v>237</v>
      </c>
      <c r="R34" s="18">
        <v>13252</v>
      </c>
    </row>
    <row r="35" spans="1:18">
      <c r="A35" s="21" t="s">
        <v>1231</v>
      </c>
      <c r="B35" s="10" t="s">
        <v>25</v>
      </c>
      <c r="C35" s="11" t="s">
        <v>25</v>
      </c>
      <c r="D35" s="17">
        <v>731</v>
      </c>
      <c r="E35" s="18">
        <v>18</v>
      </c>
      <c r="F35" s="17">
        <v>177</v>
      </c>
      <c r="G35" s="17">
        <v>530</v>
      </c>
      <c r="H35" s="17">
        <v>29142</v>
      </c>
      <c r="I35" s="17">
        <v>404</v>
      </c>
      <c r="J35" s="18">
        <v>7</v>
      </c>
      <c r="K35" s="17">
        <v>50</v>
      </c>
      <c r="L35" s="17">
        <v>345</v>
      </c>
      <c r="M35" s="17">
        <v>18226</v>
      </c>
      <c r="N35" s="17">
        <v>327</v>
      </c>
      <c r="O35" s="18">
        <v>11</v>
      </c>
      <c r="P35" s="17">
        <v>127</v>
      </c>
      <c r="Q35" s="17">
        <v>185</v>
      </c>
      <c r="R35" s="17">
        <v>10916</v>
      </c>
    </row>
    <row r="36" spans="1:18">
      <c r="A36" s="21" t="s">
        <v>1232</v>
      </c>
      <c r="B36" s="10" t="s">
        <v>25</v>
      </c>
      <c r="C36" s="11" t="s">
        <v>25</v>
      </c>
      <c r="D36" s="17">
        <v>475</v>
      </c>
      <c r="E36" s="17">
        <v>9</v>
      </c>
      <c r="F36" s="17">
        <v>135</v>
      </c>
      <c r="G36" s="17">
        <v>330</v>
      </c>
      <c r="H36" s="17">
        <v>18451</v>
      </c>
      <c r="I36" s="17">
        <v>288</v>
      </c>
      <c r="J36" s="17">
        <v>5</v>
      </c>
      <c r="K36" s="17">
        <v>52</v>
      </c>
      <c r="L36" s="17">
        <v>230</v>
      </c>
      <c r="M36" s="17">
        <v>12244</v>
      </c>
      <c r="N36" s="17">
        <v>187</v>
      </c>
      <c r="O36" s="17">
        <v>4</v>
      </c>
      <c r="P36" s="17">
        <v>83</v>
      </c>
      <c r="Q36" s="17">
        <v>100</v>
      </c>
      <c r="R36" s="17">
        <v>6207</v>
      </c>
    </row>
    <row r="37" spans="1:18">
      <c r="A37" s="21" t="s">
        <v>1233</v>
      </c>
      <c r="B37" s="10" t="s">
        <v>25</v>
      </c>
      <c r="C37" s="11" t="s">
        <v>25</v>
      </c>
      <c r="D37" s="17">
        <v>530</v>
      </c>
      <c r="E37" s="17">
        <v>14</v>
      </c>
      <c r="F37" s="17">
        <v>128</v>
      </c>
      <c r="G37" s="17">
        <v>388</v>
      </c>
      <c r="H37" s="17">
        <v>21160</v>
      </c>
      <c r="I37" s="17">
        <v>339</v>
      </c>
      <c r="J37" s="17">
        <v>9</v>
      </c>
      <c r="K37" s="17">
        <v>48</v>
      </c>
      <c r="L37" s="17">
        <v>282</v>
      </c>
      <c r="M37" s="17">
        <v>14848</v>
      </c>
      <c r="N37" s="17">
        <v>191</v>
      </c>
      <c r="O37" s="17">
        <v>5</v>
      </c>
      <c r="P37" s="17">
        <v>80</v>
      </c>
      <c r="Q37" s="17">
        <v>106</v>
      </c>
      <c r="R37" s="17">
        <v>6312</v>
      </c>
    </row>
    <row r="38" spans="1:18">
      <c r="A38" s="21" t="s">
        <v>1234</v>
      </c>
      <c r="B38" s="10" t="s">
        <v>25</v>
      </c>
      <c r="C38" s="11" t="s">
        <v>25</v>
      </c>
      <c r="D38" s="17">
        <v>706</v>
      </c>
      <c r="E38" s="17">
        <v>6</v>
      </c>
      <c r="F38" s="17">
        <v>210</v>
      </c>
      <c r="G38" s="17">
        <v>489</v>
      </c>
      <c r="H38" s="17">
        <v>27914</v>
      </c>
      <c r="I38" s="17">
        <v>402</v>
      </c>
      <c r="J38" s="17">
        <v>5</v>
      </c>
      <c r="K38" s="17">
        <v>59</v>
      </c>
      <c r="L38" s="17">
        <v>337</v>
      </c>
      <c r="M38" s="17">
        <v>18120</v>
      </c>
      <c r="N38" s="17">
        <v>304</v>
      </c>
      <c r="O38" s="17">
        <v>1</v>
      </c>
      <c r="P38" s="17">
        <v>151</v>
      </c>
      <c r="Q38" s="17">
        <v>152</v>
      </c>
      <c r="R38" s="17">
        <v>9794</v>
      </c>
    </row>
    <row r="39" spans="1:18">
      <c r="A39" s="21" t="s">
        <v>1235</v>
      </c>
      <c r="B39" s="10" t="s">
        <v>25</v>
      </c>
      <c r="C39" s="11" t="s">
        <v>25</v>
      </c>
      <c r="D39" s="17">
        <v>605</v>
      </c>
      <c r="E39" s="17">
        <v>18</v>
      </c>
      <c r="F39" s="17">
        <v>164</v>
      </c>
      <c r="G39" s="17">
        <v>420</v>
      </c>
      <c r="H39" s="17">
        <v>23925</v>
      </c>
      <c r="I39" s="17">
        <v>360</v>
      </c>
      <c r="J39" s="17">
        <v>15</v>
      </c>
      <c r="K39" s="17">
        <v>64</v>
      </c>
      <c r="L39" s="17">
        <v>279</v>
      </c>
      <c r="M39" s="17">
        <v>15493</v>
      </c>
      <c r="N39" s="17">
        <v>245</v>
      </c>
      <c r="O39" s="17">
        <v>3</v>
      </c>
      <c r="P39" s="17">
        <v>100</v>
      </c>
      <c r="Q39" s="17">
        <v>141</v>
      </c>
      <c r="R39" s="17">
        <v>8432</v>
      </c>
    </row>
    <row r="40" spans="1:18">
      <c r="A40" s="21" t="s">
        <v>1236</v>
      </c>
      <c r="B40" s="10" t="s">
        <v>25</v>
      </c>
      <c r="C40" s="11" t="s">
        <v>25</v>
      </c>
      <c r="D40" s="17">
        <v>474</v>
      </c>
      <c r="E40" s="17">
        <v>14</v>
      </c>
      <c r="F40" s="17">
        <v>122</v>
      </c>
      <c r="G40" s="17">
        <v>336</v>
      </c>
      <c r="H40" s="17">
        <v>18659</v>
      </c>
      <c r="I40" s="17">
        <v>287</v>
      </c>
      <c r="J40" s="18">
        <v>12</v>
      </c>
      <c r="K40" s="17">
        <v>50</v>
      </c>
      <c r="L40" s="17">
        <v>223</v>
      </c>
      <c r="M40" s="17">
        <v>12199</v>
      </c>
      <c r="N40" s="17">
        <v>187</v>
      </c>
      <c r="O40" s="17">
        <v>2</v>
      </c>
      <c r="P40" s="17">
        <v>72</v>
      </c>
      <c r="Q40" s="17">
        <v>113</v>
      </c>
      <c r="R40" s="17">
        <v>6460</v>
      </c>
    </row>
    <row r="41" spans="1:18">
      <c r="A41" s="21" t="s">
        <v>1237</v>
      </c>
      <c r="B41" s="10" t="s">
        <v>25</v>
      </c>
      <c r="C41" s="11" t="s">
        <v>25</v>
      </c>
      <c r="D41" s="17">
        <v>131</v>
      </c>
      <c r="E41" s="17">
        <v>4</v>
      </c>
      <c r="F41" s="17">
        <v>42</v>
      </c>
      <c r="G41" s="17">
        <v>84</v>
      </c>
      <c r="H41" s="17">
        <v>5266</v>
      </c>
      <c r="I41" s="17">
        <v>73</v>
      </c>
      <c r="J41" s="17">
        <v>3</v>
      </c>
      <c r="K41" s="17">
        <v>14</v>
      </c>
      <c r="L41" s="17">
        <v>56</v>
      </c>
      <c r="M41" s="17">
        <v>3294</v>
      </c>
      <c r="N41" s="17">
        <v>58</v>
      </c>
      <c r="O41" s="17">
        <v>1</v>
      </c>
      <c r="P41" s="17">
        <v>28</v>
      </c>
      <c r="Q41" s="17">
        <v>28</v>
      </c>
      <c r="R41" s="17">
        <v>1972</v>
      </c>
    </row>
    <row r="42" spans="1:18">
      <c r="A42" s="21" t="s">
        <v>1238</v>
      </c>
      <c r="B42" s="10" t="s">
        <v>25</v>
      </c>
      <c r="C42" s="11" t="s">
        <v>25</v>
      </c>
      <c r="D42" s="18">
        <v>4540</v>
      </c>
      <c r="E42" s="18">
        <v>79</v>
      </c>
      <c r="F42" s="18">
        <v>1193</v>
      </c>
      <c r="G42" s="18">
        <v>3261</v>
      </c>
      <c r="H42" s="18">
        <v>183874</v>
      </c>
      <c r="I42" s="18">
        <v>2785</v>
      </c>
      <c r="J42" s="18">
        <v>52</v>
      </c>
      <c r="K42" s="18">
        <v>427</v>
      </c>
      <c r="L42" s="18">
        <v>2301</v>
      </c>
      <c r="M42" s="18">
        <v>125421</v>
      </c>
      <c r="N42" s="18">
        <v>1755</v>
      </c>
      <c r="O42" s="18">
        <v>27</v>
      </c>
      <c r="P42" s="18">
        <v>766</v>
      </c>
      <c r="Q42" s="18">
        <v>960</v>
      </c>
      <c r="R42" s="18">
        <v>58453</v>
      </c>
    </row>
    <row r="43" spans="1:18">
      <c r="A43" s="21" t="s">
        <v>1239</v>
      </c>
      <c r="B43" s="10" t="s">
        <v>25</v>
      </c>
      <c r="C43" s="11" t="s">
        <v>25</v>
      </c>
      <c r="D43" s="17">
        <v>697</v>
      </c>
      <c r="E43" s="17">
        <v>12</v>
      </c>
      <c r="F43" s="17">
        <v>177</v>
      </c>
      <c r="G43" s="17">
        <v>506</v>
      </c>
      <c r="H43" s="17">
        <v>28476</v>
      </c>
      <c r="I43" s="17">
        <v>424</v>
      </c>
      <c r="J43" s="17">
        <v>8</v>
      </c>
      <c r="K43" s="17">
        <v>55</v>
      </c>
      <c r="L43" s="17">
        <v>360</v>
      </c>
      <c r="M43" s="17">
        <v>19465</v>
      </c>
      <c r="N43" s="17">
        <v>273</v>
      </c>
      <c r="O43" s="17">
        <v>4</v>
      </c>
      <c r="P43" s="17">
        <v>122</v>
      </c>
      <c r="Q43" s="17">
        <v>146</v>
      </c>
      <c r="R43" s="17">
        <v>9011</v>
      </c>
    </row>
    <row r="44" spans="1:18">
      <c r="A44" s="21" t="s">
        <v>1240</v>
      </c>
      <c r="B44" s="10" t="s">
        <v>25</v>
      </c>
      <c r="C44" s="11" t="s">
        <v>25</v>
      </c>
      <c r="D44" s="17">
        <v>1153</v>
      </c>
      <c r="E44" s="18">
        <v>26</v>
      </c>
      <c r="F44" s="17">
        <v>275</v>
      </c>
      <c r="G44" s="17">
        <v>852</v>
      </c>
      <c r="H44" s="17">
        <v>47985</v>
      </c>
      <c r="I44" s="17">
        <v>681</v>
      </c>
      <c r="J44" s="18">
        <v>17</v>
      </c>
      <c r="K44" s="17">
        <v>97</v>
      </c>
      <c r="L44" s="17">
        <v>567</v>
      </c>
      <c r="M44" s="17">
        <v>31238</v>
      </c>
      <c r="N44" s="17">
        <v>472</v>
      </c>
      <c r="O44" s="18">
        <v>9</v>
      </c>
      <c r="P44" s="17">
        <v>178</v>
      </c>
      <c r="Q44" s="17">
        <v>285</v>
      </c>
      <c r="R44" s="17">
        <v>16747</v>
      </c>
    </row>
    <row r="45" spans="1:18">
      <c r="A45" s="21" t="s">
        <v>1241</v>
      </c>
      <c r="B45" s="10" t="s">
        <v>25</v>
      </c>
      <c r="C45" s="11" t="s">
        <v>25</v>
      </c>
      <c r="D45" s="17">
        <v>970</v>
      </c>
      <c r="E45" s="17">
        <v>12</v>
      </c>
      <c r="F45" s="17">
        <v>273</v>
      </c>
      <c r="G45" s="17">
        <v>683</v>
      </c>
      <c r="H45" s="17">
        <v>38439</v>
      </c>
      <c r="I45" s="17">
        <v>587</v>
      </c>
      <c r="J45" s="17">
        <v>7</v>
      </c>
      <c r="K45" s="17">
        <v>103</v>
      </c>
      <c r="L45" s="17">
        <v>476</v>
      </c>
      <c r="M45" s="17">
        <v>25800</v>
      </c>
      <c r="N45" s="17">
        <v>383</v>
      </c>
      <c r="O45" s="17">
        <v>5</v>
      </c>
      <c r="P45" s="17">
        <v>170</v>
      </c>
      <c r="Q45" s="17">
        <v>207</v>
      </c>
      <c r="R45" s="17">
        <v>12639</v>
      </c>
    </row>
    <row r="46" spans="1:18">
      <c r="A46" s="21" t="s">
        <v>1242</v>
      </c>
      <c r="B46" s="10" t="s">
        <v>25</v>
      </c>
      <c r="C46" s="11" t="s">
        <v>25</v>
      </c>
      <c r="D46" s="17">
        <v>699</v>
      </c>
      <c r="E46" s="17">
        <v>11</v>
      </c>
      <c r="F46" s="17">
        <v>186</v>
      </c>
      <c r="G46" s="17">
        <v>501</v>
      </c>
      <c r="H46" s="17">
        <v>28091</v>
      </c>
      <c r="I46" s="17">
        <v>483</v>
      </c>
      <c r="J46" s="17">
        <v>10</v>
      </c>
      <c r="K46" s="17">
        <v>85</v>
      </c>
      <c r="L46" s="17">
        <v>387</v>
      </c>
      <c r="M46" s="17">
        <v>21203</v>
      </c>
      <c r="N46" s="17">
        <v>216</v>
      </c>
      <c r="O46" s="17">
        <v>1</v>
      </c>
      <c r="P46" s="17">
        <v>101</v>
      </c>
      <c r="Q46" s="17">
        <v>114</v>
      </c>
      <c r="R46" s="17">
        <v>6888</v>
      </c>
    </row>
    <row r="47" spans="1:18">
      <c r="A47" s="21" t="s">
        <v>1243</v>
      </c>
      <c r="B47" s="10" t="s">
        <v>25</v>
      </c>
      <c r="C47" s="11" t="s">
        <v>25</v>
      </c>
      <c r="D47" s="17">
        <v>1021</v>
      </c>
      <c r="E47" s="17">
        <v>18</v>
      </c>
      <c r="F47" s="17">
        <v>282</v>
      </c>
      <c r="G47" s="17">
        <v>719</v>
      </c>
      <c r="H47" s="17">
        <v>40883</v>
      </c>
      <c r="I47" s="17">
        <v>610</v>
      </c>
      <c r="J47" s="17">
        <v>10</v>
      </c>
      <c r="K47" s="17">
        <v>87</v>
      </c>
      <c r="L47" s="17">
        <v>511</v>
      </c>
      <c r="M47" s="17">
        <v>27715</v>
      </c>
      <c r="N47" s="17">
        <v>411</v>
      </c>
      <c r="O47" s="17">
        <v>8</v>
      </c>
      <c r="P47" s="17">
        <v>195</v>
      </c>
      <c r="Q47" s="17">
        <v>208</v>
      </c>
      <c r="R47" s="17">
        <v>13168</v>
      </c>
    </row>
    <row r="48" spans="1:18">
      <c r="A48" s="21" t="s">
        <v>1244</v>
      </c>
      <c r="B48" s="10" t="s">
        <v>25</v>
      </c>
      <c r="C48" s="11" t="s">
        <v>25</v>
      </c>
      <c r="D48" s="17">
        <v>2463</v>
      </c>
      <c r="E48" s="18">
        <v>34</v>
      </c>
      <c r="F48" s="17">
        <v>591</v>
      </c>
      <c r="G48" s="17">
        <v>1835</v>
      </c>
      <c r="H48" s="17">
        <v>102610</v>
      </c>
      <c r="I48" s="17">
        <v>1559</v>
      </c>
      <c r="J48" s="18">
        <v>18</v>
      </c>
      <c r="K48" s="17">
        <v>174</v>
      </c>
      <c r="L48" s="17">
        <v>1365</v>
      </c>
      <c r="M48" s="17">
        <v>73377</v>
      </c>
      <c r="N48" s="17">
        <v>904</v>
      </c>
      <c r="O48" s="18">
        <v>16</v>
      </c>
      <c r="P48" s="17">
        <v>417</v>
      </c>
      <c r="Q48" s="17">
        <v>470</v>
      </c>
      <c r="R48" s="17">
        <v>29233</v>
      </c>
    </row>
    <row r="49" spans="1:18">
      <c r="A49" s="21" t="s">
        <v>1245</v>
      </c>
      <c r="B49" s="10" t="s">
        <v>25</v>
      </c>
      <c r="C49" s="11" t="s">
        <v>25</v>
      </c>
      <c r="D49" s="17">
        <v>1005</v>
      </c>
      <c r="E49" s="18">
        <v>14</v>
      </c>
      <c r="F49" s="17">
        <v>239</v>
      </c>
      <c r="G49" s="17">
        <v>751</v>
      </c>
      <c r="H49" s="17">
        <v>41751</v>
      </c>
      <c r="I49" s="17">
        <v>613</v>
      </c>
      <c r="J49" s="18">
        <v>8</v>
      </c>
      <c r="K49" s="17">
        <v>65</v>
      </c>
      <c r="L49" s="17">
        <v>539</v>
      </c>
      <c r="M49" s="17">
        <v>28655</v>
      </c>
      <c r="N49" s="17">
        <v>392</v>
      </c>
      <c r="O49" s="18">
        <v>6</v>
      </c>
      <c r="P49" s="17">
        <v>174</v>
      </c>
      <c r="Q49" s="17">
        <v>212</v>
      </c>
      <c r="R49" s="17">
        <v>13096</v>
      </c>
    </row>
    <row r="50" spans="1:18">
      <c r="A50" s="21" t="s">
        <v>1246</v>
      </c>
      <c r="B50" s="10" t="s">
        <v>25</v>
      </c>
      <c r="C50" s="11" t="s">
        <v>25</v>
      </c>
      <c r="D50" s="17">
        <v>850</v>
      </c>
      <c r="E50" s="18">
        <v>15</v>
      </c>
      <c r="F50" s="17">
        <v>194</v>
      </c>
      <c r="G50" s="17">
        <v>639</v>
      </c>
      <c r="H50" s="17">
        <v>35566</v>
      </c>
      <c r="I50" s="17">
        <v>564</v>
      </c>
      <c r="J50" s="18">
        <v>8</v>
      </c>
      <c r="K50" s="17">
        <v>56</v>
      </c>
      <c r="L50" s="17">
        <v>499</v>
      </c>
      <c r="M50" s="17">
        <v>26797</v>
      </c>
      <c r="N50" s="17">
        <v>286</v>
      </c>
      <c r="O50" s="18">
        <v>7</v>
      </c>
      <c r="P50" s="17">
        <v>138</v>
      </c>
      <c r="Q50" s="17">
        <v>140</v>
      </c>
      <c r="R50" s="17">
        <v>8769</v>
      </c>
    </row>
    <row r="51" spans="1:18">
      <c r="A51" s="21" t="s">
        <v>1247</v>
      </c>
      <c r="B51" s="10" t="s">
        <v>25</v>
      </c>
      <c r="C51" s="11" t="s">
        <v>25</v>
      </c>
      <c r="D51" s="17">
        <v>608</v>
      </c>
      <c r="E51" s="17">
        <v>5</v>
      </c>
      <c r="F51" s="17">
        <v>158</v>
      </c>
      <c r="G51" s="17">
        <v>445</v>
      </c>
      <c r="H51" s="17">
        <v>25293</v>
      </c>
      <c r="I51" s="17">
        <v>382</v>
      </c>
      <c r="J51" s="18">
        <v>2</v>
      </c>
      <c r="K51" s="17">
        <v>53</v>
      </c>
      <c r="L51" s="17">
        <v>327</v>
      </c>
      <c r="M51" s="17">
        <v>17925</v>
      </c>
      <c r="N51" s="17">
        <v>226</v>
      </c>
      <c r="O51" s="17">
        <v>3</v>
      </c>
      <c r="P51" s="17">
        <v>105</v>
      </c>
      <c r="Q51" s="17">
        <v>118</v>
      </c>
      <c r="R51" s="17">
        <v>7368</v>
      </c>
    </row>
    <row r="52" spans="1:18">
      <c r="A52" s="21" t="s">
        <v>1248</v>
      </c>
      <c r="B52" s="10" t="s">
        <v>25</v>
      </c>
      <c r="C52" s="11" t="s">
        <v>25</v>
      </c>
      <c r="D52" s="17">
        <v>9723</v>
      </c>
      <c r="E52" s="17">
        <v>163</v>
      </c>
      <c r="F52" s="17">
        <v>2388</v>
      </c>
      <c r="G52" s="17">
        <v>7137</v>
      </c>
      <c r="H52" s="17">
        <v>398636</v>
      </c>
      <c r="I52" s="17">
        <v>5714</v>
      </c>
      <c r="J52" s="18">
        <v>101</v>
      </c>
      <c r="K52" s="17">
        <v>723</v>
      </c>
      <c r="L52" s="17">
        <v>4866</v>
      </c>
      <c r="M52" s="17">
        <v>263270</v>
      </c>
      <c r="N52" s="17">
        <v>4009</v>
      </c>
      <c r="O52" s="17">
        <v>62</v>
      </c>
      <c r="P52" s="17">
        <v>1665</v>
      </c>
      <c r="Q52" s="17">
        <v>2271</v>
      </c>
      <c r="R52" s="17">
        <v>135366</v>
      </c>
    </row>
    <row r="53" spans="1:18">
      <c r="A53" s="21" t="s">
        <v>1249</v>
      </c>
      <c r="B53" s="10" t="s">
        <v>25</v>
      </c>
      <c r="C53" s="11" t="s">
        <v>25</v>
      </c>
      <c r="D53" s="17">
        <v>1004</v>
      </c>
      <c r="E53" s="18">
        <v>25</v>
      </c>
      <c r="F53" s="17">
        <v>227</v>
      </c>
      <c r="G53" s="17">
        <v>752</v>
      </c>
      <c r="H53" s="17">
        <v>42070</v>
      </c>
      <c r="I53" s="17">
        <v>609</v>
      </c>
      <c r="J53" s="18">
        <v>12</v>
      </c>
      <c r="K53" s="17">
        <v>59</v>
      </c>
      <c r="L53" s="17">
        <v>538</v>
      </c>
      <c r="M53" s="17">
        <v>29132</v>
      </c>
      <c r="N53" s="17">
        <v>395</v>
      </c>
      <c r="O53" s="18">
        <v>13</v>
      </c>
      <c r="P53" s="17">
        <v>168</v>
      </c>
      <c r="Q53" s="17">
        <v>214</v>
      </c>
      <c r="R53" s="17">
        <v>12938</v>
      </c>
    </row>
    <row r="54" spans="1:18">
      <c r="A54" s="21" t="s">
        <v>1250</v>
      </c>
      <c r="B54" s="10" t="s">
        <v>25</v>
      </c>
      <c r="C54" s="11" t="s">
        <v>25</v>
      </c>
      <c r="D54" s="17">
        <v>2236</v>
      </c>
      <c r="E54" s="18">
        <v>32</v>
      </c>
      <c r="F54" s="17">
        <v>531</v>
      </c>
      <c r="G54" s="17">
        <v>1659</v>
      </c>
      <c r="H54" s="17">
        <v>91404</v>
      </c>
      <c r="I54" s="17">
        <v>1330</v>
      </c>
      <c r="J54" s="18">
        <v>18</v>
      </c>
      <c r="K54" s="17">
        <v>154</v>
      </c>
      <c r="L54" s="17">
        <v>1147</v>
      </c>
      <c r="M54" s="17">
        <v>60904</v>
      </c>
      <c r="N54" s="17">
        <v>906</v>
      </c>
      <c r="O54" s="18">
        <v>14</v>
      </c>
      <c r="P54" s="17">
        <v>377</v>
      </c>
      <c r="Q54" s="17">
        <v>512</v>
      </c>
      <c r="R54" s="17">
        <v>30500</v>
      </c>
    </row>
    <row r="55" spans="1:18">
      <c r="A55" s="21" t="s">
        <v>1251</v>
      </c>
      <c r="B55" s="10" t="s">
        <v>25</v>
      </c>
      <c r="C55" s="11" t="s">
        <v>25</v>
      </c>
      <c r="D55" s="17">
        <v>725</v>
      </c>
      <c r="E55" s="17">
        <v>18</v>
      </c>
      <c r="F55" s="17">
        <v>180</v>
      </c>
      <c r="G55" s="17">
        <v>520</v>
      </c>
      <c r="H55" s="17">
        <v>29161</v>
      </c>
      <c r="I55" s="17">
        <v>450</v>
      </c>
      <c r="J55" s="17">
        <v>13</v>
      </c>
      <c r="K55" s="17">
        <v>59</v>
      </c>
      <c r="L55" s="17">
        <v>372</v>
      </c>
      <c r="M55" s="17">
        <v>20330</v>
      </c>
      <c r="N55" s="17">
        <v>275</v>
      </c>
      <c r="O55" s="17">
        <v>5</v>
      </c>
      <c r="P55" s="17">
        <v>121</v>
      </c>
      <c r="Q55" s="17">
        <v>148</v>
      </c>
      <c r="R55" s="17">
        <v>8831</v>
      </c>
    </row>
    <row r="56" spans="1:18">
      <c r="A56" s="21" t="s">
        <v>1252</v>
      </c>
      <c r="B56" s="10" t="s">
        <v>25</v>
      </c>
      <c r="C56" s="11" t="s">
        <v>25</v>
      </c>
      <c r="D56" s="17">
        <v>866</v>
      </c>
      <c r="E56" s="17">
        <v>10</v>
      </c>
      <c r="F56" s="17">
        <v>206</v>
      </c>
      <c r="G56" s="17">
        <v>648</v>
      </c>
      <c r="H56" s="17">
        <v>35954</v>
      </c>
      <c r="I56" s="17">
        <v>497</v>
      </c>
      <c r="J56" s="17">
        <v>9</v>
      </c>
      <c r="K56" s="17">
        <v>54</v>
      </c>
      <c r="L56" s="17">
        <v>433</v>
      </c>
      <c r="M56" s="17">
        <v>23207</v>
      </c>
      <c r="N56" s="17">
        <v>369</v>
      </c>
      <c r="O56" s="17">
        <v>1</v>
      </c>
      <c r="P56" s="17">
        <v>152</v>
      </c>
      <c r="Q56" s="17">
        <v>215</v>
      </c>
      <c r="R56" s="17">
        <v>12747</v>
      </c>
    </row>
    <row r="57" spans="1:18">
      <c r="A57" s="21" t="s">
        <v>1253</v>
      </c>
      <c r="B57" s="10" t="s">
        <v>25</v>
      </c>
      <c r="C57" s="11" t="s">
        <v>25</v>
      </c>
      <c r="D57" s="17">
        <v>1515</v>
      </c>
      <c r="E57" s="17">
        <v>20</v>
      </c>
      <c r="F57" s="17">
        <v>398</v>
      </c>
      <c r="G57" s="17">
        <v>1090</v>
      </c>
      <c r="H57" s="17">
        <v>61815</v>
      </c>
      <c r="I57" s="17">
        <v>908</v>
      </c>
      <c r="J57" s="18">
        <v>12</v>
      </c>
      <c r="K57" s="17">
        <v>128</v>
      </c>
      <c r="L57" s="17">
        <v>763</v>
      </c>
      <c r="M57" s="17">
        <v>41886</v>
      </c>
      <c r="N57" s="17">
        <v>607</v>
      </c>
      <c r="O57" s="17">
        <v>8</v>
      </c>
      <c r="P57" s="17">
        <v>270</v>
      </c>
      <c r="Q57" s="17">
        <v>327</v>
      </c>
      <c r="R57" s="17">
        <v>19929</v>
      </c>
    </row>
    <row r="58" spans="1:18">
      <c r="A58" s="21" t="s">
        <v>1254</v>
      </c>
      <c r="B58" s="10" t="s">
        <v>25</v>
      </c>
      <c r="C58" s="11" t="s">
        <v>25</v>
      </c>
      <c r="D58" s="17">
        <v>1447</v>
      </c>
      <c r="E58" s="17">
        <v>25</v>
      </c>
      <c r="F58" s="17">
        <v>360</v>
      </c>
      <c r="G58" s="17">
        <v>1060</v>
      </c>
      <c r="H58" s="17">
        <v>59802</v>
      </c>
      <c r="I58" s="17">
        <v>812</v>
      </c>
      <c r="J58" s="17">
        <v>13</v>
      </c>
      <c r="K58" s="17">
        <v>111</v>
      </c>
      <c r="L58" s="17">
        <v>687</v>
      </c>
      <c r="M58" s="17">
        <v>37845</v>
      </c>
      <c r="N58" s="17">
        <v>635</v>
      </c>
      <c r="O58" s="17">
        <v>12</v>
      </c>
      <c r="P58" s="17">
        <v>249</v>
      </c>
      <c r="Q58" s="17">
        <v>373</v>
      </c>
      <c r="R58" s="17">
        <v>21957</v>
      </c>
    </row>
    <row r="59" spans="1:18">
      <c r="A59" s="21" t="s">
        <v>1255</v>
      </c>
      <c r="B59" s="10" t="s">
        <v>25</v>
      </c>
      <c r="C59" s="11" t="s">
        <v>25</v>
      </c>
      <c r="D59" s="17">
        <v>1930</v>
      </c>
      <c r="E59" s="17">
        <v>33</v>
      </c>
      <c r="F59" s="17">
        <v>486</v>
      </c>
      <c r="G59" s="17">
        <v>1408</v>
      </c>
      <c r="H59" s="17">
        <v>78430</v>
      </c>
      <c r="I59" s="17">
        <v>1108</v>
      </c>
      <c r="J59" s="17">
        <v>24</v>
      </c>
      <c r="K59" s="17">
        <v>158</v>
      </c>
      <c r="L59" s="17">
        <v>926</v>
      </c>
      <c r="M59" s="17">
        <v>49966</v>
      </c>
      <c r="N59" s="17">
        <v>822</v>
      </c>
      <c r="O59" s="17">
        <v>9</v>
      </c>
      <c r="P59" s="17">
        <v>328</v>
      </c>
      <c r="Q59" s="17">
        <v>482</v>
      </c>
      <c r="R59" s="17">
        <v>28464</v>
      </c>
    </row>
    <row r="60" spans="1:18">
      <c r="A60" s="21" t="s">
        <v>1256</v>
      </c>
      <c r="B60" s="10" t="s">
        <v>25</v>
      </c>
      <c r="C60" s="11" t="s">
        <v>25</v>
      </c>
      <c r="D60" s="17">
        <v>5495</v>
      </c>
      <c r="E60" s="17">
        <v>95</v>
      </c>
      <c r="F60" s="17">
        <v>1224</v>
      </c>
      <c r="G60" s="17">
        <v>4154</v>
      </c>
      <c r="H60" s="17">
        <v>230095</v>
      </c>
      <c r="I60" s="17">
        <v>3080</v>
      </c>
      <c r="J60" s="17">
        <v>50</v>
      </c>
      <c r="K60" s="17">
        <v>392</v>
      </c>
      <c r="L60" s="17">
        <v>2623</v>
      </c>
      <c r="M60" s="17">
        <v>143427</v>
      </c>
      <c r="N60" s="17">
        <v>2415</v>
      </c>
      <c r="O60" s="17">
        <v>45</v>
      </c>
      <c r="P60" s="17">
        <v>832</v>
      </c>
      <c r="Q60" s="17">
        <v>1531</v>
      </c>
      <c r="R60" s="17">
        <v>86668</v>
      </c>
    </row>
    <row r="61" spans="1:18">
      <c r="A61" s="21" t="s">
        <v>1257</v>
      </c>
      <c r="B61" s="10" t="s">
        <v>25</v>
      </c>
      <c r="C61" s="11" t="s">
        <v>25</v>
      </c>
      <c r="D61" s="17">
        <v>1164</v>
      </c>
      <c r="E61" s="17">
        <v>29</v>
      </c>
      <c r="F61" s="17">
        <v>237</v>
      </c>
      <c r="G61" s="17">
        <v>892</v>
      </c>
      <c r="H61" s="17">
        <v>48968</v>
      </c>
      <c r="I61" s="17">
        <v>678</v>
      </c>
      <c r="J61" s="17">
        <v>14</v>
      </c>
      <c r="K61" s="17">
        <v>75</v>
      </c>
      <c r="L61" s="17">
        <v>584</v>
      </c>
      <c r="M61" s="17">
        <v>31863</v>
      </c>
      <c r="N61" s="17">
        <v>486</v>
      </c>
      <c r="O61" s="17">
        <v>15</v>
      </c>
      <c r="P61" s="17">
        <v>162</v>
      </c>
      <c r="Q61" s="17">
        <v>308</v>
      </c>
      <c r="R61" s="17">
        <v>17105</v>
      </c>
    </row>
    <row r="62" spans="1:18">
      <c r="A62" s="21" t="s">
        <v>1258</v>
      </c>
      <c r="B62" s="10" t="s">
        <v>25</v>
      </c>
      <c r="C62" s="11" t="s">
        <v>25</v>
      </c>
      <c r="D62" s="17">
        <v>775</v>
      </c>
      <c r="E62" s="17">
        <v>10</v>
      </c>
      <c r="F62" s="17">
        <v>182</v>
      </c>
      <c r="G62" s="17">
        <v>583</v>
      </c>
      <c r="H62" s="17">
        <v>32455</v>
      </c>
      <c r="I62" s="17">
        <v>458</v>
      </c>
      <c r="J62" s="17">
        <v>6</v>
      </c>
      <c r="K62" s="17">
        <v>71</v>
      </c>
      <c r="L62" s="17">
        <v>381</v>
      </c>
      <c r="M62" s="17">
        <v>21123</v>
      </c>
      <c r="N62" s="17">
        <v>317</v>
      </c>
      <c r="O62" s="17">
        <v>4</v>
      </c>
      <c r="P62" s="17">
        <v>111</v>
      </c>
      <c r="Q62" s="17">
        <v>202</v>
      </c>
      <c r="R62" s="17">
        <v>11332</v>
      </c>
    </row>
    <row r="63" spans="1:18">
      <c r="A63" s="21" t="s">
        <v>1259</v>
      </c>
      <c r="B63" s="10" t="s">
        <v>25</v>
      </c>
      <c r="C63" s="11" t="s">
        <v>25</v>
      </c>
      <c r="D63" s="17">
        <v>1076</v>
      </c>
      <c r="E63" s="17">
        <v>19</v>
      </c>
      <c r="F63" s="17">
        <v>250</v>
      </c>
      <c r="G63" s="17">
        <v>807</v>
      </c>
      <c r="H63" s="17">
        <v>44832</v>
      </c>
      <c r="I63" s="17">
        <v>606</v>
      </c>
      <c r="J63" s="17">
        <v>9</v>
      </c>
      <c r="K63" s="17">
        <v>78</v>
      </c>
      <c r="L63" s="17">
        <v>519</v>
      </c>
      <c r="M63" s="17">
        <v>28050</v>
      </c>
      <c r="N63" s="17">
        <v>470</v>
      </c>
      <c r="O63" s="17">
        <v>10</v>
      </c>
      <c r="P63" s="17">
        <v>172</v>
      </c>
      <c r="Q63" s="17">
        <v>288</v>
      </c>
      <c r="R63" s="17">
        <v>16782</v>
      </c>
    </row>
    <row r="64" spans="1:18">
      <c r="A64" s="21" t="s">
        <v>1260</v>
      </c>
      <c r="B64" s="10" t="s">
        <v>25</v>
      </c>
      <c r="C64" s="11" t="s">
        <v>25</v>
      </c>
      <c r="D64" s="17">
        <v>1294</v>
      </c>
      <c r="E64" s="17">
        <v>20</v>
      </c>
      <c r="F64" s="17">
        <v>297</v>
      </c>
      <c r="G64" s="17">
        <v>965</v>
      </c>
      <c r="H64" s="17">
        <v>53974</v>
      </c>
      <c r="I64" s="17">
        <v>737</v>
      </c>
      <c r="J64" s="17">
        <v>15</v>
      </c>
      <c r="K64" s="17">
        <v>98</v>
      </c>
      <c r="L64" s="17">
        <v>616</v>
      </c>
      <c r="M64" s="17">
        <v>33908</v>
      </c>
      <c r="N64" s="17">
        <v>557</v>
      </c>
      <c r="O64" s="18">
        <v>5</v>
      </c>
      <c r="P64" s="17">
        <v>199</v>
      </c>
      <c r="Q64" s="17">
        <v>349</v>
      </c>
      <c r="R64" s="17">
        <v>20066</v>
      </c>
    </row>
    <row r="65" spans="1:18">
      <c r="A65" s="21" t="s">
        <v>1261</v>
      </c>
      <c r="B65" s="10" t="s">
        <v>25</v>
      </c>
      <c r="C65" s="11" t="s">
        <v>25</v>
      </c>
      <c r="D65" s="17">
        <v>1186</v>
      </c>
      <c r="E65" s="17">
        <v>17</v>
      </c>
      <c r="F65" s="17">
        <v>258</v>
      </c>
      <c r="G65" s="17">
        <v>907</v>
      </c>
      <c r="H65" s="17">
        <v>49866</v>
      </c>
      <c r="I65" s="17">
        <v>601</v>
      </c>
      <c r="J65" s="17">
        <v>6</v>
      </c>
      <c r="K65" s="17">
        <v>70</v>
      </c>
      <c r="L65" s="17">
        <v>523</v>
      </c>
      <c r="M65" s="17">
        <v>28483</v>
      </c>
      <c r="N65" s="17">
        <v>585</v>
      </c>
      <c r="O65" s="17">
        <v>11</v>
      </c>
      <c r="P65" s="17">
        <v>188</v>
      </c>
      <c r="Q65" s="17">
        <v>384</v>
      </c>
      <c r="R65" s="17">
        <v>21383</v>
      </c>
    </row>
    <row r="66" spans="1:18">
      <c r="A66" s="21" t="s">
        <v>1262</v>
      </c>
      <c r="B66" s="10" t="s">
        <v>25</v>
      </c>
      <c r="C66" s="11" t="s">
        <v>25</v>
      </c>
      <c r="D66" s="17">
        <v>3967</v>
      </c>
      <c r="E66" s="17">
        <v>57</v>
      </c>
      <c r="F66" s="17">
        <v>925</v>
      </c>
      <c r="G66" s="17">
        <v>2980</v>
      </c>
      <c r="H66" s="17">
        <v>164526</v>
      </c>
      <c r="I66" s="17">
        <v>2249</v>
      </c>
      <c r="J66" s="17">
        <v>31</v>
      </c>
      <c r="K66" s="17">
        <v>266</v>
      </c>
      <c r="L66" s="17">
        <v>1949</v>
      </c>
      <c r="M66" s="17">
        <v>104010</v>
      </c>
      <c r="N66" s="17">
        <v>1718</v>
      </c>
      <c r="O66" s="17">
        <v>26</v>
      </c>
      <c r="P66" s="17">
        <v>659</v>
      </c>
      <c r="Q66" s="17">
        <v>1031</v>
      </c>
      <c r="R66" s="17">
        <v>60516</v>
      </c>
    </row>
    <row r="67" spans="1:18">
      <c r="A67" s="21" t="s">
        <v>1263</v>
      </c>
      <c r="B67" s="10" t="s">
        <v>25</v>
      </c>
      <c r="C67" s="11" t="s">
        <v>25</v>
      </c>
      <c r="D67" s="17">
        <v>252</v>
      </c>
      <c r="E67" s="17">
        <v>6</v>
      </c>
      <c r="F67" s="17">
        <v>52</v>
      </c>
      <c r="G67" s="17">
        <v>192</v>
      </c>
      <c r="H67" s="17">
        <v>10835</v>
      </c>
      <c r="I67" s="17">
        <v>152</v>
      </c>
      <c r="J67" s="17">
        <v>3</v>
      </c>
      <c r="K67" s="17">
        <v>24</v>
      </c>
      <c r="L67" s="17">
        <v>124</v>
      </c>
      <c r="M67" s="17">
        <v>7034</v>
      </c>
      <c r="N67" s="17">
        <v>100</v>
      </c>
      <c r="O67" s="17">
        <v>3</v>
      </c>
      <c r="P67" s="17">
        <v>28</v>
      </c>
      <c r="Q67" s="17">
        <v>68</v>
      </c>
      <c r="R67" s="17">
        <v>3801</v>
      </c>
    </row>
    <row r="68" spans="1:18">
      <c r="A68" s="21" t="s">
        <v>1264</v>
      </c>
      <c r="B68" s="10" t="s">
        <v>25</v>
      </c>
      <c r="C68" s="11" t="s">
        <v>25</v>
      </c>
      <c r="D68" s="17">
        <v>1988</v>
      </c>
      <c r="E68" s="17">
        <v>29</v>
      </c>
      <c r="F68" s="17">
        <v>488</v>
      </c>
      <c r="G68" s="17">
        <v>1470</v>
      </c>
      <c r="H68" s="17">
        <v>81357</v>
      </c>
      <c r="I68" s="17">
        <v>1107</v>
      </c>
      <c r="J68" s="17">
        <v>13</v>
      </c>
      <c r="K68" s="17">
        <v>142</v>
      </c>
      <c r="L68" s="17">
        <v>952</v>
      </c>
      <c r="M68" s="17">
        <v>50684</v>
      </c>
      <c r="N68" s="17">
        <v>881</v>
      </c>
      <c r="O68" s="17">
        <v>16</v>
      </c>
      <c r="P68" s="17">
        <v>346</v>
      </c>
      <c r="Q68" s="17">
        <v>518</v>
      </c>
      <c r="R68" s="17">
        <v>30673</v>
      </c>
    </row>
    <row r="69" spans="1:18">
      <c r="A69" s="21" t="s">
        <v>1265</v>
      </c>
      <c r="B69" s="10" t="s">
        <v>25</v>
      </c>
      <c r="C69" s="11" t="s">
        <v>25</v>
      </c>
      <c r="D69" s="17">
        <v>1727</v>
      </c>
      <c r="E69" s="17">
        <v>22</v>
      </c>
      <c r="F69" s="17">
        <v>385</v>
      </c>
      <c r="G69" s="17">
        <v>1318</v>
      </c>
      <c r="H69" s="17">
        <v>72334</v>
      </c>
      <c r="I69" s="17">
        <v>990</v>
      </c>
      <c r="J69" s="17">
        <v>15</v>
      </c>
      <c r="K69" s="17">
        <v>100</v>
      </c>
      <c r="L69" s="17">
        <v>873</v>
      </c>
      <c r="M69" s="17">
        <v>46292</v>
      </c>
      <c r="N69" s="17">
        <v>737</v>
      </c>
      <c r="O69" s="17">
        <v>7</v>
      </c>
      <c r="P69" s="17">
        <v>285</v>
      </c>
      <c r="Q69" s="17">
        <v>445</v>
      </c>
      <c r="R69" s="17">
        <v>26042</v>
      </c>
    </row>
    <row r="70" spans="1:18">
      <c r="A70" s="21" t="s">
        <v>1266</v>
      </c>
      <c r="B70" s="10" t="s">
        <v>25</v>
      </c>
      <c r="C70" s="11" t="s">
        <v>25</v>
      </c>
      <c r="D70" s="17">
        <v>6786</v>
      </c>
      <c r="E70" s="17">
        <v>101</v>
      </c>
      <c r="F70" s="17">
        <v>1714</v>
      </c>
      <c r="G70" s="17">
        <v>4961</v>
      </c>
      <c r="H70" s="17">
        <v>273502</v>
      </c>
      <c r="I70" s="17">
        <v>3907</v>
      </c>
      <c r="J70" s="17">
        <v>66</v>
      </c>
      <c r="K70" s="17">
        <v>563</v>
      </c>
      <c r="L70" s="17">
        <v>3272</v>
      </c>
      <c r="M70" s="17">
        <v>174527</v>
      </c>
      <c r="N70" s="17">
        <v>2879</v>
      </c>
      <c r="O70" s="17">
        <v>35</v>
      </c>
      <c r="P70" s="17">
        <v>1151</v>
      </c>
      <c r="Q70" s="17">
        <v>1689</v>
      </c>
      <c r="R70" s="17">
        <v>98975</v>
      </c>
    </row>
    <row r="71" spans="1:18">
      <c r="A71" s="21" t="s">
        <v>1267</v>
      </c>
      <c r="B71" s="10" t="s">
        <v>25</v>
      </c>
      <c r="C71" s="11" t="s">
        <v>25</v>
      </c>
      <c r="D71" s="17">
        <v>358</v>
      </c>
      <c r="E71" s="17">
        <v>3</v>
      </c>
      <c r="F71" s="17">
        <v>91</v>
      </c>
      <c r="G71" s="17">
        <v>263</v>
      </c>
      <c r="H71" s="17">
        <v>13923</v>
      </c>
      <c r="I71" s="17">
        <v>203</v>
      </c>
      <c r="J71" s="17">
        <v>3</v>
      </c>
      <c r="K71" s="17">
        <v>39</v>
      </c>
      <c r="L71" s="17">
        <v>161</v>
      </c>
      <c r="M71" s="17">
        <v>8404</v>
      </c>
      <c r="N71" s="17">
        <v>155</v>
      </c>
      <c r="O71" s="17" t="s">
        <v>35</v>
      </c>
      <c r="P71" s="17">
        <v>52</v>
      </c>
      <c r="Q71" s="17">
        <v>102</v>
      </c>
      <c r="R71" s="17">
        <v>5519</v>
      </c>
    </row>
    <row r="72" spans="1:18">
      <c r="A72" s="21" t="s">
        <v>1268</v>
      </c>
      <c r="B72" s="10" t="s">
        <v>25</v>
      </c>
      <c r="C72" s="11" t="s">
        <v>25</v>
      </c>
      <c r="D72" s="17">
        <v>849</v>
      </c>
      <c r="E72" s="17">
        <v>10</v>
      </c>
      <c r="F72" s="17">
        <v>210</v>
      </c>
      <c r="G72" s="17">
        <v>628</v>
      </c>
      <c r="H72" s="17">
        <v>34823</v>
      </c>
      <c r="I72" s="17">
        <v>481</v>
      </c>
      <c r="J72" s="17">
        <v>5</v>
      </c>
      <c r="K72" s="17">
        <v>57</v>
      </c>
      <c r="L72" s="17">
        <v>418</v>
      </c>
      <c r="M72" s="17">
        <v>22487</v>
      </c>
      <c r="N72" s="17">
        <v>368</v>
      </c>
      <c r="O72" s="17">
        <v>5</v>
      </c>
      <c r="P72" s="17">
        <v>153</v>
      </c>
      <c r="Q72" s="17">
        <v>210</v>
      </c>
      <c r="R72" s="17">
        <v>12336</v>
      </c>
    </row>
    <row r="73" spans="1:18">
      <c r="A73" s="21" t="s">
        <v>1269</v>
      </c>
      <c r="B73" s="10" t="s">
        <v>25</v>
      </c>
      <c r="C73" s="11" t="s">
        <v>25</v>
      </c>
      <c r="D73" s="17">
        <v>1556</v>
      </c>
      <c r="E73" s="17">
        <v>19</v>
      </c>
      <c r="F73" s="17">
        <v>379</v>
      </c>
      <c r="G73" s="17">
        <v>1158</v>
      </c>
      <c r="H73" s="17">
        <v>62859</v>
      </c>
      <c r="I73" s="17">
        <v>886</v>
      </c>
      <c r="J73" s="17">
        <v>9</v>
      </c>
      <c r="K73" s="17">
        <v>116</v>
      </c>
      <c r="L73" s="17">
        <v>761</v>
      </c>
      <c r="M73" s="17">
        <v>39889</v>
      </c>
      <c r="N73" s="17">
        <v>670</v>
      </c>
      <c r="O73" s="17">
        <v>10</v>
      </c>
      <c r="P73" s="17">
        <v>263</v>
      </c>
      <c r="Q73" s="17">
        <v>397</v>
      </c>
      <c r="R73" s="17">
        <v>22970</v>
      </c>
    </row>
    <row r="74" spans="1:18">
      <c r="A74" s="21" t="s">
        <v>1270</v>
      </c>
      <c r="B74" s="10" t="s">
        <v>25</v>
      </c>
      <c r="C74" s="11" t="s">
        <v>25</v>
      </c>
      <c r="D74" s="17">
        <v>1677</v>
      </c>
      <c r="E74" s="17">
        <v>30</v>
      </c>
      <c r="F74" s="17">
        <v>449</v>
      </c>
      <c r="G74" s="17">
        <v>1195</v>
      </c>
      <c r="H74" s="17">
        <v>66475</v>
      </c>
      <c r="I74" s="17">
        <v>956</v>
      </c>
      <c r="J74" s="17">
        <v>23</v>
      </c>
      <c r="K74" s="17">
        <v>159</v>
      </c>
      <c r="L74" s="17">
        <v>772</v>
      </c>
      <c r="M74" s="17">
        <v>41592</v>
      </c>
      <c r="N74" s="17">
        <v>721</v>
      </c>
      <c r="O74" s="17">
        <v>7</v>
      </c>
      <c r="P74" s="17">
        <v>290</v>
      </c>
      <c r="Q74" s="17">
        <v>423</v>
      </c>
      <c r="R74" s="17">
        <v>24883</v>
      </c>
    </row>
    <row r="75" spans="1:18">
      <c r="A75" s="21" t="s">
        <v>1271</v>
      </c>
      <c r="B75" s="10" t="s">
        <v>25</v>
      </c>
      <c r="C75" s="11" t="s">
        <v>25</v>
      </c>
      <c r="D75" s="17">
        <v>1551</v>
      </c>
      <c r="E75" s="17">
        <v>26</v>
      </c>
      <c r="F75" s="17">
        <v>368</v>
      </c>
      <c r="G75" s="17">
        <v>1152</v>
      </c>
      <c r="H75" s="17">
        <v>63223</v>
      </c>
      <c r="I75" s="17">
        <v>915</v>
      </c>
      <c r="J75" s="18">
        <v>18</v>
      </c>
      <c r="K75" s="17">
        <v>120</v>
      </c>
      <c r="L75" s="17">
        <v>774</v>
      </c>
      <c r="M75" s="17">
        <v>41382</v>
      </c>
      <c r="N75" s="17">
        <v>636</v>
      </c>
      <c r="O75" s="17">
        <v>8</v>
      </c>
      <c r="P75" s="17">
        <v>248</v>
      </c>
      <c r="Q75" s="17">
        <v>378</v>
      </c>
      <c r="R75" s="17">
        <v>21841</v>
      </c>
    </row>
    <row r="76" spans="1:18">
      <c r="A76" s="21" t="s">
        <v>1272</v>
      </c>
      <c r="B76" s="10" t="s">
        <v>25</v>
      </c>
      <c r="C76" s="11" t="s">
        <v>25</v>
      </c>
      <c r="D76" s="17">
        <v>795</v>
      </c>
      <c r="E76" s="17">
        <v>13</v>
      </c>
      <c r="F76" s="17">
        <v>217</v>
      </c>
      <c r="G76" s="17">
        <v>565</v>
      </c>
      <c r="H76" s="17">
        <v>32199</v>
      </c>
      <c r="I76" s="17">
        <v>466</v>
      </c>
      <c r="J76" s="17">
        <v>8</v>
      </c>
      <c r="K76" s="17">
        <v>72</v>
      </c>
      <c r="L76" s="17">
        <v>386</v>
      </c>
      <c r="M76" s="17">
        <v>20773</v>
      </c>
      <c r="N76" s="17">
        <v>329</v>
      </c>
      <c r="O76" s="17">
        <v>5</v>
      </c>
      <c r="P76" s="17">
        <v>145</v>
      </c>
      <c r="Q76" s="17">
        <v>179</v>
      </c>
      <c r="R76" s="17">
        <v>11426</v>
      </c>
    </row>
    <row r="77" spans="1:18">
      <c r="A77" s="21" t="s">
        <v>1273</v>
      </c>
      <c r="B77" s="10" t="s">
        <v>25</v>
      </c>
      <c r="C77" s="11" t="s">
        <v>25</v>
      </c>
      <c r="D77" s="17">
        <v>5236</v>
      </c>
      <c r="E77" s="17">
        <v>76</v>
      </c>
      <c r="F77" s="17">
        <v>1303</v>
      </c>
      <c r="G77" s="17">
        <v>3848</v>
      </c>
      <c r="H77" s="17">
        <v>213692</v>
      </c>
      <c r="I77" s="17">
        <v>3013</v>
      </c>
      <c r="J77" s="17">
        <v>42</v>
      </c>
      <c r="K77" s="17">
        <v>400</v>
      </c>
      <c r="L77" s="17">
        <v>2563</v>
      </c>
      <c r="M77" s="17">
        <v>137418</v>
      </c>
      <c r="N77" s="17">
        <v>2223</v>
      </c>
      <c r="O77" s="17">
        <v>34</v>
      </c>
      <c r="P77" s="17">
        <v>903</v>
      </c>
      <c r="Q77" s="17">
        <v>1285</v>
      </c>
      <c r="R77" s="17">
        <v>76274</v>
      </c>
    </row>
    <row r="78" spans="1:18">
      <c r="A78" s="21" t="s">
        <v>1274</v>
      </c>
      <c r="B78" s="10" t="s">
        <v>25</v>
      </c>
      <c r="C78" s="11" t="s">
        <v>25</v>
      </c>
      <c r="D78" s="17">
        <v>847</v>
      </c>
      <c r="E78" s="17">
        <v>11</v>
      </c>
      <c r="F78" s="17">
        <v>229</v>
      </c>
      <c r="G78" s="17">
        <v>607</v>
      </c>
      <c r="H78" s="17">
        <v>34262</v>
      </c>
      <c r="I78" s="17">
        <v>490</v>
      </c>
      <c r="J78" s="17">
        <v>7</v>
      </c>
      <c r="K78" s="17">
        <v>59</v>
      </c>
      <c r="L78" s="17">
        <v>424</v>
      </c>
      <c r="M78" s="17">
        <v>22624</v>
      </c>
      <c r="N78" s="17">
        <v>357</v>
      </c>
      <c r="O78" s="17">
        <v>4</v>
      </c>
      <c r="P78" s="17">
        <v>170</v>
      </c>
      <c r="Q78" s="17">
        <v>183</v>
      </c>
      <c r="R78" s="17">
        <v>11638</v>
      </c>
    </row>
    <row r="79" spans="1:18">
      <c r="A79" s="21" t="s">
        <v>1275</v>
      </c>
      <c r="B79" s="10" t="s">
        <v>25</v>
      </c>
      <c r="C79" s="11" t="s">
        <v>25</v>
      </c>
      <c r="D79" s="17">
        <v>874</v>
      </c>
      <c r="E79" s="17">
        <v>10</v>
      </c>
      <c r="F79" s="17">
        <v>238</v>
      </c>
      <c r="G79" s="17">
        <v>622</v>
      </c>
      <c r="H79" s="17">
        <v>35139</v>
      </c>
      <c r="I79" s="17">
        <v>506</v>
      </c>
      <c r="J79" s="17">
        <v>3</v>
      </c>
      <c r="K79" s="17">
        <v>60</v>
      </c>
      <c r="L79" s="17">
        <v>440</v>
      </c>
      <c r="M79" s="17">
        <v>23442</v>
      </c>
      <c r="N79" s="17">
        <v>368</v>
      </c>
      <c r="O79" s="17">
        <v>7</v>
      </c>
      <c r="P79" s="17">
        <v>178</v>
      </c>
      <c r="Q79" s="17">
        <v>182</v>
      </c>
      <c r="R79" s="17">
        <v>11697</v>
      </c>
    </row>
    <row r="80" spans="1:18">
      <c r="A80" s="21" t="s">
        <v>1276</v>
      </c>
      <c r="B80" s="10" t="s">
        <v>25</v>
      </c>
      <c r="C80" s="11" t="s">
        <v>25</v>
      </c>
      <c r="D80" s="17">
        <v>1085</v>
      </c>
      <c r="E80" s="17">
        <v>19</v>
      </c>
      <c r="F80" s="17">
        <v>277</v>
      </c>
      <c r="G80" s="17">
        <v>787</v>
      </c>
      <c r="H80" s="17">
        <v>43838</v>
      </c>
      <c r="I80" s="17">
        <v>630</v>
      </c>
      <c r="J80" s="17">
        <v>10</v>
      </c>
      <c r="K80" s="17">
        <v>84</v>
      </c>
      <c r="L80" s="17">
        <v>534</v>
      </c>
      <c r="M80" s="17">
        <v>28522</v>
      </c>
      <c r="N80" s="17">
        <v>455</v>
      </c>
      <c r="O80" s="18">
        <v>9</v>
      </c>
      <c r="P80" s="17">
        <v>193</v>
      </c>
      <c r="Q80" s="17">
        <v>253</v>
      </c>
      <c r="R80" s="17">
        <v>15316</v>
      </c>
    </row>
    <row r="81" spans="1:18">
      <c r="A81" s="21" t="s">
        <v>1277</v>
      </c>
      <c r="B81" s="10" t="s">
        <v>25</v>
      </c>
      <c r="C81" s="11" t="s">
        <v>25</v>
      </c>
      <c r="D81" s="17">
        <v>647</v>
      </c>
      <c r="E81" s="17">
        <v>11</v>
      </c>
      <c r="F81" s="17">
        <v>154</v>
      </c>
      <c r="G81" s="17">
        <v>481</v>
      </c>
      <c r="H81" s="17">
        <v>26891</v>
      </c>
      <c r="I81" s="17">
        <v>375</v>
      </c>
      <c r="J81" s="17">
        <v>6</v>
      </c>
      <c r="K81" s="17">
        <v>50</v>
      </c>
      <c r="L81" s="17">
        <v>318</v>
      </c>
      <c r="M81" s="17">
        <v>17354</v>
      </c>
      <c r="N81" s="17">
        <v>272</v>
      </c>
      <c r="O81" s="18">
        <v>5</v>
      </c>
      <c r="P81" s="17">
        <v>104</v>
      </c>
      <c r="Q81" s="17">
        <v>163</v>
      </c>
      <c r="R81" s="17">
        <v>9537</v>
      </c>
    </row>
    <row r="82" spans="1:18">
      <c r="A82" s="21" t="s">
        <v>1278</v>
      </c>
      <c r="B82" s="10" t="s">
        <v>25</v>
      </c>
      <c r="C82" s="11" t="s">
        <v>25</v>
      </c>
      <c r="D82" s="17">
        <v>198</v>
      </c>
      <c r="E82" s="18">
        <v>1</v>
      </c>
      <c r="F82" s="17">
        <v>38</v>
      </c>
      <c r="G82" s="17">
        <v>159</v>
      </c>
      <c r="H82" s="17">
        <v>8378</v>
      </c>
      <c r="I82" s="17">
        <v>117</v>
      </c>
      <c r="J82" s="18">
        <v>1</v>
      </c>
      <c r="K82" s="17">
        <v>13</v>
      </c>
      <c r="L82" s="17">
        <v>103</v>
      </c>
      <c r="M82" s="17">
        <v>5355</v>
      </c>
      <c r="N82" s="17">
        <v>81</v>
      </c>
      <c r="O82" s="18" t="s">
        <v>35</v>
      </c>
      <c r="P82" s="17">
        <v>25</v>
      </c>
      <c r="Q82" s="17">
        <v>56</v>
      </c>
      <c r="R82" s="17">
        <v>3023</v>
      </c>
    </row>
    <row r="83" spans="1:18">
      <c r="A83" s="21" t="s">
        <v>1279</v>
      </c>
      <c r="B83" s="10" t="s">
        <v>25</v>
      </c>
      <c r="C83" s="11" t="s">
        <v>25</v>
      </c>
      <c r="D83" s="17">
        <v>741</v>
      </c>
      <c r="E83" s="18">
        <v>12</v>
      </c>
      <c r="F83" s="17">
        <v>170</v>
      </c>
      <c r="G83" s="17">
        <v>558</v>
      </c>
      <c r="H83" s="17">
        <v>30879</v>
      </c>
      <c r="I83" s="17">
        <v>433</v>
      </c>
      <c r="J83" s="18">
        <v>7</v>
      </c>
      <c r="K83" s="17">
        <v>64</v>
      </c>
      <c r="L83" s="17">
        <v>361</v>
      </c>
      <c r="M83" s="17">
        <v>19872</v>
      </c>
      <c r="N83" s="17">
        <v>308</v>
      </c>
      <c r="O83" s="18">
        <v>5</v>
      </c>
      <c r="P83" s="17">
        <v>106</v>
      </c>
      <c r="Q83" s="17">
        <v>197</v>
      </c>
      <c r="R83" s="17">
        <v>11007</v>
      </c>
    </row>
    <row r="84" spans="1:18">
      <c r="A84" s="21" t="s">
        <v>1280</v>
      </c>
      <c r="B84" s="10" t="s">
        <v>25</v>
      </c>
      <c r="C84" s="11" t="s">
        <v>25</v>
      </c>
      <c r="D84" s="18">
        <v>844</v>
      </c>
      <c r="E84" s="18">
        <v>12</v>
      </c>
      <c r="F84" s="18">
        <v>197</v>
      </c>
      <c r="G84" s="18">
        <v>634</v>
      </c>
      <c r="H84" s="18">
        <v>34305</v>
      </c>
      <c r="I84" s="18">
        <v>462</v>
      </c>
      <c r="J84" s="18">
        <v>8</v>
      </c>
      <c r="K84" s="18">
        <v>70</v>
      </c>
      <c r="L84" s="18">
        <v>383</v>
      </c>
      <c r="M84" s="18">
        <v>20249</v>
      </c>
      <c r="N84" s="18">
        <v>382</v>
      </c>
      <c r="O84" s="18">
        <v>4</v>
      </c>
      <c r="P84" s="18">
        <v>127</v>
      </c>
      <c r="Q84" s="18">
        <v>251</v>
      </c>
      <c r="R84" s="18">
        <v>14056</v>
      </c>
    </row>
    <row r="85" spans="1:18">
      <c r="A85" s="21" t="s">
        <v>1281</v>
      </c>
      <c r="B85" s="10" t="s">
        <v>25</v>
      </c>
      <c r="C85" s="11" t="s">
        <v>25</v>
      </c>
      <c r="D85" s="18">
        <v>3791</v>
      </c>
      <c r="E85" s="18">
        <v>59</v>
      </c>
      <c r="F85" s="18">
        <v>991</v>
      </c>
      <c r="G85" s="18">
        <v>2739</v>
      </c>
      <c r="H85" s="18">
        <v>151124</v>
      </c>
      <c r="I85" s="18">
        <v>2085</v>
      </c>
      <c r="J85" s="18">
        <v>30</v>
      </c>
      <c r="K85" s="18">
        <v>329</v>
      </c>
      <c r="L85" s="18">
        <v>1726</v>
      </c>
      <c r="M85" s="18">
        <v>92609</v>
      </c>
      <c r="N85" s="18">
        <v>1706</v>
      </c>
      <c r="O85" s="18">
        <v>29</v>
      </c>
      <c r="P85" s="18">
        <v>662</v>
      </c>
      <c r="Q85" s="18">
        <v>1013</v>
      </c>
      <c r="R85" s="18">
        <v>58515</v>
      </c>
    </row>
    <row r="86" spans="1:18">
      <c r="A86" s="21" t="s">
        <v>1282</v>
      </c>
      <c r="B86" s="10" t="s">
        <v>25</v>
      </c>
      <c r="C86" s="11" t="s">
        <v>25</v>
      </c>
      <c r="D86" s="18">
        <v>1923</v>
      </c>
      <c r="E86" s="18">
        <v>29</v>
      </c>
      <c r="F86" s="18">
        <v>498</v>
      </c>
      <c r="G86" s="18">
        <v>1394</v>
      </c>
      <c r="H86" s="18">
        <v>76176</v>
      </c>
      <c r="I86" s="18">
        <v>1076</v>
      </c>
      <c r="J86" s="18">
        <v>14</v>
      </c>
      <c r="K86" s="18">
        <v>158</v>
      </c>
      <c r="L86" s="18">
        <v>904</v>
      </c>
      <c r="M86" s="18">
        <v>47984</v>
      </c>
      <c r="N86" s="18">
        <v>847</v>
      </c>
      <c r="O86" s="18">
        <v>15</v>
      </c>
      <c r="P86" s="18">
        <v>340</v>
      </c>
      <c r="Q86" s="18">
        <v>490</v>
      </c>
      <c r="R86" s="18">
        <v>28192</v>
      </c>
    </row>
    <row r="87" spans="1:18">
      <c r="A87" s="21" t="s">
        <v>1283</v>
      </c>
      <c r="B87" s="10" t="s">
        <v>25</v>
      </c>
      <c r="C87" s="11" t="s">
        <v>25</v>
      </c>
      <c r="D87" s="17">
        <v>462</v>
      </c>
      <c r="E87" s="17">
        <v>7</v>
      </c>
      <c r="F87" s="17">
        <v>132</v>
      </c>
      <c r="G87" s="17">
        <v>323</v>
      </c>
      <c r="H87" s="17">
        <v>18189</v>
      </c>
      <c r="I87" s="17">
        <v>271</v>
      </c>
      <c r="J87" s="17">
        <v>4</v>
      </c>
      <c r="K87" s="17">
        <v>52</v>
      </c>
      <c r="L87" s="17">
        <v>215</v>
      </c>
      <c r="M87" s="17">
        <v>11554</v>
      </c>
      <c r="N87" s="17">
        <v>191</v>
      </c>
      <c r="O87" s="17">
        <v>3</v>
      </c>
      <c r="P87" s="17">
        <v>80</v>
      </c>
      <c r="Q87" s="17">
        <v>108</v>
      </c>
      <c r="R87" s="17">
        <v>6635</v>
      </c>
    </row>
    <row r="88" spans="1:18">
      <c r="A88" s="21" t="s">
        <v>1284</v>
      </c>
      <c r="B88" s="10" t="s">
        <v>25</v>
      </c>
      <c r="C88" s="11" t="s">
        <v>25</v>
      </c>
      <c r="D88" s="17">
        <v>438</v>
      </c>
      <c r="E88" s="17">
        <v>6</v>
      </c>
      <c r="F88" s="17">
        <v>116</v>
      </c>
      <c r="G88" s="17">
        <v>316</v>
      </c>
      <c r="H88" s="17">
        <v>17336</v>
      </c>
      <c r="I88" s="17">
        <v>221</v>
      </c>
      <c r="J88" s="17">
        <v>3</v>
      </c>
      <c r="K88" s="17">
        <v>33</v>
      </c>
      <c r="L88" s="17">
        <v>185</v>
      </c>
      <c r="M88" s="17">
        <v>9960</v>
      </c>
      <c r="N88" s="17">
        <v>217</v>
      </c>
      <c r="O88" s="17">
        <v>3</v>
      </c>
      <c r="P88" s="17">
        <v>83</v>
      </c>
      <c r="Q88" s="17">
        <v>131</v>
      </c>
      <c r="R88" s="17">
        <v>7376</v>
      </c>
    </row>
    <row r="89" spans="1:18">
      <c r="A89" s="21" t="s">
        <v>1285</v>
      </c>
      <c r="B89" s="10" t="s">
        <v>25</v>
      </c>
      <c r="C89" s="11" t="s">
        <v>25</v>
      </c>
      <c r="D89" s="17">
        <v>658</v>
      </c>
      <c r="E89" s="17">
        <v>11</v>
      </c>
      <c r="F89" s="17">
        <v>172</v>
      </c>
      <c r="G89" s="17">
        <v>475</v>
      </c>
      <c r="H89" s="17">
        <v>26806</v>
      </c>
      <c r="I89" s="17">
        <v>348</v>
      </c>
      <c r="J89" s="17">
        <v>6</v>
      </c>
      <c r="K89" s="17">
        <v>62</v>
      </c>
      <c r="L89" s="17">
        <v>280</v>
      </c>
      <c r="M89" s="17">
        <v>15629</v>
      </c>
      <c r="N89" s="17">
        <v>310</v>
      </c>
      <c r="O89" s="17">
        <v>5</v>
      </c>
      <c r="P89" s="17">
        <v>110</v>
      </c>
      <c r="Q89" s="17">
        <v>195</v>
      </c>
      <c r="R89" s="17">
        <v>11177</v>
      </c>
    </row>
    <row r="90" spans="1:18">
      <c r="A90" s="21" t="s">
        <v>1286</v>
      </c>
      <c r="B90" s="10" t="s">
        <v>25</v>
      </c>
      <c r="C90" s="11" t="s">
        <v>25</v>
      </c>
      <c r="D90" s="17">
        <v>310</v>
      </c>
      <c r="E90" s="17">
        <v>6</v>
      </c>
      <c r="F90" s="17">
        <v>73</v>
      </c>
      <c r="G90" s="17">
        <v>231</v>
      </c>
      <c r="H90" s="17">
        <v>12617</v>
      </c>
      <c r="I90" s="17">
        <v>169</v>
      </c>
      <c r="J90" s="17">
        <v>3</v>
      </c>
      <c r="K90" s="17">
        <v>24</v>
      </c>
      <c r="L90" s="17">
        <v>142</v>
      </c>
      <c r="M90" s="17">
        <v>7482</v>
      </c>
      <c r="N90" s="17">
        <v>141</v>
      </c>
      <c r="O90" s="17">
        <v>3</v>
      </c>
      <c r="P90" s="17">
        <v>49</v>
      </c>
      <c r="Q90" s="17">
        <v>89</v>
      </c>
      <c r="R90" s="17">
        <v>5135</v>
      </c>
    </row>
    <row r="91" spans="1:18">
      <c r="A91" s="21" t="s">
        <v>1287</v>
      </c>
      <c r="B91" s="10" t="s">
        <v>25</v>
      </c>
      <c r="C91" s="11" t="s">
        <v>25</v>
      </c>
      <c r="D91" s="17">
        <v>4079</v>
      </c>
      <c r="E91" s="17">
        <v>83</v>
      </c>
      <c r="F91" s="17">
        <v>992</v>
      </c>
      <c r="G91" s="17">
        <v>2995</v>
      </c>
      <c r="H91" s="17">
        <v>165123</v>
      </c>
      <c r="I91" s="17">
        <v>2327</v>
      </c>
      <c r="J91" s="17">
        <v>47</v>
      </c>
      <c r="K91" s="17">
        <v>399</v>
      </c>
      <c r="L91" s="17">
        <v>1875</v>
      </c>
      <c r="M91" s="17">
        <v>102399</v>
      </c>
      <c r="N91" s="17">
        <v>1752</v>
      </c>
      <c r="O91" s="18">
        <v>36</v>
      </c>
      <c r="P91" s="17">
        <v>593</v>
      </c>
      <c r="Q91" s="17">
        <v>1120</v>
      </c>
      <c r="R91" s="17">
        <v>62724</v>
      </c>
    </row>
    <row r="92" spans="1:18">
      <c r="A92" s="21" t="s">
        <v>1288</v>
      </c>
      <c r="B92" s="10" t="s">
        <v>25</v>
      </c>
      <c r="C92" s="11" t="s">
        <v>25</v>
      </c>
      <c r="D92" s="17">
        <v>768</v>
      </c>
      <c r="E92" s="17">
        <v>16</v>
      </c>
      <c r="F92" s="17">
        <v>171</v>
      </c>
      <c r="G92" s="17">
        <v>578</v>
      </c>
      <c r="H92" s="17">
        <v>31423</v>
      </c>
      <c r="I92" s="17">
        <v>451</v>
      </c>
      <c r="J92" s="17">
        <v>6</v>
      </c>
      <c r="K92" s="17">
        <v>63</v>
      </c>
      <c r="L92" s="17">
        <v>379</v>
      </c>
      <c r="M92" s="17">
        <v>20378</v>
      </c>
      <c r="N92" s="17">
        <v>317</v>
      </c>
      <c r="O92" s="17">
        <v>10</v>
      </c>
      <c r="P92" s="17">
        <v>108</v>
      </c>
      <c r="Q92" s="17">
        <v>199</v>
      </c>
      <c r="R92" s="17">
        <v>11045</v>
      </c>
    </row>
    <row r="93" spans="1:18">
      <c r="A93" s="21" t="s">
        <v>1289</v>
      </c>
      <c r="B93" s="10" t="s">
        <v>25</v>
      </c>
      <c r="C93" s="11" t="s">
        <v>25</v>
      </c>
      <c r="D93" s="17">
        <v>504</v>
      </c>
      <c r="E93" s="17">
        <v>10</v>
      </c>
      <c r="F93" s="17">
        <v>128</v>
      </c>
      <c r="G93" s="17">
        <v>364</v>
      </c>
      <c r="H93" s="17">
        <v>20825</v>
      </c>
      <c r="I93" s="17">
        <v>256</v>
      </c>
      <c r="J93" s="17">
        <v>2</v>
      </c>
      <c r="K93" s="17">
        <v>43</v>
      </c>
      <c r="L93" s="17">
        <v>210</v>
      </c>
      <c r="M93" s="17">
        <v>11618</v>
      </c>
      <c r="N93" s="17">
        <v>248</v>
      </c>
      <c r="O93" s="17">
        <v>8</v>
      </c>
      <c r="P93" s="17">
        <v>85</v>
      </c>
      <c r="Q93" s="17">
        <v>154</v>
      </c>
      <c r="R93" s="17">
        <v>9207</v>
      </c>
    </row>
    <row r="94" spans="1:18">
      <c r="A94" s="21" t="s">
        <v>1290</v>
      </c>
      <c r="B94" s="10" t="s">
        <v>25</v>
      </c>
      <c r="C94" s="11" t="s">
        <v>25</v>
      </c>
      <c r="D94" s="17">
        <v>1043</v>
      </c>
      <c r="E94" s="17">
        <v>18</v>
      </c>
      <c r="F94" s="17">
        <v>258</v>
      </c>
      <c r="G94" s="17">
        <v>767</v>
      </c>
      <c r="H94" s="17">
        <v>41546</v>
      </c>
      <c r="I94" s="17">
        <v>628</v>
      </c>
      <c r="J94" s="17">
        <v>15</v>
      </c>
      <c r="K94" s="17">
        <v>118</v>
      </c>
      <c r="L94" s="17">
        <v>495</v>
      </c>
      <c r="M94" s="17">
        <v>27101</v>
      </c>
      <c r="N94" s="17">
        <v>415</v>
      </c>
      <c r="O94" s="17">
        <v>3</v>
      </c>
      <c r="P94" s="17">
        <v>140</v>
      </c>
      <c r="Q94" s="17">
        <v>272</v>
      </c>
      <c r="R94" s="17">
        <v>14445</v>
      </c>
    </row>
    <row r="95" spans="1:18">
      <c r="A95" s="21" t="s">
        <v>1291</v>
      </c>
      <c r="B95" s="10" t="s">
        <v>25</v>
      </c>
      <c r="C95" s="11" t="s">
        <v>25</v>
      </c>
      <c r="D95" s="17">
        <v>873</v>
      </c>
      <c r="E95" s="17">
        <v>19</v>
      </c>
      <c r="F95" s="17">
        <v>205</v>
      </c>
      <c r="G95" s="17">
        <v>645</v>
      </c>
      <c r="H95" s="17">
        <v>35711</v>
      </c>
      <c r="I95" s="17">
        <v>481</v>
      </c>
      <c r="J95" s="17">
        <v>11</v>
      </c>
      <c r="K95" s="17">
        <v>86</v>
      </c>
      <c r="L95" s="17">
        <v>382</v>
      </c>
      <c r="M95" s="17">
        <v>21136</v>
      </c>
      <c r="N95" s="17">
        <v>392</v>
      </c>
      <c r="O95" s="17">
        <v>8</v>
      </c>
      <c r="P95" s="17">
        <v>119</v>
      </c>
      <c r="Q95" s="17">
        <v>263</v>
      </c>
      <c r="R95" s="17">
        <v>14575</v>
      </c>
    </row>
    <row r="96" spans="1:18">
      <c r="A96" s="21" t="s">
        <v>1292</v>
      </c>
      <c r="B96" s="10" t="s">
        <v>25</v>
      </c>
      <c r="C96" s="11" t="s">
        <v>25</v>
      </c>
      <c r="D96" s="17">
        <v>891</v>
      </c>
      <c r="E96" s="17">
        <v>20</v>
      </c>
      <c r="F96" s="17">
        <v>230</v>
      </c>
      <c r="G96" s="17">
        <v>641</v>
      </c>
      <c r="H96" s="17">
        <v>35618</v>
      </c>
      <c r="I96" s="17">
        <v>511</v>
      </c>
      <c r="J96" s="17">
        <v>13</v>
      </c>
      <c r="K96" s="17">
        <v>89</v>
      </c>
      <c r="L96" s="17">
        <v>409</v>
      </c>
      <c r="M96" s="17">
        <v>22166</v>
      </c>
      <c r="N96" s="17">
        <v>380</v>
      </c>
      <c r="O96" s="17">
        <v>7</v>
      </c>
      <c r="P96" s="17">
        <v>141</v>
      </c>
      <c r="Q96" s="17">
        <v>232</v>
      </c>
      <c r="R96" s="17">
        <v>13452</v>
      </c>
    </row>
    <row r="97" spans="1:18">
      <c r="A97" s="21" t="s">
        <v>1293</v>
      </c>
      <c r="B97" s="10" t="s">
        <v>25</v>
      </c>
      <c r="C97" s="11" t="s">
        <v>25</v>
      </c>
      <c r="D97" s="17">
        <v>4767</v>
      </c>
      <c r="E97" s="17">
        <v>75</v>
      </c>
      <c r="F97" s="17">
        <v>1181</v>
      </c>
      <c r="G97" s="17">
        <v>3499</v>
      </c>
      <c r="H97" s="17">
        <v>192985</v>
      </c>
      <c r="I97" s="17">
        <v>2792</v>
      </c>
      <c r="J97" s="17">
        <v>53</v>
      </c>
      <c r="K97" s="17">
        <v>402</v>
      </c>
      <c r="L97" s="17">
        <v>2329</v>
      </c>
      <c r="M97" s="17">
        <v>124420</v>
      </c>
      <c r="N97" s="17">
        <v>1975</v>
      </c>
      <c r="O97" s="17">
        <v>22</v>
      </c>
      <c r="P97" s="17">
        <v>779</v>
      </c>
      <c r="Q97" s="17">
        <v>1170</v>
      </c>
      <c r="R97" s="17">
        <v>68565</v>
      </c>
    </row>
    <row r="98" spans="1:18">
      <c r="A98" s="21" t="s">
        <v>1294</v>
      </c>
      <c r="B98" s="10" t="s">
        <v>25</v>
      </c>
      <c r="C98" s="11" t="s">
        <v>25</v>
      </c>
      <c r="D98" s="17">
        <v>751</v>
      </c>
      <c r="E98" s="17">
        <v>6</v>
      </c>
      <c r="F98" s="17">
        <v>144</v>
      </c>
      <c r="G98" s="17">
        <v>601</v>
      </c>
      <c r="H98" s="17">
        <v>31736</v>
      </c>
      <c r="I98" s="17">
        <v>445</v>
      </c>
      <c r="J98" s="17">
        <v>3</v>
      </c>
      <c r="K98" s="17">
        <v>57</v>
      </c>
      <c r="L98" s="17">
        <v>385</v>
      </c>
      <c r="M98" s="17">
        <v>20210</v>
      </c>
      <c r="N98" s="17">
        <v>306</v>
      </c>
      <c r="O98" s="17">
        <v>3</v>
      </c>
      <c r="P98" s="17">
        <v>87</v>
      </c>
      <c r="Q98" s="17">
        <v>216</v>
      </c>
      <c r="R98" s="17">
        <v>11526</v>
      </c>
    </row>
    <row r="99" spans="1:18">
      <c r="A99" s="21" t="s">
        <v>1295</v>
      </c>
      <c r="B99" s="10" t="s">
        <v>25</v>
      </c>
      <c r="C99" s="11" t="s">
        <v>25</v>
      </c>
      <c r="D99" s="17">
        <v>471</v>
      </c>
      <c r="E99" s="17">
        <v>10</v>
      </c>
      <c r="F99" s="17">
        <v>136</v>
      </c>
      <c r="G99" s="17">
        <v>325</v>
      </c>
      <c r="H99" s="17">
        <v>18511</v>
      </c>
      <c r="I99" s="17">
        <v>264</v>
      </c>
      <c r="J99" s="17">
        <v>10</v>
      </c>
      <c r="K99" s="17">
        <v>38</v>
      </c>
      <c r="L99" s="17">
        <v>216</v>
      </c>
      <c r="M99" s="17">
        <v>11562</v>
      </c>
      <c r="N99" s="17">
        <v>207</v>
      </c>
      <c r="O99" s="17" t="s">
        <v>35</v>
      </c>
      <c r="P99" s="17">
        <v>98</v>
      </c>
      <c r="Q99" s="17">
        <v>109</v>
      </c>
      <c r="R99" s="17">
        <v>6949</v>
      </c>
    </row>
    <row r="100" spans="1:18">
      <c r="A100" s="21" t="s">
        <v>1296</v>
      </c>
      <c r="B100" s="10" t="s">
        <v>25</v>
      </c>
      <c r="C100" s="11" t="s">
        <v>25</v>
      </c>
      <c r="D100" s="17">
        <v>1356</v>
      </c>
      <c r="E100" s="17">
        <v>14</v>
      </c>
      <c r="F100" s="17">
        <v>323</v>
      </c>
      <c r="G100" s="17">
        <v>1018</v>
      </c>
      <c r="H100" s="17">
        <v>55640</v>
      </c>
      <c r="I100" s="17">
        <v>810</v>
      </c>
      <c r="J100" s="17">
        <v>10</v>
      </c>
      <c r="K100" s="17">
        <v>120</v>
      </c>
      <c r="L100" s="17">
        <v>680</v>
      </c>
      <c r="M100" s="17">
        <v>36270</v>
      </c>
      <c r="N100" s="17">
        <v>546</v>
      </c>
      <c r="O100" s="17">
        <v>4</v>
      </c>
      <c r="P100" s="17">
        <v>203</v>
      </c>
      <c r="Q100" s="17">
        <v>338</v>
      </c>
      <c r="R100" s="17">
        <v>19370</v>
      </c>
    </row>
    <row r="101" spans="1:18">
      <c r="A101" s="21" t="s">
        <v>1297</v>
      </c>
      <c r="B101" s="10" t="s">
        <v>25</v>
      </c>
      <c r="C101" s="11" t="s">
        <v>25</v>
      </c>
      <c r="D101" s="17">
        <v>679</v>
      </c>
      <c r="E101" s="17">
        <v>22</v>
      </c>
      <c r="F101" s="17">
        <v>181</v>
      </c>
      <c r="G101" s="17">
        <v>473</v>
      </c>
      <c r="H101" s="17">
        <v>27186</v>
      </c>
      <c r="I101" s="17">
        <v>416</v>
      </c>
      <c r="J101" s="17">
        <v>16</v>
      </c>
      <c r="K101" s="17">
        <v>67</v>
      </c>
      <c r="L101" s="17">
        <v>330</v>
      </c>
      <c r="M101" s="17">
        <v>18187</v>
      </c>
      <c r="N101" s="17">
        <v>263</v>
      </c>
      <c r="O101" s="17">
        <v>6</v>
      </c>
      <c r="P101" s="17">
        <v>114</v>
      </c>
      <c r="Q101" s="17">
        <v>143</v>
      </c>
      <c r="R101" s="17">
        <v>8999</v>
      </c>
    </row>
    <row r="102" spans="1:18">
      <c r="A102" s="21" t="s">
        <v>1298</v>
      </c>
      <c r="B102" s="10" t="s">
        <v>25</v>
      </c>
      <c r="C102" s="11" t="s">
        <v>25</v>
      </c>
      <c r="D102" s="17">
        <v>758</v>
      </c>
      <c r="E102" s="18">
        <v>12</v>
      </c>
      <c r="F102" s="17">
        <v>179</v>
      </c>
      <c r="G102" s="17">
        <v>560</v>
      </c>
      <c r="H102" s="17">
        <v>31301</v>
      </c>
      <c r="I102" s="17">
        <v>451</v>
      </c>
      <c r="J102" s="18">
        <v>8</v>
      </c>
      <c r="K102" s="17">
        <v>65</v>
      </c>
      <c r="L102" s="17">
        <v>374</v>
      </c>
      <c r="M102" s="17">
        <v>20554</v>
      </c>
      <c r="N102" s="17">
        <v>307</v>
      </c>
      <c r="O102" s="18">
        <v>4</v>
      </c>
      <c r="P102" s="17">
        <v>114</v>
      </c>
      <c r="Q102" s="17">
        <v>186</v>
      </c>
      <c r="R102" s="17">
        <v>10747</v>
      </c>
    </row>
    <row r="103" spans="1:18">
      <c r="A103" s="21" t="s">
        <v>1299</v>
      </c>
      <c r="B103" s="10" t="s">
        <v>25</v>
      </c>
      <c r="C103" s="11" t="s">
        <v>25</v>
      </c>
      <c r="D103" s="17">
        <v>752</v>
      </c>
      <c r="E103" s="17">
        <v>11</v>
      </c>
      <c r="F103" s="17">
        <v>218</v>
      </c>
      <c r="G103" s="17">
        <v>522</v>
      </c>
      <c r="H103" s="17">
        <v>28611</v>
      </c>
      <c r="I103" s="17">
        <v>406</v>
      </c>
      <c r="J103" s="17">
        <v>6</v>
      </c>
      <c r="K103" s="17">
        <v>55</v>
      </c>
      <c r="L103" s="17">
        <v>344</v>
      </c>
      <c r="M103" s="17">
        <v>17637</v>
      </c>
      <c r="N103" s="17">
        <v>346</v>
      </c>
      <c r="O103" s="17">
        <v>5</v>
      </c>
      <c r="P103" s="17">
        <v>163</v>
      </c>
      <c r="Q103" s="17">
        <v>178</v>
      </c>
      <c r="R103" s="17">
        <v>10974</v>
      </c>
    </row>
    <row r="104" spans="1:18">
      <c r="A104" s="21" t="s">
        <v>1300</v>
      </c>
      <c r="B104" s="10" t="s">
        <v>25</v>
      </c>
      <c r="C104" s="11" t="s">
        <v>25</v>
      </c>
      <c r="D104" s="17">
        <v>4052</v>
      </c>
      <c r="E104" s="17">
        <v>106</v>
      </c>
      <c r="F104" s="17">
        <v>860</v>
      </c>
      <c r="G104" s="17">
        <v>3070</v>
      </c>
      <c r="H104" s="17">
        <v>166940</v>
      </c>
      <c r="I104" s="17">
        <v>2472</v>
      </c>
      <c r="J104" s="17">
        <v>62</v>
      </c>
      <c r="K104" s="17">
        <v>334</v>
      </c>
      <c r="L104" s="17">
        <v>2064</v>
      </c>
      <c r="M104" s="17">
        <v>110977</v>
      </c>
      <c r="N104" s="17">
        <v>1580</v>
      </c>
      <c r="O104" s="17">
        <v>44</v>
      </c>
      <c r="P104" s="17">
        <v>526</v>
      </c>
      <c r="Q104" s="17">
        <v>1006</v>
      </c>
      <c r="R104" s="17">
        <v>55963</v>
      </c>
    </row>
    <row r="105" spans="1:18">
      <c r="A105" s="21" t="s">
        <v>1301</v>
      </c>
      <c r="B105" s="10" t="s">
        <v>25</v>
      </c>
      <c r="C105" s="11" t="s">
        <v>25</v>
      </c>
      <c r="D105" s="17">
        <v>1350</v>
      </c>
      <c r="E105" s="17">
        <v>23</v>
      </c>
      <c r="F105" s="17">
        <v>220</v>
      </c>
      <c r="G105" s="17">
        <v>1101</v>
      </c>
      <c r="H105" s="17">
        <v>59135</v>
      </c>
      <c r="I105" s="17">
        <v>904</v>
      </c>
      <c r="J105" s="17">
        <v>15</v>
      </c>
      <c r="K105" s="17">
        <v>93</v>
      </c>
      <c r="L105" s="17">
        <v>791</v>
      </c>
      <c r="M105" s="17">
        <v>42229</v>
      </c>
      <c r="N105" s="17">
        <v>446</v>
      </c>
      <c r="O105" s="17">
        <v>8</v>
      </c>
      <c r="P105" s="17">
        <v>127</v>
      </c>
      <c r="Q105" s="17">
        <v>310</v>
      </c>
      <c r="R105" s="17">
        <v>16906</v>
      </c>
    </row>
    <row r="106" spans="1:18">
      <c r="A106" s="21" t="s">
        <v>1302</v>
      </c>
      <c r="B106" s="10" t="s">
        <v>25</v>
      </c>
      <c r="C106" s="11" t="s">
        <v>25</v>
      </c>
      <c r="D106" s="17">
        <v>582</v>
      </c>
      <c r="E106" s="17">
        <v>15</v>
      </c>
      <c r="F106" s="17">
        <v>130</v>
      </c>
      <c r="G106" s="17">
        <v>434</v>
      </c>
      <c r="H106" s="17">
        <v>23695</v>
      </c>
      <c r="I106" s="17">
        <v>350</v>
      </c>
      <c r="J106" s="17">
        <v>9</v>
      </c>
      <c r="K106" s="17">
        <v>43</v>
      </c>
      <c r="L106" s="17">
        <v>295</v>
      </c>
      <c r="M106" s="17">
        <v>15787</v>
      </c>
      <c r="N106" s="17">
        <v>232</v>
      </c>
      <c r="O106" s="17">
        <v>6</v>
      </c>
      <c r="P106" s="17">
        <v>87</v>
      </c>
      <c r="Q106" s="17">
        <v>139</v>
      </c>
      <c r="R106" s="17">
        <v>7908</v>
      </c>
    </row>
    <row r="107" spans="1:18">
      <c r="A107" s="21" t="s">
        <v>1303</v>
      </c>
      <c r="B107" s="10" t="s">
        <v>25</v>
      </c>
      <c r="C107" s="11" t="s">
        <v>25</v>
      </c>
      <c r="D107" s="17">
        <v>583</v>
      </c>
      <c r="E107" s="17">
        <v>20</v>
      </c>
      <c r="F107" s="17">
        <v>154</v>
      </c>
      <c r="G107" s="17">
        <v>409</v>
      </c>
      <c r="H107" s="17">
        <v>22484</v>
      </c>
      <c r="I107" s="17">
        <v>333</v>
      </c>
      <c r="J107" s="17">
        <v>14</v>
      </c>
      <c r="K107" s="17">
        <v>56</v>
      </c>
      <c r="L107" s="17">
        <v>263</v>
      </c>
      <c r="M107" s="17">
        <v>14118</v>
      </c>
      <c r="N107" s="17">
        <v>250</v>
      </c>
      <c r="O107" s="17">
        <v>6</v>
      </c>
      <c r="P107" s="17">
        <v>98</v>
      </c>
      <c r="Q107" s="17">
        <v>146</v>
      </c>
      <c r="R107" s="17">
        <v>8366</v>
      </c>
    </row>
    <row r="108" spans="1:18">
      <c r="A108" s="21" t="s">
        <v>1304</v>
      </c>
      <c r="B108" s="10" t="s">
        <v>25</v>
      </c>
      <c r="C108" s="11" t="s">
        <v>25</v>
      </c>
      <c r="D108" s="17">
        <v>625</v>
      </c>
      <c r="E108" s="17">
        <v>19</v>
      </c>
      <c r="F108" s="17">
        <v>133</v>
      </c>
      <c r="G108" s="17">
        <v>470</v>
      </c>
      <c r="H108" s="17">
        <v>25941</v>
      </c>
      <c r="I108" s="17">
        <v>369</v>
      </c>
      <c r="J108" s="17">
        <v>11</v>
      </c>
      <c r="K108" s="17">
        <v>57</v>
      </c>
      <c r="L108" s="17">
        <v>299</v>
      </c>
      <c r="M108" s="17">
        <v>16389</v>
      </c>
      <c r="N108" s="17">
        <v>256</v>
      </c>
      <c r="O108" s="17">
        <v>8</v>
      </c>
      <c r="P108" s="17">
        <v>76</v>
      </c>
      <c r="Q108" s="17">
        <v>171</v>
      </c>
      <c r="R108" s="17">
        <v>9552</v>
      </c>
    </row>
    <row r="109" spans="1:18">
      <c r="A109" s="21" t="s">
        <v>1305</v>
      </c>
      <c r="B109" s="10" t="s">
        <v>25</v>
      </c>
      <c r="C109" s="11" t="s">
        <v>25</v>
      </c>
      <c r="D109" s="17">
        <v>722</v>
      </c>
      <c r="E109" s="17">
        <v>24</v>
      </c>
      <c r="F109" s="17">
        <v>174</v>
      </c>
      <c r="G109" s="17">
        <v>520</v>
      </c>
      <c r="H109" s="17">
        <v>28266</v>
      </c>
      <c r="I109" s="17">
        <v>411</v>
      </c>
      <c r="J109" s="17">
        <v>11</v>
      </c>
      <c r="K109" s="17">
        <v>73</v>
      </c>
      <c r="L109" s="17">
        <v>325</v>
      </c>
      <c r="M109" s="17">
        <v>17676</v>
      </c>
      <c r="N109" s="17">
        <v>311</v>
      </c>
      <c r="O109" s="17">
        <v>13</v>
      </c>
      <c r="P109" s="17">
        <v>101</v>
      </c>
      <c r="Q109" s="17">
        <v>195</v>
      </c>
      <c r="R109" s="17">
        <v>10590</v>
      </c>
    </row>
    <row r="110" spans="1:18">
      <c r="A110" s="21" t="s">
        <v>1306</v>
      </c>
      <c r="B110" s="10" t="s">
        <v>25</v>
      </c>
      <c r="C110" s="11" t="s">
        <v>25</v>
      </c>
      <c r="D110" s="17">
        <v>190</v>
      </c>
      <c r="E110" s="17">
        <v>5</v>
      </c>
      <c r="F110" s="17">
        <v>49</v>
      </c>
      <c r="G110" s="17">
        <v>136</v>
      </c>
      <c r="H110" s="17">
        <v>7419</v>
      </c>
      <c r="I110" s="17">
        <v>105</v>
      </c>
      <c r="J110" s="17">
        <v>2</v>
      </c>
      <c r="K110" s="17">
        <v>12</v>
      </c>
      <c r="L110" s="17">
        <v>91</v>
      </c>
      <c r="M110" s="17">
        <v>4778</v>
      </c>
      <c r="N110" s="17">
        <v>85</v>
      </c>
      <c r="O110" s="17">
        <v>3</v>
      </c>
      <c r="P110" s="17">
        <v>37</v>
      </c>
      <c r="Q110" s="17">
        <v>45</v>
      </c>
      <c r="R110" s="17">
        <v>2641</v>
      </c>
    </row>
    <row r="111" spans="1:18">
      <c r="A111" s="21" t="s">
        <v>1307</v>
      </c>
      <c r="B111" s="10" t="s">
        <v>25</v>
      </c>
      <c r="C111" s="11" t="s">
        <v>25</v>
      </c>
      <c r="D111" s="17">
        <v>1542</v>
      </c>
      <c r="E111" s="17">
        <v>37</v>
      </c>
      <c r="F111" s="17">
        <v>335</v>
      </c>
      <c r="G111" s="17">
        <v>1159</v>
      </c>
      <c r="H111" s="17">
        <v>62933</v>
      </c>
      <c r="I111" s="17">
        <v>906</v>
      </c>
      <c r="J111" s="17">
        <v>21</v>
      </c>
      <c r="K111" s="17">
        <v>112</v>
      </c>
      <c r="L111" s="17">
        <v>765</v>
      </c>
      <c r="M111" s="17">
        <v>40517</v>
      </c>
      <c r="N111" s="17">
        <v>636</v>
      </c>
      <c r="O111" s="17">
        <v>16</v>
      </c>
      <c r="P111" s="17">
        <v>223</v>
      </c>
      <c r="Q111" s="17">
        <v>394</v>
      </c>
      <c r="R111" s="17">
        <v>22416</v>
      </c>
    </row>
    <row r="112" spans="1:18">
      <c r="A112" s="21" t="s">
        <v>1308</v>
      </c>
      <c r="B112" s="10" t="s">
        <v>25</v>
      </c>
      <c r="C112" s="11" t="s">
        <v>25</v>
      </c>
      <c r="D112" s="17">
        <v>101</v>
      </c>
      <c r="E112" s="17">
        <v>2</v>
      </c>
      <c r="F112" s="17">
        <v>14</v>
      </c>
      <c r="G112" s="17">
        <v>85</v>
      </c>
      <c r="H112" s="17">
        <v>4523</v>
      </c>
      <c r="I112" s="17">
        <v>74</v>
      </c>
      <c r="J112" s="17">
        <v>1</v>
      </c>
      <c r="K112" s="17">
        <v>10</v>
      </c>
      <c r="L112" s="17">
        <v>63</v>
      </c>
      <c r="M112" s="17">
        <v>3450</v>
      </c>
      <c r="N112" s="17">
        <v>27</v>
      </c>
      <c r="O112" s="17">
        <v>1</v>
      </c>
      <c r="P112" s="17">
        <v>4</v>
      </c>
      <c r="Q112" s="17">
        <v>22</v>
      </c>
      <c r="R112" s="17">
        <v>1073</v>
      </c>
    </row>
    <row r="113" spans="1:18">
      <c r="A113" s="21" t="s">
        <v>1309</v>
      </c>
      <c r="B113" s="10" t="s">
        <v>25</v>
      </c>
      <c r="C113" s="11" t="s">
        <v>25</v>
      </c>
      <c r="D113" s="17">
        <v>1001</v>
      </c>
      <c r="E113" s="17">
        <v>22</v>
      </c>
      <c r="F113" s="17">
        <v>215</v>
      </c>
      <c r="G113" s="17">
        <v>758</v>
      </c>
      <c r="H113" s="17">
        <v>40994</v>
      </c>
      <c r="I113" s="17">
        <v>583</v>
      </c>
      <c r="J113" s="17">
        <v>13</v>
      </c>
      <c r="K113" s="17">
        <v>74</v>
      </c>
      <c r="L113" s="17">
        <v>493</v>
      </c>
      <c r="M113" s="17">
        <v>25974</v>
      </c>
      <c r="N113" s="17">
        <v>418</v>
      </c>
      <c r="O113" s="17">
        <v>9</v>
      </c>
      <c r="P113" s="17">
        <v>141</v>
      </c>
      <c r="Q113" s="17">
        <v>265</v>
      </c>
      <c r="R113" s="17">
        <v>15020</v>
      </c>
    </row>
    <row r="114" spans="1:18">
      <c r="A114" s="21" t="s">
        <v>1310</v>
      </c>
      <c r="B114" s="10" t="s">
        <v>25</v>
      </c>
      <c r="C114" s="11" t="s">
        <v>25</v>
      </c>
      <c r="D114" s="18">
        <v>440</v>
      </c>
      <c r="E114" s="18">
        <v>13</v>
      </c>
      <c r="F114" s="18">
        <v>106</v>
      </c>
      <c r="G114" s="18">
        <v>316</v>
      </c>
      <c r="H114" s="18">
        <v>17416</v>
      </c>
      <c r="I114" s="18">
        <v>249</v>
      </c>
      <c r="J114" s="18">
        <v>7</v>
      </c>
      <c r="K114" s="18">
        <v>28</v>
      </c>
      <c r="L114" s="18">
        <v>209</v>
      </c>
      <c r="M114" s="18">
        <v>11093</v>
      </c>
      <c r="N114" s="18">
        <v>191</v>
      </c>
      <c r="O114" s="18">
        <v>6</v>
      </c>
      <c r="P114" s="18">
        <v>78</v>
      </c>
      <c r="Q114" s="18">
        <v>107</v>
      </c>
      <c r="R114" s="18">
        <v>6323</v>
      </c>
    </row>
    <row r="115" spans="1:18">
      <c r="A115" s="22"/>
      <c r="B115" s="28"/>
      <c r="C115" s="28"/>
      <c r="D115" s="19"/>
      <c r="E115" s="19"/>
      <c r="F115" s="19"/>
      <c r="G115" s="19"/>
      <c r="H115" s="19"/>
      <c r="I115" s="19"/>
      <c r="J115" s="19"/>
      <c r="K115" s="19"/>
      <c r="L115" s="19"/>
      <c r="M115" s="19"/>
      <c r="N115" s="19"/>
      <c r="O115" s="19"/>
      <c r="P115" s="19"/>
      <c r="Q115" s="19"/>
      <c r="R115" s="19"/>
    </row>
    <row r="116" spans="1:18">
      <c r="B116" s="28"/>
      <c r="C116" s="28"/>
    </row>
    <row r="117" spans="1:18">
      <c r="B117" s="28"/>
      <c r="C117" s="28"/>
    </row>
    <row r="118" spans="1:18">
      <c r="B118" s="28"/>
      <c r="C118" s="28"/>
    </row>
    <row r="119" spans="1:18">
      <c r="B119" s="28"/>
      <c r="C119" s="28"/>
    </row>
    <row r="120" spans="1:18">
      <c r="B120" s="28"/>
      <c r="C120" s="28"/>
    </row>
    <row r="121" spans="1:18">
      <c r="B121" s="28"/>
      <c r="C121" s="28"/>
    </row>
    <row r="122" spans="1:18">
      <c r="B122" s="28"/>
      <c r="C122" s="28"/>
    </row>
    <row r="123" spans="1:18">
      <c r="B123" s="28"/>
      <c r="C123" s="28"/>
    </row>
    <row r="124" spans="1:18">
      <c r="B124" s="28"/>
      <c r="C124" s="28"/>
    </row>
    <row r="125" spans="1:18">
      <c r="B125" s="28"/>
      <c r="C125" s="28"/>
    </row>
    <row r="126" spans="1:18">
      <c r="B126" s="28"/>
      <c r="C126" s="28"/>
    </row>
    <row r="127" spans="1:18">
      <c r="B127" s="28"/>
      <c r="C127" s="28"/>
    </row>
    <row r="128" spans="1:18">
      <c r="B128" s="28"/>
      <c r="C128" s="28"/>
    </row>
    <row r="129" spans="2:3">
      <c r="B129" s="28"/>
      <c r="C129" s="28"/>
    </row>
    <row r="130" spans="2:3">
      <c r="B130" s="28"/>
      <c r="C130" s="28"/>
    </row>
    <row r="131" spans="2:3">
      <c r="B131" s="28"/>
      <c r="C131" s="28"/>
    </row>
  </sheetData>
  <mergeCells count="7">
    <mergeCell ref="A1:D1"/>
    <mergeCell ref="A3:R3"/>
    <mergeCell ref="A6:A7"/>
    <mergeCell ref="B6:C7"/>
    <mergeCell ref="D6:H6"/>
    <mergeCell ref="I6:M6"/>
    <mergeCell ref="N6:R6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65" fitToHeight="0" pageOrder="overThenDown" orientation="landscape" horizontalDpi="300" verticalDpi="300" r:id="rId1"/>
  <headerFooter alignWithMargins="0"/>
  <rowBreaks count="1" manualBreakCount="1">
    <brk id="90" max="17" man="1"/>
  </rowBreaks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R81"/>
  <sheetViews>
    <sheetView zoomScaleNormal="100" workbookViewId="0">
      <selection sqref="A1:D1"/>
    </sheetView>
  </sheetViews>
  <sheetFormatPr defaultRowHeight="13.5"/>
  <cols>
    <col min="1" max="1" width="25.83203125" style="12" customWidth="1"/>
    <col min="2" max="3" width="4.83203125" style="12" customWidth="1"/>
    <col min="4" max="4" width="22.1640625" style="9" customWidth="1"/>
    <col min="5" max="5" width="13.6640625" style="9" bestFit="1" customWidth="1"/>
    <col min="6" max="7" width="19.5" style="9" bestFit="1" customWidth="1"/>
    <col min="8" max="8" width="30.33203125" style="9" bestFit="1" customWidth="1"/>
    <col min="9" max="9" width="22.1640625" style="9" customWidth="1"/>
    <col min="10" max="10" width="13.6640625" style="9" bestFit="1" customWidth="1"/>
    <col min="11" max="12" width="19.5" style="9" bestFit="1" customWidth="1"/>
    <col min="13" max="13" width="30.33203125" style="9" bestFit="1" customWidth="1"/>
    <col min="14" max="14" width="22.6640625" style="9" customWidth="1"/>
    <col min="15" max="15" width="13.6640625" style="9" bestFit="1" customWidth="1"/>
    <col min="16" max="17" width="19.5" style="9" bestFit="1" customWidth="1"/>
    <col min="18" max="18" width="30.33203125" style="9" bestFit="1" customWidth="1"/>
    <col min="19" max="16384" width="9.33203125" style="9"/>
  </cols>
  <sheetData>
    <row r="1" spans="1:18" s="1" customFormat="1" ht="16.5" customHeight="1">
      <c r="A1" s="37" t="s">
        <v>0</v>
      </c>
      <c r="B1" s="37"/>
      <c r="C1" s="37"/>
      <c r="D1" s="37"/>
      <c r="E1" s="31"/>
      <c r="F1" s="31"/>
      <c r="G1" s="31"/>
      <c r="H1" s="31"/>
      <c r="I1" s="32"/>
      <c r="J1" s="32"/>
      <c r="K1" s="32"/>
      <c r="L1" s="32"/>
      <c r="M1" s="32"/>
      <c r="N1" s="32"/>
      <c r="O1" s="32"/>
      <c r="P1" s="31"/>
      <c r="Q1" s="31"/>
      <c r="R1" s="31"/>
    </row>
    <row r="2" spans="1:18" s="1" customFormat="1" ht="16.5" customHeight="1">
      <c r="D2" s="31"/>
      <c r="E2" s="31"/>
      <c r="F2" s="31"/>
      <c r="G2" s="31"/>
      <c r="H2" s="31"/>
      <c r="I2" s="32"/>
      <c r="J2" s="32"/>
      <c r="K2" s="32"/>
      <c r="L2" s="32"/>
      <c r="M2" s="32"/>
      <c r="N2" s="32"/>
      <c r="O2" s="32"/>
      <c r="P2" s="31"/>
      <c r="Q2" s="31"/>
      <c r="R2" s="31"/>
    </row>
    <row r="3" spans="1:18">
      <c r="A3" s="38" t="s">
        <v>2462</v>
      </c>
      <c r="B3" s="38"/>
      <c r="C3" s="38"/>
      <c r="D3" s="38"/>
      <c r="E3" s="38"/>
      <c r="F3" s="38"/>
      <c r="G3" s="38"/>
      <c r="H3" s="38"/>
      <c r="I3" s="38"/>
      <c r="J3" s="38"/>
      <c r="K3" s="38"/>
      <c r="L3" s="38"/>
      <c r="M3" s="38"/>
      <c r="N3" s="38"/>
      <c r="O3" s="38"/>
      <c r="P3" s="38"/>
      <c r="Q3" s="38"/>
      <c r="R3" s="38"/>
    </row>
    <row r="4" spans="1:18">
      <c r="A4" s="9"/>
      <c r="B4" s="9"/>
      <c r="C4" s="9"/>
    </row>
    <row r="6" spans="1:18" ht="13.5" customHeight="1">
      <c r="A6" s="48" t="s">
        <v>26</v>
      </c>
      <c r="B6" s="41" t="s">
        <v>27</v>
      </c>
      <c r="C6" s="42"/>
      <c r="D6" s="45" t="s">
        <v>2463</v>
      </c>
      <c r="E6" s="46"/>
      <c r="F6" s="46"/>
      <c r="G6" s="46"/>
      <c r="H6" s="47"/>
      <c r="I6" s="45" t="s">
        <v>2464</v>
      </c>
      <c r="J6" s="46"/>
      <c r="K6" s="46"/>
      <c r="L6" s="46"/>
      <c r="M6" s="47"/>
      <c r="N6" s="45" t="s">
        <v>2465</v>
      </c>
      <c r="O6" s="46"/>
      <c r="P6" s="46"/>
      <c r="Q6" s="46"/>
      <c r="R6" s="47"/>
    </row>
    <row r="7" spans="1:18" s="23" customFormat="1">
      <c r="A7" s="49"/>
      <c r="B7" s="43"/>
      <c r="C7" s="44"/>
      <c r="D7" s="29" t="s">
        <v>2466</v>
      </c>
      <c r="E7" s="29" t="s">
        <v>2467</v>
      </c>
      <c r="F7" s="29" t="s">
        <v>2468</v>
      </c>
      <c r="G7" s="29" t="s">
        <v>2469</v>
      </c>
      <c r="H7" s="29" t="s">
        <v>2470</v>
      </c>
      <c r="I7" s="29" t="s">
        <v>2471</v>
      </c>
      <c r="J7" s="29" t="s">
        <v>2467</v>
      </c>
      <c r="K7" s="29" t="s">
        <v>2468</v>
      </c>
      <c r="L7" s="29" t="s">
        <v>2469</v>
      </c>
      <c r="M7" s="29" t="s">
        <v>2470</v>
      </c>
      <c r="N7" s="29" t="s">
        <v>2471</v>
      </c>
      <c r="O7" s="29" t="s">
        <v>2467</v>
      </c>
      <c r="P7" s="29" t="s">
        <v>2468</v>
      </c>
      <c r="Q7" s="29" t="s">
        <v>2469</v>
      </c>
      <c r="R7" s="29" t="s">
        <v>2470</v>
      </c>
    </row>
    <row r="8" spans="1:18" s="15" customFormat="1">
      <c r="A8" s="20" t="s">
        <v>1311</v>
      </c>
      <c r="B8" s="13" t="s">
        <v>25</v>
      </c>
      <c r="C8" s="14" t="s">
        <v>25</v>
      </c>
      <c r="D8" s="16">
        <v>37246</v>
      </c>
      <c r="E8" s="16">
        <v>595</v>
      </c>
      <c r="F8" s="16">
        <v>8853</v>
      </c>
      <c r="G8" s="16">
        <v>27727</v>
      </c>
      <c r="H8" s="16">
        <v>1534015</v>
      </c>
      <c r="I8" s="16">
        <v>20813</v>
      </c>
      <c r="J8" s="16">
        <v>338</v>
      </c>
      <c r="K8" s="16">
        <v>2553</v>
      </c>
      <c r="L8" s="16">
        <v>17890</v>
      </c>
      <c r="M8" s="16">
        <v>960660</v>
      </c>
      <c r="N8" s="16">
        <v>16433</v>
      </c>
      <c r="O8" s="16">
        <v>257</v>
      </c>
      <c r="P8" s="16">
        <v>6300</v>
      </c>
      <c r="Q8" s="16">
        <v>9837</v>
      </c>
      <c r="R8" s="16">
        <v>573355</v>
      </c>
    </row>
    <row r="9" spans="1:18">
      <c r="A9" s="30" t="s">
        <v>1312</v>
      </c>
      <c r="B9" s="10" t="s">
        <v>25</v>
      </c>
      <c r="C9" s="11" t="s">
        <v>25</v>
      </c>
      <c r="D9" s="17">
        <v>3450</v>
      </c>
      <c r="E9" s="17">
        <v>66</v>
      </c>
      <c r="F9" s="17">
        <v>836</v>
      </c>
      <c r="G9" s="17">
        <v>2546</v>
      </c>
      <c r="H9" s="17">
        <v>140171</v>
      </c>
      <c r="I9" s="17">
        <v>1918</v>
      </c>
      <c r="J9" s="17">
        <v>41</v>
      </c>
      <c r="K9" s="17">
        <v>287</v>
      </c>
      <c r="L9" s="17">
        <v>1588</v>
      </c>
      <c r="M9" s="17">
        <v>85760</v>
      </c>
      <c r="N9" s="17">
        <v>1532</v>
      </c>
      <c r="O9" s="17">
        <v>25</v>
      </c>
      <c r="P9" s="17">
        <v>549</v>
      </c>
      <c r="Q9" s="17">
        <v>958</v>
      </c>
      <c r="R9" s="17">
        <v>54411</v>
      </c>
    </row>
    <row r="10" spans="1:18">
      <c r="A10" s="21" t="s">
        <v>1313</v>
      </c>
      <c r="B10" s="10" t="s">
        <v>25</v>
      </c>
      <c r="C10" s="11" t="s">
        <v>25</v>
      </c>
      <c r="D10" s="17">
        <v>594</v>
      </c>
      <c r="E10" s="17">
        <v>15</v>
      </c>
      <c r="F10" s="17">
        <v>142</v>
      </c>
      <c r="G10" s="17">
        <v>437</v>
      </c>
      <c r="H10" s="17">
        <v>24214</v>
      </c>
      <c r="I10" s="17">
        <v>334</v>
      </c>
      <c r="J10" s="17">
        <v>10</v>
      </c>
      <c r="K10" s="17">
        <v>45</v>
      </c>
      <c r="L10" s="17">
        <v>279</v>
      </c>
      <c r="M10" s="17">
        <v>14915</v>
      </c>
      <c r="N10" s="17">
        <v>260</v>
      </c>
      <c r="O10" s="17">
        <v>5</v>
      </c>
      <c r="P10" s="17">
        <v>97</v>
      </c>
      <c r="Q10" s="17">
        <v>158</v>
      </c>
      <c r="R10" s="17">
        <v>9299</v>
      </c>
    </row>
    <row r="11" spans="1:18">
      <c r="A11" s="21" t="s">
        <v>1314</v>
      </c>
      <c r="B11" s="10" t="s">
        <v>25</v>
      </c>
      <c r="C11" s="11" t="s">
        <v>25</v>
      </c>
      <c r="D11" s="17">
        <v>1300</v>
      </c>
      <c r="E11" s="17">
        <v>27</v>
      </c>
      <c r="F11" s="17">
        <v>310</v>
      </c>
      <c r="G11" s="17">
        <v>962</v>
      </c>
      <c r="H11" s="17">
        <v>53568</v>
      </c>
      <c r="I11" s="17">
        <v>738</v>
      </c>
      <c r="J11" s="17">
        <v>15</v>
      </c>
      <c r="K11" s="17">
        <v>110</v>
      </c>
      <c r="L11" s="17">
        <v>612</v>
      </c>
      <c r="M11" s="17">
        <v>33543</v>
      </c>
      <c r="N11" s="17">
        <v>562</v>
      </c>
      <c r="O11" s="17">
        <v>12</v>
      </c>
      <c r="P11" s="17">
        <v>200</v>
      </c>
      <c r="Q11" s="17">
        <v>350</v>
      </c>
      <c r="R11" s="17">
        <v>20025</v>
      </c>
    </row>
    <row r="12" spans="1:18">
      <c r="A12" s="21" t="s">
        <v>1315</v>
      </c>
      <c r="B12" s="10" t="s">
        <v>25</v>
      </c>
      <c r="C12" s="11" t="s">
        <v>25</v>
      </c>
      <c r="D12" s="17">
        <v>791</v>
      </c>
      <c r="E12" s="17">
        <v>11</v>
      </c>
      <c r="F12" s="17">
        <v>189</v>
      </c>
      <c r="G12" s="17">
        <v>591</v>
      </c>
      <c r="H12" s="17">
        <v>32157</v>
      </c>
      <c r="I12" s="17">
        <v>418</v>
      </c>
      <c r="J12" s="17">
        <v>4</v>
      </c>
      <c r="K12" s="17">
        <v>66</v>
      </c>
      <c r="L12" s="17">
        <v>348</v>
      </c>
      <c r="M12" s="17">
        <v>18595</v>
      </c>
      <c r="N12" s="17">
        <v>373</v>
      </c>
      <c r="O12" s="17">
        <v>7</v>
      </c>
      <c r="P12" s="17">
        <v>123</v>
      </c>
      <c r="Q12" s="17">
        <v>243</v>
      </c>
      <c r="R12" s="17">
        <v>13562</v>
      </c>
    </row>
    <row r="13" spans="1:18">
      <c r="A13" s="21" t="s">
        <v>1316</v>
      </c>
      <c r="B13" s="10" t="s">
        <v>25</v>
      </c>
      <c r="C13" s="11" t="s">
        <v>25</v>
      </c>
      <c r="D13" s="17">
        <v>765</v>
      </c>
      <c r="E13" s="17">
        <v>13</v>
      </c>
      <c r="F13" s="17">
        <v>195</v>
      </c>
      <c r="G13" s="17">
        <v>556</v>
      </c>
      <c r="H13" s="17">
        <v>30232</v>
      </c>
      <c r="I13" s="17">
        <v>428</v>
      </c>
      <c r="J13" s="17">
        <v>12</v>
      </c>
      <c r="K13" s="17">
        <v>66</v>
      </c>
      <c r="L13" s="17">
        <v>349</v>
      </c>
      <c r="M13" s="17">
        <v>18707</v>
      </c>
      <c r="N13" s="17">
        <v>337</v>
      </c>
      <c r="O13" s="17">
        <v>1</v>
      </c>
      <c r="P13" s="17">
        <v>129</v>
      </c>
      <c r="Q13" s="17">
        <v>207</v>
      </c>
      <c r="R13" s="17">
        <v>11525</v>
      </c>
    </row>
    <row r="14" spans="1:18">
      <c r="A14" s="21" t="s">
        <v>1317</v>
      </c>
      <c r="B14" s="10" t="s">
        <v>25</v>
      </c>
      <c r="C14" s="11" t="s">
        <v>25</v>
      </c>
      <c r="D14" s="17">
        <v>2408</v>
      </c>
      <c r="E14" s="17">
        <v>31</v>
      </c>
      <c r="F14" s="17">
        <v>523</v>
      </c>
      <c r="G14" s="17">
        <v>1848</v>
      </c>
      <c r="H14" s="17">
        <v>102278</v>
      </c>
      <c r="I14" s="17">
        <v>1287</v>
      </c>
      <c r="J14" s="17">
        <v>11</v>
      </c>
      <c r="K14" s="17">
        <v>154</v>
      </c>
      <c r="L14" s="17">
        <v>1120</v>
      </c>
      <c r="M14" s="17">
        <v>61232</v>
      </c>
      <c r="N14" s="17">
        <v>1121</v>
      </c>
      <c r="O14" s="18">
        <v>20</v>
      </c>
      <c r="P14" s="17">
        <v>369</v>
      </c>
      <c r="Q14" s="18">
        <v>728</v>
      </c>
      <c r="R14" s="17">
        <v>41046</v>
      </c>
    </row>
    <row r="15" spans="1:18">
      <c r="A15" s="21" t="s">
        <v>1318</v>
      </c>
      <c r="B15" s="10" t="s">
        <v>25</v>
      </c>
      <c r="C15" s="11" t="s">
        <v>25</v>
      </c>
      <c r="D15" s="17">
        <v>976</v>
      </c>
      <c r="E15" s="17">
        <v>8</v>
      </c>
      <c r="F15" s="18">
        <v>199</v>
      </c>
      <c r="G15" s="17">
        <v>768</v>
      </c>
      <c r="H15" s="17">
        <v>42105</v>
      </c>
      <c r="I15" s="17">
        <v>514</v>
      </c>
      <c r="J15" s="17">
        <v>1</v>
      </c>
      <c r="K15" s="18">
        <v>50</v>
      </c>
      <c r="L15" s="17">
        <v>463</v>
      </c>
      <c r="M15" s="17">
        <v>25325</v>
      </c>
      <c r="N15" s="17">
        <v>462</v>
      </c>
      <c r="O15" s="18">
        <v>7</v>
      </c>
      <c r="P15" s="18">
        <v>149</v>
      </c>
      <c r="Q15" s="17">
        <v>305</v>
      </c>
      <c r="R15" s="17">
        <v>16780</v>
      </c>
    </row>
    <row r="16" spans="1:18">
      <c r="A16" s="21" t="s">
        <v>1319</v>
      </c>
      <c r="B16" s="10" t="s">
        <v>25</v>
      </c>
      <c r="C16" s="11" t="s">
        <v>25</v>
      </c>
      <c r="D16" s="17">
        <v>659</v>
      </c>
      <c r="E16" s="17">
        <v>11</v>
      </c>
      <c r="F16" s="18">
        <v>141</v>
      </c>
      <c r="G16" s="18">
        <v>505</v>
      </c>
      <c r="H16" s="18">
        <v>27885</v>
      </c>
      <c r="I16" s="18">
        <v>370</v>
      </c>
      <c r="J16" s="18">
        <v>6</v>
      </c>
      <c r="K16" s="18">
        <v>46</v>
      </c>
      <c r="L16" s="18">
        <v>317</v>
      </c>
      <c r="M16" s="18">
        <v>17385</v>
      </c>
      <c r="N16" s="17">
        <v>289</v>
      </c>
      <c r="O16" s="17">
        <v>5</v>
      </c>
      <c r="P16" s="18">
        <v>95</v>
      </c>
      <c r="Q16" s="18">
        <v>188</v>
      </c>
      <c r="R16" s="18">
        <v>10500</v>
      </c>
    </row>
    <row r="17" spans="1:18">
      <c r="A17" s="21" t="s">
        <v>1320</v>
      </c>
      <c r="B17" s="10" t="s">
        <v>25</v>
      </c>
      <c r="C17" s="11" t="s">
        <v>25</v>
      </c>
      <c r="D17" s="17">
        <v>773</v>
      </c>
      <c r="E17" s="17">
        <v>12</v>
      </c>
      <c r="F17" s="17">
        <v>183</v>
      </c>
      <c r="G17" s="17">
        <v>575</v>
      </c>
      <c r="H17" s="17">
        <v>32288</v>
      </c>
      <c r="I17" s="17">
        <v>403</v>
      </c>
      <c r="J17" s="17">
        <v>4</v>
      </c>
      <c r="K17" s="17">
        <v>58</v>
      </c>
      <c r="L17" s="17">
        <v>340</v>
      </c>
      <c r="M17" s="17">
        <v>18522</v>
      </c>
      <c r="N17" s="17">
        <v>370</v>
      </c>
      <c r="O17" s="17">
        <v>8</v>
      </c>
      <c r="P17" s="17">
        <v>125</v>
      </c>
      <c r="Q17" s="17">
        <v>235</v>
      </c>
      <c r="R17" s="17">
        <v>13766</v>
      </c>
    </row>
    <row r="18" spans="1:18">
      <c r="A18" s="21" t="s">
        <v>1321</v>
      </c>
      <c r="B18" s="10" t="s">
        <v>25</v>
      </c>
      <c r="C18" s="11" t="s">
        <v>25</v>
      </c>
      <c r="D18" s="18">
        <v>2706</v>
      </c>
      <c r="E18" s="18">
        <v>31</v>
      </c>
      <c r="F18" s="18">
        <v>670</v>
      </c>
      <c r="G18" s="18">
        <v>1999</v>
      </c>
      <c r="H18" s="18">
        <v>111467</v>
      </c>
      <c r="I18" s="18">
        <v>1488</v>
      </c>
      <c r="J18" s="18">
        <v>19</v>
      </c>
      <c r="K18" s="18">
        <v>168</v>
      </c>
      <c r="L18" s="18">
        <v>1297</v>
      </c>
      <c r="M18" s="18">
        <v>69396</v>
      </c>
      <c r="N18" s="18">
        <v>1218</v>
      </c>
      <c r="O18" s="18">
        <v>12</v>
      </c>
      <c r="P18" s="18">
        <v>502</v>
      </c>
      <c r="Q18" s="18">
        <v>702</v>
      </c>
      <c r="R18" s="18">
        <v>42071</v>
      </c>
    </row>
    <row r="19" spans="1:18">
      <c r="A19" s="21" t="s">
        <v>1322</v>
      </c>
      <c r="B19" s="10" t="s">
        <v>25</v>
      </c>
      <c r="C19" s="11" t="s">
        <v>25</v>
      </c>
      <c r="D19" s="17">
        <v>744</v>
      </c>
      <c r="E19" s="17">
        <v>9</v>
      </c>
      <c r="F19" s="17">
        <v>160</v>
      </c>
      <c r="G19" s="17">
        <v>575</v>
      </c>
      <c r="H19" s="17">
        <v>31291</v>
      </c>
      <c r="I19" s="17">
        <v>388</v>
      </c>
      <c r="J19" s="17">
        <v>4</v>
      </c>
      <c r="K19" s="17">
        <v>36</v>
      </c>
      <c r="L19" s="17">
        <v>348</v>
      </c>
      <c r="M19" s="17">
        <v>18509</v>
      </c>
      <c r="N19" s="17">
        <v>356</v>
      </c>
      <c r="O19" s="17">
        <v>5</v>
      </c>
      <c r="P19" s="17">
        <v>124</v>
      </c>
      <c r="Q19" s="17">
        <v>227</v>
      </c>
      <c r="R19" s="17">
        <v>12782</v>
      </c>
    </row>
    <row r="20" spans="1:18">
      <c r="A20" s="21" t="s">
        <v>1323</v>
      </c>
      <c r="B20" s="10" t="s">
        <v>25</v>
      </c>
      <c r="C20" s="11" t="s">
        <v>25</v>
      </c>
      <c r="D20" s="18">
        <v>1372</v>
      </c>
      <c r="E20" s="18">
        <v>18</v>
      </c>
      <c r="F20" s="18">
        <v>354</v>
      </c>
      <c r="G20" s="18">
        <v>994</v>
      </c>
      <c r="H20" s="18">
        <v>56172</v>
      </c>
      <c r="I20" s="18">
        <v>776</v>
      </c>
      <c r="J20" s="18">
        <v>12</v>
      </c>
      <c r="K20" s="18">
        <v>90</v>
      </c>
      <c r="L20" s="18">
        <v>670</v>
      </c>
      <c r="M20" s="18">
        <v>36033</v>
      </c>
      <c r="N20" s="18">
        <v>596</v>
      </c>
      <c r="O20" s="18">
        <v>6</v>
      </c>
      <c r="P20" s="18">
        <v>264</v>
      </c>
      <c r="Q20" s="18">
        <v>324</v>
      </c>
      <c r="R20" s="18">
        <v>20139</v>
      </c>
    </row>
    <row r="21" spans="1:18">
      <c r="A21" s="21" t="s">
        <v>1324</v>
      </c>
      <c r="B21" s="10" t="s">
        <v>25</v>
      </c>
      <c r="C21" s="11" t="s">
        <v>25</v>
      </c>
      <c r="D21" s="17">
        <v>590</v>
      </c>
      <c r="E21" s="17">
        <v>4</v>
      </c>
      <c r="F21" s="17">
        <v>156</v>
      </c>
      <c r="G21" s="17">
        <v>430</v>
      </c>
      <c r="H21" s="17">
        <v>24004</v>
      </c>
      <c r="I21" s="17">
        <v>324</v>
      </c>
      <c r="J21" s="17">
        <v>3</v>
      </c>
      <c r="K21" s="17">
        <v>42</v>
      </c>
      <c r="L21" s="17">
        <v>279</v>
      </c>
      <c r="M21" s="17">
        <v>14854</v>
      </c>
      <c r="N21" s="17">
        <v>266</v>
      </c>
      <c r="O21" s="17">
        <v>1</v>
      </c>
      <c r="P21" s="17">
        <v>114</v>
      </c>
      <c r="Q21" s="17">
        <v>151</v>
      </c>
      <c r="R21" s="17">
        <v>9150</v>
      </c>
    </row>
    <row r="22" spans="1:18">
      <c r="A22" s="21" t="s">
        <v>1325</v>
      </c>
      <c r="B22" s="10" t="s">
        <v>25</v>
      </c>
      <c r="C22" s="11" t="s">
        <v>25</v>
      </c>
      <c r="D22" s="17">
        <v>4659</v>
      </c>
      <c r="E22" s="17">
        <v>71</v>
      </c>
      <c r="F22" s="17">
        <v>1115</v>
      </c>
      <c r="G22" s="17">
        <v>3462</v>
      </c>
      <c r="H22" s="17">
        <v>191221</v>
      </c>
      <c r="I22" s="17">
        <v>2616</v>
      </c>
      <c r="J22" s="17">
        <v>35</v>
      </c>
      <c r="K22" s="17">
        <v>320</v>
      </c>
      <c r="L22" s="17">
        <v>2257</v>
      </c>
      <c r="M22" s="17">
        <v>120416</v>
      </c>
      <c r="N22" s="17">
        <v>2043</v>
      </c>
      <c r="O22" s="17">
        <v>36</v>
      </c>
      <c r="P22" s="17">
        <v>795</v>
      </c>
      <c r="Q22" s="17">
        <v>1205</v>
      </c>
      <c r="R22" s="17">
        <v>70805</v>
      </c>
    </row>
    <row r="23" spans="1:18">
      <c r="A23" s="21" t="s">
        <v>1326</v>
      </c>
      <c r="B23" s="10" t="s">
        <v>25</v>
      </c>
      <c r="C23" s="11" t="s">
        <v>25</v>
      </c>
      <c r="D23" s="17">
        <v>732</v>
      </c>
      <c r="E23" s="18">
        <v>7</v>
      </c>
      <c r="F23" s="17">
        <v>144</v>
      </c>
      <c r="G23" s="17">
        <v>580</v>
      </c>
      <c r="H23" s="17">
        <v>31766</v>
      </c>
      <c r="I23" s="17">
        <v>422</v>
      </c>
      <c r="J23" s="18">
        <v>2</v>
      </c>
      <c r="K23" s="17">
        <v>44</v>
      </c>
      <c r="L23" s="17">
        <v>375</v>
      </c>
      <c r="M23" s="17">
        <v>20288</v>
      </c>
      <c r="N23" s="17">
        <v>310</v>
      </c>
      <c r="O23" s="18">
        <v>5</v>
      </c>
      <c r="P23" s="17">
        <v>100</v>
      </c>
      <c r="Q23" s="17">
        <v>205</v>
      </c>
      <c r="R23" s="17">
        <v>11478</v>
      </c>
    </row>
    <row r="24" spans="1:18">
      <c r="A24" s="21" t="s">
        <v>1327</v>
      </c>
      <c r="B24" s="10" t="s">
        <v>25</v>
      </c>
      <c r="C24" s="11" t="s">
        <v>25</v>
      </c>
      <c r="D24" s="17">
        <v>805</v>
      </c>
      <c r="E24" s="17">
        <v>12</v>
      </c>
      <c r="F24" s="17">
        <v>197</v>
      </c>
      <c r="G24" s="17">
        <v>596</v>
      </c>
      <c r="H24" s="17">
        <v>32953</v>
      </c>
      <c r="I24" s="17">
        <v>457</v>
      </c>
      <c r="J24" s="17">
        <v>6</v>
      </c>
      <c r="K24" s="17">
        <v>57</v>
      </c>
      <c r="L24" s="17">
        <v>394</v>
      </c>
      <c r="M24" s="17">
        <v>20905</v>
      </c>
      <c r="N24" s="17">
        <v>348</v>
      </c>
      <c r="O24" s="17">
        <v>6</v>
      </c>
      <c r="P24" s="17">
        <v>140</v>
      </c>
      <c r="Q24" s="17">
        <v>202</v>
      </c>
      <c r="R24" s="17">
        <v>12048</v>
      </c>
    </row>
    <row r="25" spans="1:18">
      <c r="A25" s="21" t="s">
        <v>1328</v>
      </c>
      <c r="B25" s="10" t="s">
        <v>25</v>
      </c>
      <c r="C25" s="11" t="s">
        <v>25</v>
      </c>
      <c r="D25" s="17">
        <v>964</v>
      </c>
      <c r="E25" s="17">
        <v>16</v>
      </c>
      <c r="F25" s="17">
        <v>232</v>
      </c>
      <c r="G25" s="17">
        <v>711</v>
      </c>
      <c r="H25" s="17">
        <v>39537</v>
      </c>
      <c r="I25" s="17">
        <v>546</v>
      </c>
      <c r="J25" s="17">
        <v>11</v>
      </c>
      <c r="K25" s="17">
        <v>69</v>
      </c>
      <c r="L25" s="17">
        <v>464</v>
      </c>
      <c r="M25" s="17">
        <v>24964</v>
      </c>
      <c r="N25" s="17">
        <v>418</v>
      </c>
      <c r="O25" s="17">
        <v>5</v>
      </c>
      <c r="P25" s="17">
        <v>163</v>
      </c>
      <c r="Q25" s="17">
        <v>247</v>
      </c>
      <c r="R25" s="17">
        <v>14573</v>
      </c>
    </row>
    <row r="26" spans="1:18">
      <c r="A26" s="21" t="s">
        <v>1329</v>
      </c>
      <c r="B26" s="10" t="s">
        <v>25</v>
      </c>
      <c r="C26" s="11" t="s">
        <v>25</v>
      </c>
      <c r="D26" s="17">
        <v>713</v>
      </c>
      <c r="E26" s="17">
        <v>16</v>
      </c>
      <c r="F26" s="17">
        <v>181</v>
      </c>
      <c r="G26" s="17">
        <v>515</v>
      </c>
      <c r="H26" s="17">
        <v>28653</v>
      </c>
      <c r="I26" s="17">
        <v>397</v>
      </c>
      <c r="J26" s="17">
        <v>8</v>
      </c>
      <c r="K26" s="17">
        <v>54</v>
      </c>
      <c r="L26" s="17">
        <v>335</v>
      </c>
      <c r="M26" s="17">
        <v>18045</v>
      </c>
      <c r="N26" s="17">
        <v>316</v>
      </c>
      <c r="O26" s="17">
        <v>8</v>
      </c>
      <c r="P26" s="17">
        <v>127</v>
      </c>
      <c r="Q26" s="17">
        <v>180</v>
      </c>
      <c r="R26" s="17">
        <v>10608</v>
      </c>
    </row>
    <row r="27" spans="1:18">
      <c r="A27" s="21" t="s">
        <v>1330</v>
      </c>
      <c r="B27" s="10" t="s">
        <v>25</v>
      </c>
      <c r="C27" s="11" t="s">
        <v>25</v>
      </c>
      <c r="D27" s="17">
        <v>1445</v>
      </c>
      <c r="E27" s="17">
        <v>20</v>
      </c>
      <c r="F27" s="17">
        <v>361</v>
      </c>
      <c r="G27" s="17">
        <v>1060</v>
      </c>
      <c r="H27" s="17">
        <v>58312</v>
      </c>
      <c r="I27" s="17">
        <v>794</v>
      </c>
      <c r="J27" s="17">
        <v>8</v>
      </c>
      <c r="K27" s="17">
        <v>96</v>
      </c>
      <c r="L27" s="17">
        <v>689</v>
      </c>
      <c r="M27" s="17">
        <v>36214</v>
      </c>
      <c r="N27" s="17">
        <v>651</v>
      </c>
      <c r="O27" s="17">
        <v>12</v>
      </c>
      <c r="P27" s="17">
        <v>265</v>
      </c>
      <c r="Q27" s="17">
        <v>371</v>
      </c>
      <c r="R27" s="17">
        <v>22098</v>
      </c>
    </row>
    <row r="28" spans="1:18">
      <c r="A28" s="21" t="s">
        <v>1331</v>
      </c>
      <c r="B28" s="10" t="s">
        <v>25</v>
      </c>
      <c r="C28" s="11" t="s">
        <v>25</v>
      </c>
      <c r="D28" s="17">
        <v>2607</v>
      </c>
      <c r="E28" s="17">
        <v>37</v>
      </c>
      <c r="F28" s="17">
        <v>577</v>
      </c>
      <c r="G28" s="17">
        <v>1989</v>
      </c>
      <c r="H28" s="17">
        <v>108611</v>
      </c>
      <c r="I28" s="17">
        <v>1405</v>
      </c>
      <c r="J28" s="17">
        <v>22</v>
      </c>
      <c r="K28" s="17">
        <v>163</v>
      </c>
      <c r="L28" s="17">
        <v>1218</v>
      </c>
      <c r="M28" s="17">
        <v>65032</v>
      </c>
      <c r="N28" s="17">
        <v>1202</v>
      </c>
      <c r="O28" s="17">
        <v>15</v>
      </c>
      <c r="P28" s="17">
        <v>414</v>
      </c>
      <c r="Q28" s="17">
        <v>771</v>
      </c>
      <c r="R28" s="17">
        <v>43579</v>
      </c>
    </row>
    <row r="29" spans="1:18">
      <c r="A29" s="21" t="s">
        <v>1332</v>
      </c>
      <c r="B29" s="10" t="s">
        <v>25</v>
      </c>
      <c r="C29" s="11" t="s">
        <v>25</v>
      </c>
      <c r="D29" s="17">
        <v>1155</v>
      </c>
      <c r="E29" s="17">
        <v>20</v>
      </c>
      <c r="F29" s="17">
        <v>257</v>
      </c>
      <c r="G29" s="17">
        <v>877</v>
      </c>
      <c r="H29" s="17">
        <v>47973</v>
      </c>
      <c r="I29" s="17">
        <v>620</v>
      </c>
      <c r="J29" s="17">
        <v>13</v>
      </c>
      <c r="K29" s="17">
        <v>76</v>
      </c>
      <c r="L29" s="17">
        <v>531</v>
      </c>
      <c r="M29" s="17">
        <v>28535</v>
      </c>
      <c r="N29" s="17">
        <v>535</v>
      </c>
      <c r="O29" s="17">
        <v>7</v>
      </c>
      <c r="P29" s="17">
        <v>181</v>
      </c>
      <c r="Q29" s="17">
        <v>346</v>
      </c>
      <c r="R29" s="17">
        <v>19438</v>
      </c>
    </row>
    <row r="30" spans="1:18">
      <c r="A30" s="21" t="s">
        <v>1333</v>
      </c>
      <c r="B30" s="10" t="s">
        <v>25</v>
      </c>
      <c r="C30" s="11" t="s">
        <v>25</v>
      </c>
      <c r="D30" s="17">
        <v>471</v>
      </c>
      <c r="E30" s="17">
        <v>3</v>
      </c>
      <c r="F30" s="17">
        <v>96</v>
      </c>
      <c r="G30" s="17">
        <v>371</v>
      </c>
      <c r="H30" s="17">
        <v>19773</v>
      </c>
      <c r="I30" s="17">
        <v>246</v>
      </c>
      <c r="J30" s="17">
        <v>2</v>
      </c>
      <c r="K30" s="17">
        <v>20</v>
      </c>
      <c r="L30" s="17">
        <v>223</v>
      </c>
      <c r="M30" s="17">
        <v>11580</v>
      </c>
      <c r="N30" s="17">
        <v>225</v>
      </c>
      <c r="O30" s="17">
        <v>1</v>
      </c>
      <c r="P30" s="17">
        <v>76</v>
      </c>
      <c r="Q30" s="17">
        <v>148</v>
      </c>
      <c r="R30" s="17">
        <v>8193</v>
      </c>
    </row>
    <row r="31" spans="1:18">
      <c r="A31" s="21" t="s">
        <v>1334</v>
      </c>
      <c r="B31" s="10" t="s">
        <v>25</v>
      </c>
      <c r="C31" s="11" t="s">
        <v>25</v>
      </c>
      <c r="D31" s="17">
        <v>981</v>
      </c>
      <c r="E31" s="17">
        <v>14</v>
      </c>
      <c r="F31" s="17">
        <v>224</v>
      </c>
      <c r="G31" s="17">
        <v>741</v>
      </c>
      <c r="H31" s="17">
        <v>40865</v>
      </c>
      <c r="I31" s="17">
        <v>539</v>
      </c>
      <c r="J31" s="17">
        <v>7</v>
      </c>
      <c r="K31" s="17">
        <v>67</v>
      </c>
      <c r="L31" s="17">
        <v>464</v>
      </c>
      <c r="M31" s="17">
        <v>24917</v>
      </c>
      <c r="N31" s="17">
        <v>442</v>
      </c>
      <c r="O31" s="17">
        <v>7</v>
      </c>
      <c r="P31" s="17">
        <v>157</v>
      </c>
      <c r="Q31" s="17">
        <v>277</v>
      </c>
      <c r="R31" s="17">
        <v>15948</v>
      </c>
    </row>
    <row r="32" spans="1:18">
      <c r="A32" s="21" t="s">
        <v>1335</v>
      </c>
      <c r="B32" s="10" t="s">
        <v>25</v>
      </c>
      <c r="C32" s="11" t="s">
        <v>25</v>
      </c>
      <c r="D32" s="17">
        <v>2366</v>
      </c>
      <c r="E32" s="17">
        <v>30</v>
      </c>
      <c r="F32" s="17">
        <v>534</v>
      </c>
      <c r="G32" s="17">
        <v>1798</v>
      </c>
      <c r="H32" s="17">
        <v>98958</v>
      </c>
      <c r="I32" s="17">
        <v>1290</v>
      </c>
      <c r="J32" s="18">
        <v>16</v>
      </c>
      <c r="K32" s="17">
        <v>156</v>
      </c>
      <c r="L32" s="17">
        <v>1117</v>
      </c>
      <c r="M32" s="17">
        <v>60249</v>
      </c>
      <c r="N32" s="17">
        <v>1076</v>
      </c>
      <c r="O32" s="17">
        <v>14</v>
      </c>
      <c r="P32" s="17">
        <v>378</v>
      </c>
      <c r="Q32" s="17">
        <v>681</v>
      </c>
      <c r="R32" s="17">
        <v>38709</v>
      </c>
    </row>
    <row r="33" spans="1:18">
      <c r="A33" s="21" t="s">
        <v>1336</v>
      </c>
      <c r="B33" s="10" t="s">
        <v>25</v>
      </c>
      <c r="C33" s="11" t="s">
        <v>25</v>
      </c>
      <c r="D33" s="17">
        <v>392</v>
      </c>
      <c r="E33" s="17">
        <v>6</v>
      </c>
      <c r="F33" s="17">
        <v>97</v>
      </c>
      <c r="G33" s="17">
        <v>289</v>
      </c>
      <c r="H33" s="17">
        <v>15728</v>
      </c>
      <c r="I33" s="17">
        <v>199</v>
      </c>
      <c r="J33" s="17">
        <v>2</v>
      </c>
      <c r="K33" s="17">
        <v>35</v>
      </c>
      <c r="L33" s="17">
        <v>162</v>
      </c>
      <c r="M33" s="17">
        <v>8922</v>
      </c>
      <c r="N33" s="17">
        <v>193</v>
      </c>
      <c r="O33" s="17">
        <v>4</v>
      </c>
      <c r="P33" s="17">
        <v>62</v>
      </c>
      <c r="Q33" s="17">
        <v>127</v>
      </c>
      <c r="R33" s="17">
        <v>6806</v>
      </c>
    </row>
    <row r="34" spans="1:18">
      <c r="A34" s="21" t="s">
        <v>1337</v>
      </c>
      <c r="B34" s="10" t="s">
        <v>25</v>
      </c>
      <c r="C34" s="11" t="s">
        <v>25</v>
      </c>
      <c r="D34" s="18">
        <v>1061</v>
      </c>
      <c r="E34" s="18">
        <v>14</v>
      </c>
      <c r="F34" s="18">
        <v>238</v>
      </c>
      <c r="G34" s="18">
        <v>809</v>
      </c>
      <c r="H34" s="18">
        <v>44361</v>
      </c>
      <c r="I34" s="18">
        <v>564</v>
      </c>
      <c r="J34" s="18">
        <v>9</v>
      </c>
      <c r="K34" s="18">
        <v>70</v>
      </c>
      <c r="L34" s="18">
        <v>485</v>
      </c>
      <c r="M34" s="18">
        <v>25859</v>
      </c>
      <c r="N34" s="18">
        <v>497</v>
      </c>
      <c r="O34" s="18">
        <v>5</v>
      </c>
      <c r="P34" s="18">
        <v>168</v>
      </c>
      <c r="Q34" s="18">
        <v>324</v>
      </c>
      <c r="R34" s="18">
        <v>18502</v>
      </c>
    </row>
    <row r="35" spans="1:18">
      <c r="A35" s="21" t="s">
        <v>1338</v>
      </c>
      <c r="B35" s="10" t="s">
        <v>25</v>
      </c>
      <c r="C35" s="11" t="s">
        <v>25</v>
      </c>
      <c r="D35" s="17">
        <v>913</v>
      </c>
      <c r="E35" s="18">
        <v>10</v>
      </c>
      <c r="F35" s="17">
        <v>199</v>
      </c>
      <c r="G35" s="17">
        <v>700</v>
      </c>
      <c r="H35" s="17">
        <v>38869</v>
      </c>
      <c r="I35" s="17">
        <v>527</v>
      </c>
      <c r="J35" s="18">
        <v>5</v>
      </c>
      <c r="K35" s="17">
        <v>51</v>
      </c>
      <c r="L35" s="17">
        <v>470</v>
      </c>
      <c r="M35" s="17">
        <v>25468</v>
      </c>
      <c r="N35" s="17">
        <v>386</v>
      </c>
      <c r="O35" s="18">
        <v>5</v>
      </c>
      <c r="P35" s="17">
        <v>148</v>
      </c>
      <c r="Q35" s="17">
        <v>230</v>
      </c>
      <c r="R35" s="17">
        <v>13401</v>
      </c>
    </row>
    <row r="36" spans="1:18">
      <c r="A36" s="21" t="s">
        <v>1339</v>
      </c>
      <c r="B36" s="10" t="s">
        <v>25</v>
      </c>
      <c r="C36" s="11" t="s">
        <v>25</v>
      </c>
      <c r="D36" s="17">
        <v>2026</v>
      </c>
      <c r="E36" s="17">
        <v>26</v>
      </c>
      <c r="F36" s="17">
        <v>511</v>
      </c>
      <c r="G36" s="17">
        <v>1485</v>
      </c>
      <c r="H36" s="17">
        <v>82501</v>
      </c>
      <c r="I36" s="17">
        <v>1154</v>
      </c>
      <c r="J36" s="17">
        <v>16</v>
      </c>
      <c r="K36" s="17">
        <v>138</v>
      </c>
      <c r="L36" s="17">
        <v>998</v>
      </c>
      <c r="M36" s="17">
        <v>53532</v>
      </c>
      <c r="N36" s="17">
        <v>872</v>
      </c>
      <c r="O36" s="17">
        <v>10</v>
      </c>
      <c r="P36" s="17">
        <v>373</v>
      </c>
      <c r="Q36" s="17">
        <v>487</v>
      </c>
      <c r="R36" s="17">
        <v>28969</v>
      </c>
    </row>
    <row r="37" spans="1:18">
      <c r="A37" s="21" t="s">
        <v>1340</v>
      </c>
      <c r="B37" s="10" t="s">
        <v>25</v>
      </c>
      <c r="C37" s="11" t="s">
        <v>25</v>
      </c>
      <c r="D37" s="17">
        <v>553</v>
      </c>
      <c r="E37" s="17">
        <v>7</v>
      </c>
      <c r="F37" s="17">
        <v>126</v>
      </c>
      <c r="G37" s="17">
        <v>420</v>
      </c>
      <c r="H37" s="17">
        <v>23079</v>
      </c>
      <c r="I37" s="17">
        <v>321</v>
      </c>
      <c r="J37" s="17">
        <v>4</v>
      </c>
      <c r="K37" s="17">
        <v>35</v>
      </c>
      <c r="L37" s="17">
        <v>282</v>
      </c>
      <c r="M37" s="17">
        <v>15168</v>
      </c>
      <c r="N37" s="17">
        <v>232</v>
      </c>
      <c r="O37" s="17">
        <v>3</v>
      </c>
      <c r="P37" s="17">
        <v>91</v>
      </c>
      <c r="Q37" s="17">
        <v>138</v>
      </c>
      <c r="R37" s="17">
        <v>7911</v>
      </c>
    </row>
    <row r="38" spans="1:18">
      <c r="A38" s="21" t="s">
        <v>1341</v>
      </c>
      <c r="B38" s="10" t="s">
        <v>25</v>
      </c>
      <c r="C38" s="11" t="s">
        <v>25</v>
      </c>
      <c r="D38" s="17">
        <v>547</v>
      </c>
      <c r="E38" s="17">
        <v>7</v>
      </c>
      <c r="F38" s="17">
        <v>120</v>
      </c>
      <c r="G38" s="17">
        <v>416</v>
      </c>
      <c r="H38" s="17">
        <v>22946</v>
      </c>
      <c r="I38" s="17">
        <v>317</v>
      </c>
      <c r="J38" s="17">
        <v>3</v>
      </c>
      <c r="K38" s="17">
        <v>30</v>
      </c>
      <c r="L38" s="17">
        <v>282</v>
      </c>
      <c r="M38" s="17">
        <v>15206</v>
      </c>
      <c r="N38" s="17">
        <v>230</v>
      </c>
      <c r="O38" s="17">
        <v>4</v>
      </c>
      <c r="P38" s="17">
        <v>90</v>
      </c>
      <c r="Q38" s="17">
        <v>134</v>
      </c>
      <c r="R38" s="17">
        <v>7740</v>
      </c>
    </row>
    <row r="39" spans="1:18">
      <c r="A39" s="21" t="s">
        <v>1342</v>
      </c>
      <c r="B39" s="10" t="s">
        <v>25</v>
      </c>
      <c r="C39" s="11" t="s">
        <v>25</v>
      </c>
      <c r="D39" s="17">
        <v>926</v>
      </c>
      <c r="E39" s="17">
        <v>12</v>
      </c>
      <c r="F39" s="17">
        <v>265</v>
      </c>
      <c r="G39" s="17">
        <v>649</v>
      </c>
      <c r="H39" s="17">
        <v>36476</v>
      </c>
      <c r="I39" s="17">
        <v>516</v>
      </c>
      <c r="J39" s="17">
        <v>9</v>
      </c>
      <c r="K39" s="17">
        <v>73</v>
      </c>
      <c r="L39" s="17">
        <v>434</v>
      </c>
      <c r="M39" s="17">
        <v>23158</v>
      </c>
      <c r="N39" s="17">
        <v>410</v>
      </c>
      <c r="O39" s="17">
        <v>3</v>
      </c>
      <c r="P39" s="17">
        <v>192</v>
      </c>
      <c r="Q39" s="17">
        <v>215</v>
      </c>
      <c r="R39" s="17">
        <v>13318</v>
      </c>
    </row>
    <row r="40" spans="1:18">
      <c r="A40" s="21" t="s">
        <v>1343</v>
      </c>
      <c r="B40" s="10" t="s">
        <v>25</v>
      </c>
      <c r="C40" s="11" t="s">
        <v>25</v>
      </c>
      <c r="D40" s="17">
        <v>4726</v>
      </c>
      <c r="E40" s="17">
        <v>80</v>
      </c>
      <c r="F40" s="17">
        <v>1190</v>
      </c>
      <c r="G40" s="17">
        <v>3447</v>
      </c>
      <c r="H40" s="17">
        <v>192459</v>
      </c>
      <c r="I40" s="17">
        <v>2657</v>
      </c>
      <c r="J40" s="18">
        <v>44</v>
      </c>
      <c r="K40" s="17">
        <v>356</v>
      </c>
      <c r="L40" s="17">
        <v>2254</v>
      </c>
      <c r="M40" s="17">
        <v>121179</v>
      </c>
      <c r="N40" s="17">
        <v>2069</v>
      </c>
      <c r="O40" s="17">
        <v>36</v>
      </c>
      <c r="P40" s="17">
        <v>834</v>
      </c>
      <c r="Q40" s="17">
        <v>1193</v>
      </c>
      <c r="R40" s="17">
        <v>71280</v>
      </c>
    </row>
    <row r="41" spans="1:18">
      <c r="A41" s="21" t="s">
        <v>1344</v>
      </c>
      <c r="B41" s="10" t="s">
        <v>25</v>
      </c>
      <c r="C41" s="11" t="s">
        <v>25</v>
      </c>
      <c r="D41" s="17">
        <v>1386</v>
      </c>
      <c r="E41" s="17">
        <v>19</v>
      </c>
      <c r="F41" s="17">
        <v>332</v>
      </c>
      <c r="G41" s="17">
        <v>1032</v>
      </c>
      <c r="H41" s="17">
        <v>57152</v>
      </c>
      <c r="I41" s="17">
        <v>774</v>
      </c>
      <c r="J41" s="17">
        <v>7</v>
      </c>
      <c r="K41" s="17">
        <v>92</v>
      </c>
      <c r="L41" s="17">
        <v>674</v>
      </c>
      <c r="M41" s="17">
        <v>35884</v>
      </c>
      <c r="N41" s="17">
        <v>612</v>
      </c>
      <c r="O41" s="17">
        <v>12</v>
      </c>
      <c r="P41" s="17">
        <v>240</v>
      </c>
      <c r="Q41" s="17">
        <v>358</v>
      </c>
      <c r="R41" s="17">
        <v>21268</v>
      </c>
    </row>
    <row r="42" spans="1:18">
      <c r="A42" s="21" t="s">
        <v>1345</v>
      </c>
      <c r="B42" s="10" t="s">
        <v>25</v>
      </c>
      <c r="C42" s="11" t="s">
        <v>25</v>
      </c>
      <c r="D42" s="18">
        <v>1436</v>
      </c>
      <c r="E42" s="18">
        <v>27</v>
      </c>
      <c r="F42" s="18">
        <v>377</v>
      </c>
      <c r="G42" s="18">
        <v>1030</v>
      </c>
      <c r="H42" s="18">
        <v>57985</v>
      </c>
      <c r="I42" s="18">
        <v>815</v>
      </c>
      <c r="J42" s="18">
        <v>19</v>
      </c>
      <c r="K42" s="18">
        <v>115</v>
      </c>
      <c r="L42" s="18">
        <v>680</v>
      </c>
      <c r="M42" s="18">
        <v>36649</v>
      </c>
      <c r="N42" s="18">
        <v>621</v>
      </c>
      <c r="O42" s="18">
        <v>8</v>
      </c>
      <c r="P42" s="18">
        <v>262</v>
      </c>
      <c r="Q42" s="18">
        <v>350</v>
      </c>
      <c r="R42" s="18">
        <v>21336</v>
      </c>
    </row>
    <row r="43" spans="1:18">
      <c r="A43" s="21" t="s">
        <v>1346</v>
      </c>
      <c r="B43" s="10" t="s">
        <v>25</v>
      </c>
      <c r="C43" s="11" t="s">
        <v>25</v>
      </c>
      <c r="D43" s="17">
        <v>954</v>
      </c>
      <c r="E43" s="17">
        <v>23</v>
      </c>
      <c r="F43" s="17">
        <v>239</v>
      </c>
      <c r="G43" s="17">
        <v>692</v>
      </c>
      <c r="H43" s="17">
        <v>38719</v>
      </c>
      <c r="I43" s="17">
        <v>538</v>
      </c>
      <c r="J43" s="17">
        <v>8</v>
      </c>
      <c r="K43" s="17">
        <v>75</v>
      </c>
      <c r="L43" s="17">
        <v>455</v>
      </c>
      <c r="M43" s="17">
        <v>24615</v>
      </c>
      <c r="N43" s="17">
        <v>416</v>
      </c>
      <c r="O43" s="17">
        <v>15</v>
      </c>
      <c r="P43" s="17">
        <v>164</v>
      </c>
      <c r="Q43" s="17">
        <v>237</v>
      </c>
      <c r="R43" s="17">
        <v>14104</v>
      </c>
    </row>
    <row r="44" spans="1:18">
      <c r="A44" s="21" t="s">
        <v>1347</v>
      </c>
      <c r="B44" s="10" t="s">
        <v>25</v>
      </c>
      <c r="C44" s="11" t="s">
        <v>25</v>
      </c>
      <c r="D44" s="17">
        <v>950</v>
      </c>
      <c r="E44" s="18">
        <v>11</v>
      </c>
      <c r="F44" s="17">
        <v>242</v>
      </c>
      <c r="G44" s="17">
        <v>693</v>
      </c>
      <c r="H44" s="17">
        <v>38603</v>
      </c>
      <c r="I44" s="17">
        <v>530</v>
      </c>
      <c r="J44" s="18">
        <v>10</v>
      </c>
      <c r="K44" s="17">
        <v>74</v>
      </c>
      <c r="L44" s="17">
        <v>445</v>
      </c>
      <c r="M44" s="17">
        <v>24031</v>
      </c>
      <c r="N44" s="17">
        <v>420</v>
      </c>
      <c r="O44" s="18">
        <v>1</v>
      </c>
      <c r="P44" s="17">
        <v>168</v>
      </c>
      <c r="Q44" s="17">
        <v>248</v>
      </c>
      <c r="R44" s="17">
        <v>14572</v>
      </c>
    </row>
    <row r="45" spans="1:18">
      <c r="A45" s="21" t="s">
        <v>1348</v>
      </c>
      <c r="B45" s="10" t="s">
        <v>25</v>
      </c>
      <c r="C45" s="11" t="s">
        <v>25</v>
      </c>
      <c r="D45" s="17">
        <v>5012</v>
      </c>
      <c r="E45" s="17">
        <v>97</v>
      </c>
      <c r="F45" s="17">
        <v>1236</v>
      </c>
      <c r="G45" s="17">
        <v>3667</v>
      </c>
      <c r="H45" s="17">
        <v>204666</v>
      </c>
      <c r="I45" s="17">
        <v>2763</v>
      </c>
      <c r="J45" s="17">
        <v>62</v>
      </c>
      <c r="K45" s="17">
        <v>337</v>
      </c>
      <c r="L45" s="17">
        <v>2359</v>
      </c>
      <c r="M45" s="17">
        <v>127438</v>
      </c>
      <c r="N45" s="17">
        <v>2249</v>
      </c>
      <c r="O45" s="17">
        <v>35</v>
      </c>
      <c r="P45" s="17">
        <v>899</v>
      </c>
      <c r="Q45" s="17">
        <v>1308</v>
      </c>
      <c r="R45" s="17">
        <v>77228</v>
      </c>
    </row>
    <row r="46" spans="1:18">
      <c r="A46" s="21" t="s">
        <v>1349</v>
      </c>
      <c r="B46" s="10" t="s">
        <v>25</v>
      </c>
      <c r="C46" s="11" t="s">
        <v>25</v>
      </c>
      <c r="D46" s="17">
        <v>1199</v>
      </c>
      <c r="E46" s="17">
        <v>19</v>
      </c>
      <c r="F46" s="17">
        <v>286</v>
      </c>
      <c r="G46" s="17">
        <v>892</v>
      </c>
      <c r="H46" s="17">
        <v>49591</v>
      </c>
      <c r="I46" s="17">
        <v>659</v>
      </c>
      <c r="J46" s="17">
        <v>7</v>
      </c>
      <c r="K46" s="17">
        <v>75</v>
      </c>
      <c r="L46" s="17">
        <v>576</v>
      </c>
      <c r="M46" s="17">
        <v>31093</v>
      </c>
      <c r="N46" s="17">
        <v>540</v>
      </c>
      <c r="O46" s="17">
        <v>12</v>
      </c>
      <c r="P46" s="17">
        <v>211</v>
      </c>
      <c r="Q46" s="17">
        <v>316</v>
      </c>
      <c r="R46" s="17">
        <v>18498</v>
      </c>
    </row>
    <row r="47" spans="1:18">
      <c r="A47" s="21" t="s">
        <v>1350</v>
      </c>
      <c r="B47" s="10" t="s">
        <v>25</v>
      </c>
      <c r="C47" s="11" t="s">
        <v>25</v>
      </c>
      <c r="D47" s="17">
        <v>988</v>
      </c>
      <c r="E47" s="17">
        <v>22</v>
      </c>
      <c r="F47" s="17">
        <v>269</v>
      </c>
      <c r="G47" s="17">
        <v>695</v>
      </c>
      <c r="H47" s="17">
        <v>39932</v>
      </c>
      <c r="I47" s="17">
        <v>545</v>
      </c>
      <c r="J47" s="17">
        <v>14</v>
      </c>
      <c r="K47" s="17">
        <v>63</v>
      </c>
      <c r="L47" s="17">
        <v>467</v>
      </c>
      <c r="M47" s="17">
        <v>25318</v>
      </c>
      <c r="N47" s="17">
        <v>443</v>
      </c>
      <c r="O47" s="17">
        <v>8</v>
      </c>
      <c r="P47" s="17">
        <v>206</v>
      </c>
      <c r="Q47" s="17">
        <v>228</v>
      </c>
      <c r="R47" s="17">
        <v>14614</v>
      </c>
    </row>
    <row r="48" spans="1:18">
      <c r="A48" s="21" t="s">
        <v>1351</v>
      </c>
      <c r="B48" s="10" t="s">
        <v>25</v>
      </c>
      <c r="C48" s="11" t="s">
        <v>25</v>
      </c>
      <c r="D48" s="17">
        <v>725</v>
      </c>
      <c r="E48" s="18">
        <v>17</v>
      </c>
      <c r="F48" s="17">
        <v>189</v>
      </c>
      <c r="G48" s="17">
        <v>519</v>
      </c>
      <c r="H48" s="17">
        <v>28910</v>
      </c>
      <c r="I48" s="17">
        <v>413</v>
      </c>
      <c r="J48" s="18">
        <v>15</v>
      </c>
      <c r="K48" s="17">
        <v>56</v>
      </c>
      <c r="L48" s="17">
        <v>342</v>
      </c>
      <c r="M48" s="17">
        <v>18387</v>
      </c>
      <c r="N48" s="17">
        <v>312</v>
      </c>
      <c r="O48" s="18">
        <v>2</v>
      </c>
      <c r="P48" s="17">
        <v>133</v>
      </c>
      <c r="Q48" s="17">
        <v>177</v>
      </c>
      <c r="R48" s="17">
        <v>10523</v>
      </c>
    </row>
    <row r="49" spans="1:18">
      <c r="A49" s="21" t="s">
        <v>1352</v>
      </c>
      <c r="B49" s="10" t="s">
        <v>25</v>
      </c>
      <c r="C49" s="11" t="s">
        <v>25</v>
      </c>
      <c r="D49" s="17">
        <v>984</v>
      </c>
      <c r="E49" s="18">
        <v>24</v>
      </c>
      <c r="F49" s="17">
        <v>237</v>
      </c>
      <c r="G49" s="17">
        <v>722</v>
      </c>
      <c r="H49" s="17">
        <v>40081</v>
      </c>
      <c r="I49" s="17">
        <v>522</v>
      </c>
      <c r="J49" s="18">
        <v>14</v>
      </c>
      <c r="K49" s="17">
        <v>67</v>
      </c>
      <c r="L49" s="17">
        <v>441</v>
      </c>
      <c r="M49" s="17">
        <v>23976</v>
      </c>
      <c r="N49" s="17">
        <v>462</v>
      </c>
      <c r="O49" s="18">
        <v>10</v>
      </c>
      <c r="P49" s="17">
        <v>170</v>
      </c>
      <c r="Q49" s="17">
        <v>281</v>
      </c>
      <c r="R49" s="17">
        <v>16105</v>
      </c>
    </row>
    <row r="50" spans="1:18">
      <c r="A50" s="21" t="s">
        <v>1353</v>
      </c>
      <c r="B50" s="10" t="s">
        <v>25</v>
      </c>
      <c r="C50" s="11" t="s">
        <v>25</v>
      </c>
      <c r="D50" s="17">
        <v>498</v>
      </c>
      <c r="E50" s="18">
        <v>9</v>
      </c>
      <c r="F50" s="17">
        <v>107</v>
      </c>
      <c r="G50" s="17">
        <v>379</v>
      </c>
      <c r="H50" s="17">
        <v>20647</v>
      </c>
      <c r="I50" s="17">
        <v>272</v>
      </c>
      <c r="J50" s="18">
        <v>6</v>
      </c>
      <c r="K50" s="17">
        <v>31</v>
      </c>
      <c r="L50" s="17">
        <v>234</v>
      </c>
      <c r="M50" s="17">
        <v>12524</v>
      </c>
      <c r="N50" s="17">
        <v>226</v>
      </c>
      <c r="O50" s="18">
        <v>3</v>
      </c>
      <c r="P50" s="17">
        <v>76</v>
      </c>
      <c r="Q50" s="17">
        <v>145</v>
      </c>
      <c r="R50" s="17">
        <v>8123</v>
      </c>
    </row>
    <row r="51" spans="1:18">
      <c r="A51" s="21" t="s">
        <v>1354</v>
      </c>
      <c r="B51" s="10" t="s">
        <v>25</v>
      </c>
      <c r="C51" s="11" t="s">
        <v>25</v>
      </c>
      <c r="D51" s="17">
        <v>618</v>
      </c>
      <c r="E51" s="17">
        <v>6</v>
      </c>
      <c r="F51" s="17">
        <v>148</v>
      </c>
      <c r="G51" s="17">
        <v>460</v>
      </c>
      <c r="H51" s="17">
        <v>25505</v>
      </c>
      <c r="I51" s="17">
        <v>352</v>
      </c>
      <c r="J51" s="18">
        <v>6</v>
      </c>
      <c r="K51" s="17">
        <v>45</v>
      </c>
      <c r="L51" s="17">
        <v>299</v>
      </c>
      <c r="M51" s="17">
        <v>16140</v>
      </c>
      <c r="N51" s="17">
        <v>266</v>
      </c>
      <c r="O51" s="17" t="s">
        <v>35</v>
      </c>
      <c r="P51" s="17">
        <v>103</v>
      </c>
      <c r="Q51" s="17">
        <v>161</v>
      </c>
      <c r="R51" s="17">
        <v>9365</v>
      </c>
    </row>
    <row r="52" spans="1:18">
      <c r="A52" s="21" t="s">
        <v>1355</v>
      </c>
      <c r="B52" s="10" t="s">
        <v>25</v>
      </c>
      <c r="C52" s="11" t="s">
        <v>25</v>
      </c>
      <c r="D52" s="17">
        <v>2299</v>
      </c>
      <c r="E52" s="17">
        <v>34</v>
      </c>
      <c r="F52" s="17">
        <v>523</v>
      </c>
      <c r="G52" s="17">
        <v>1736</v>
      </c>
      <c r="H52" s="17">
        <v>95652</v>
      </c>
      <c r="I52" s="17">
        <v>1354</v>
      </c>
      <c r="J52" s="18">
        <v>17</v>
      </c>
      <c r="K52" s="17">
        <v>145</v>
      </c>
      <c r="L52" s="17">
        <v>1187</v>
      </c>
      <c r="M52" s="17">
        <v>63083</v>
      </c>
      <c r="N52" s="17">
        <v>945</v>
      </c>
      <c r="O52" s="17">
        <v>17</v>
      </c>
      <c r="P52" s="17">
        <v>378</v>
      </c>
      <c r="Q52" s="17">
        <v>549</v>
      </c>
      <c r="R52" s="17">
        <v>32569</v>
      </c>
    </row>
    <row r="53" spans="1:18">
      <c r="A53" s="21" t="s">
        <v>1356</v>
      </c>
      <c r="B53" s="10" t="s">
        <v>25</v>
      </c>
      <c r="C53" s="11" t="s">
        <v>25</v>
      </c>
      <c r="D53" s="17">
        <v>697</v>
      </c>
      <c r="E53" s="18">
        <v>11</v>
      </c>
      <c r="F53" s="17">
        <v>142</v>
      </c>
      <c r="G53" s="17">
        <v>543</v>
      </c>
      <c r="H53" s="17">
        <v>29912</v>
      </c>
      <c r="I53" s="17">
        <v>410</v>
      </c>
      <c r="J53" s="18">
        <v>6</v>
      </c>
      <c r="K53" s="17">
        <v>50</v>
      </c>
      <c r="L53" s="17">
        <v>353</v>
      </c>
      <c r="M53" s="17">
        <v>19383</v>
      </c>
      <c r="N53" s="17">
        <v>287</v>
      </c>
      <c r="O53" s="18">
        <v>5</v>
      </c>
      <c r="P53" s="17">
        <v>92</v>
      </c>
      <c r="Q53" s="17">
        <v>190</v>
      </c>
      <c r="R53" s="17">
        <v>10529</v>
      </c>
    </row>
    <row r="54" spans="1:18">
      <c r="A54" s="21" t="s">
        <v>1357</v>
      </c>
      <c r="B54" s="10" t="s">
        <v>25</v>
      </c>
      <c r="C54" s="11" t="s">
        <v>25</v>
      </c>
      <c r="D54" s="17">
        <v>181</v>
      </c>
      <c r="E54" s="18">
        <v>2</v>
      </c>
      <c r="F54" s="17">
        <v>37</v>
      </c>
      <c r="G54" s="17">
        <v>142</v>
      </c>
      <c r="H54" s="17">
        <v>7614</v>
      </c>
      <c r="I54" s="17">
        <v>115</v>
      </c>
      <c r="J54" s="18">
        <v>1</v>
      </c>
      <c r="K54" s="17">
        <v>12</v>
      </c>
      <c r="L54" s="17">
        <v>102</v>
      </c>
      <c r="M54" s="17">
        <v>5405</v>
      </c>
      <c r="N54" s="17">
        <v>66</v>
      </c>
      <c r="O54" s="18">
        <v>1</v>
      </c>
      <c r="P54" s="17">
        <v>25</v>
      </c>
      <c r="Q54" s="17">
        <v>40</v>
      </c>
      <c r="R54" s="17">
        <v>2209</v>
      </c>
    </row>
    <row r="55" spans="1:18">
      <c r="A55" s="21" t="s">
        <v>1358</v>
      </c>
      <c r="B55" s="10" t="s">
        <v>25</v>
      </c>
      <c r="C55" s="11" t="s">
        <v>25</v>
      </c>
      <c r="D55" s="17">
        <v>754</v>
      </c>
      <c r="E55" s="17">
        <v>11</v>
      </c>
      <c r="F55" s="17">
        <v>203</v>
      </c>
      <c r="G55" s="17">
        <v>539</v>
      </c>
      <c r="H55" s="17">
        <v>30412</v>
      </c>
      <c r="I55" s="17">
        <v>437</v>
      </c>
      <c r="J55" s="17">
        <v>4</v>
      </c>
      <c r="K55" s="17">
        <v>55</v>
      </c>
      <c r="L55" s="17">
        <v>377</v>
      </c>
      <c r="M55" s="17">
        <v>20009</v>
      </c>
      <c r="N55" s="17">
        <v>317</v>
      </c>
      <c r="O55" s="17">
        <v>7</v>
      </c>
      <c r="P55" s="17">
        <v>148</v>
      </c>
      <c r="Q55" s="17">
        <v>162</v>
      </c>
      <c r="R55" s="17">
        <v>10403</v>
      </c>
    </row>
    <row r="56" spans="1:18">
      <c r="A56" s="21" t="s">
        <v>1359</v>
      </c>
      <c r="B56" s="10" t="s">
        <v>25</v>
      </c>
      <c r="C56" s="11" t="s">
        <v>25</v>
      </c>
      <c r="D56" s="17">
        <v>667</v>
      </c>
      <c r="E56" s="17">
        <v>10</v>
      </c>
      <c r="F56" s="17">
        <v>141</v>
      </c>
      <c r="G56" s="17">
        <v>512</v>
      </c>
      <c r="H56" s="17">
        <v>27714</v>
      </c>
      <c r="I56" s="17">
        <v>392</v>
      </c>
      <c r="J56" s="17">
        <v>6</v>
      </c>
      <c r="K56" s="17">
        <v>28</v>
      </c>
      <c r="L56" s="17">
        <v>355</v>
      </c>
      <c r="M56" s="17">
        <v>18286</v>
      </c>
      <c r="N56" s="17">
        <v>275</v>
      </c>
      <c r="O56" s="17">
        <v>4</v>
      </c>
      <c r="P56" s="17">
        <v>113</v>
      </c>
      <c r="Q56" s="17">
        <v>157</v>
      </c>
      <c r="R56" s="17">
        <v>9428</v>
      </c>
    </row>
    <row r="57" spans="1:18">
      <c r="A57" s="21" t="s">
        <v>1360</v>
      </c>
      <c r="B57" s="10" t="s">
        <v>25</v>
      </c>
      <c r="C57" s="11" t="s">
        <v>25</v>
      </c>
      <c r="D57" s="17">
        <v>2196</v>
      </c>
      <c r="E57" s="17">
        <v>40</v>
      </c>
      <c r="F57" s="17">
        <v>504</v>
      </c>
      <c r="G57" s="17">
        <v>1648</v>
      </c>
      <c r="H57" s="17">
        <v>90068</v>
      </c>
      <c r="I57" s="17">
        <v>1285</v>
      </c>
      <c r="J57" s="18">
        <v>19</v>
      </c>
      <c r="K57" s="17">
        <v>155</v>
      </c>
      <c r="L57" s="17">
        <v>1109</v>
      </c>
      <c r="M57" s="17">
        <v>59162</v>
      </c>
      <c r="N57" s="17">
        <v>911</v>
      </c>
      <c r="O57" s="17">
        <v>21</v>
      </c>
      <c r="P57" s="17">
        <v>349</v>
      </c>
      <c r="Q57" s="17">
        <v>539</v>
      </c>
      <c r="R57" s="17">
        <v>30906</v>
      </c>
    </row>
    <row r="58" spans="1:18">
      <c r="A58" s="21" t="s">
        <v>1361</v>
      </c>
      <c r="B58" s="10" t="s">
        <v>25</v>
      </c>
      <c r="C58" s="11" t="s">
        <v>25</v>
      </c>
      <c r="D58" s="17">
        <v>1210</v>
      </c>
      <c r="E58" s="17">
        <v>18</v>
      </c>
      <c r="F58" s="17">
        <v>288</v>
      </c>
      <c r="G58" s="17">
        <v>903</v>
      </c>
      <c r="H58" s="17">
        <v>49234</v>
      </c>
      <c r="I58" s="17">
        <v>679</v>
      </c>
      <c r="J58" s="17">
        <v>7</v>
      </c>
      <c r="K58" s="17">
        <v>79</v>
      </c>
      <c r="L58" s="17">
        <v>593</v>
      </c>
      <c r="M58" s="17">
        <v>31583</v>
      </c>
      <c r="N58" s="17">
        <v>531</v>
      </c>
      <c r="O58" s="17">
        <v>11</v>
      </c>
      <c r="P58" s="17">
        <v>209</v>
      </c>
      <c r="Q58" s="17">
        <v>310</v>
      </c>
      <c r="R58" s="17">
        <v>17651</v>
      </c>
    </row>
    <row r="59" spans="1:18">
      <c r="A59" s="21" t="s">
        <v>1362</v>
      </c>
      <c r="B59" s="10" t="s">
        <v>25</v>
      </c>
      <c r="C59" s="11" t="s">
        <v>25</v>
      </c>
      <c r="D59" s="17">
        <v>526</v>
      </c>
      <c r="E59" s="17">
        <v>11</v>
      </c>
      <c r="F59" s="17">
        <v>106</v>
      </c>
      <c r="G59" s="17">
        <v>408</v>
      </c>
      <c r="H59" s="17">
        <v>22058</v>
      </c>
      <c r="I59" s="17">
        <v>317</v>
      </c>
      <c r="J59" s="17">
        <v>4</v>
      </c>
      <c r="K59" s="17">
        <v>32</v>
      </c>
      <c r="L59" s="17">
        <v>280</v>
      </c>
      <c r="M59" s="17">
        <v>14620</v>
      </c>
      <c r="N59" s="17">
        <v>209</v>
      </c>
      <c r="O59" s="17">
        <v>7</v>
      </c>
      <c r="P59" s="17">
        <v>74</v>
      </c>
      <c r="Q59" s="17">
        <v>128</v>
      </c>
      <c r="R59" s="17">
        <v>7438</v>
      </c>
    </row>
    <row r="60" spans="1:18">
      <c r="A60" s="21" t="s">
        <v>1363</v>
      </c>
      <c r="B60" s="10" t="s">
        <v>25</v>
      </c>
      <c r="C60" s="11" t="s">
        <v>25</v>
      </c>
      <c r="D60" s="17">
        <v>460</v>
      </c>
      <c r="E60" s="17">
        <v>11</v>
      </c>
      <c r="F60" s="17">
        <v>110</v>
      </c>
      <c r="G60" s="17">
        <v>337</v>
      </c>
      <c r="H60" s="17">
        <v>18776</v>
      </c>
      <c r="I60" s="17">
        <v>289</v>
      </c>
      <c r="J60" s="17">
        <v>8</v>
      </c>
      <c r="K60" s="17">
        <v>44</v>
      </c>
      <c r="L60" s="17">
        <v>236</v>
      </c>
      <c r="M60" s="17">
        <v>12959</v>
      </c>
      <c r="N60" s="17">
        <v>171</v>
      </c>
      <c r="O60" s="17">
        <v>3</v>
      </c>
      <c r="P60" s="17">
        <v>66</v>
      </c>
      <c r="Q60" s="17">
        <v>101</v>
      </c>
      <c r="R60" s="17">
        <v>5817</v>
      </c>
    </row>
    <row r="61" spans="1:18">
      <c r="A61" s="21" t="s">
        <v>1364</v>
      </c>
      <c r="B61" s="10" t="s">
        <v>25</v>
      </c>
      <c r="C61" s="11" t="s">
        <v>25</v>
      </c>
      <c r="D61" s="17">
        <v>2791</v>
      </c>
      <c r="E61" s="17">
        <v>52</v>
      </c>
      <c r="F61" s="17">
        <v>634</v>
      </c>
      <c r="G61" s="17">
        <v>2102</v>
      </c>
      <c r="H61" s="17">
        <v>115963</v>
      </c>
      <c r="I61" s="17">
        <v>1596</v>
      </c>
      <c r="J61" s="17">
        <v>36</v>
      </c>
      <c r="K61" s="17">
        <v>174</v>
      </c>
      <c r="L61" s="17">
        <v>1386</v>
      </c>
      <c r="M61" s="17">
        <v>74181</v>
      </c>
      <c r="N61" s="17">
        <v>1195</v>
      </c>
      <c r="O61" s="17">
        <v>16</v>
      </c>
      <c r="P61" s="17">
        <v>460</v>
      </c>
      <c r="Q61" s="17">
        <v>716</v>
      </c>
      <c r="R61" s="17">
        <v>41782</v>
      </c>
    </row>
    <row r="62" spans="1:18">
      <c r="A62" s="21" t="s">
        <v>1365</v>
      </c>
      <c r="B62" s="10" t="s">
        <v>25</v>
      </c>
      <c r="C62" s="11" t="s">
        <v>25</v>
      </c>
      <c r="D62" s="17">
        <v>1081</v>
      </c>
      <c r="E62" s="17">
        <v>19</v>
      </c>
      <c r="F62" s="17">
        <v>234</v>
      </c>
      <c r="G62" s="17">
        <v>826</v>
      </c>
      <c r="H62" s="17">
        <v>45461</v>
      </c>
      <c r="I62" s="17">
        <v>595</v>
      </c>
      <c r="J62" s="17">
        <v>12</v>
      </c>
      <c r="K62" s="17">
        <v>53</v>
      </c>
      <c r="L62" s="17">
        <v>530</v>
      </c>
      <c r="M62" s="17">
        <v>28508</v>
      </c>
      <c r="N62" s="17">
        <v>486</v>
      </c>
      <c r="O62" s="17">
        <v>7</v>
      </c>
      <c r="P62" s="17">
        <v>181</v>
      </c>
      <c r="Q62" s="17">
        <v>296</v>
      </c>
      <c r="R62" s="17">
        <v>16953</v>
      </c>
    </row>
    <row r="63" spans="1:18">
      <c r="A63" s="21" t="s">
        <v>1366</v>
      </c>
      <c r="B63" s="10" t="s">
        <v>25</v>
      </c>
      <c r="C63" s="11" t="s">
        <v>25</v>
      </c>
      <c r="D63" s="17">
        <v>885</v>
      </c>
      <c r="E63" s="17">
        <v>16</v>
      </c>
      <c r="F63" s="17">
        <v>218</v>
      </c>
      <c r="G63" s="17">
        <v>651</v>
      </c>
      <c r="H63" s="17">
        <v>36331</v>
      </c>
      <c r="I63" s="17">
        <v>511</v>
      </c>
      <c r="J63" s="17">
        <v>14</v>
      </c>
      <c r="K63" s="17">
        <v>68</v>
      </c>
      <c r="L63" s="17">
        <v>429</v>
      </c>
      <c r="M63" s="17">
        <v>23072</v>
      </c>
      <c r="N63" s="17">
        <v>374</v>
      </c>
      <c r="O63" s="17">
        <v>2</v>
      </c>
      <c r="P63" s="17">
        <v>150</v>
      </c>
      <c r="Q63" s="17">
        <v>222</v>
      </c>
      <c r="R63" s="17">
        <v>13259</v>
      </c>
    </row>
    <row r="64" spans="1:18">
      <c r="A64" s="21" t="s">
        <v>1367</v>
      </c>
      <c r="B64" s="10" t="s">
        <v>25</v>
      </c>
      <c r="C64" s="11" t="s">
        <v>25</v>
      </c>
      <c r="D64" s="17">
        <v>825</v>
      </c>
      <c r="E64" s="17">
        <v>17</v>
      </c>
      <c r="F64" s="17">
        <v>182</v>
      </c>
      <c r="G64" s="17">
        <v>625</v>
      </c>
      <c r="H64" s="17">
        <v>34171</v>
      </c>
      <c r="I64" s="17">
        <v>490</v>
      </c>
      <c r="J64" s="17">
        <v>10</v>
      </c>
      <c r="K64" s="17">
        <v>53</v>
      </c>
      <c r="L64" s="17">
        <v>427</v>
      </c>
      <c r="M64" s="17">
        <v>22601</v>
      </c>
      <c r="N64" s="17">
        <v>335</v>
      </c>
      <c r="O64" s="18">
        <v>7</v>
      </c>
      <c r="P64" s="17">
        <v>129</v>
      </c>
      <c r="Q64" s="17">
        <v>198</v>
      </c>
      <c r="R64" s="17">
        <v>11570</v>
      </c>
    </row>
    <row r="65" spans="1:18">
      <c r="A65" s="22"/>
      <c r="B65" s="28"/>
      <c r="C65" s="28"/>
      <c r="D65" s="19"/>
      <c r="E65" s="19"/>
      <c r="F65" s="19"/>
      <c r="G65" s="19"/>
      <c r="H65" s="19"/>
      <c r="I65" s="19"/>
      <c r="J65" s="19"/>
      <c r="K65" s="19"/>
      <c r="L65" s="19"/>
      <c r="M65" s="19"/>
      <c r="N65" s="19"/>
      <c r="O65" s="19"/>
      <c r="P65" s="19"/>
      <c r="Q65" s="19"/>
      <c r="R65" s="19"/>
    </row>
    <row r="66" spans="1:18">
      <c r="A66" s="22"/>
      <c r="B66" s="28"/>
      <c r="C66" s="28"/>
      <c r="D66" s="19"/>
      <c r="E66" s="19"/>
      <c r="F66" s="19"/>
      <c r="G66" s="19"/>
      <c r="H66" s="19"/>
      <c r="I66" s="19"/>
      <c r="J66" s="19"/>
      <c r="K66" s="19"/>
      <c r="L66" s="19"/>
      <c r="M66" s="19"/>
      <c r="N66" s="19"/>
      <c r="O66" s="19"/>
      <c r="P66" s="19"/>
      <c r="Q66" s="19"/>
      <c r="R66" s="19"/>
    </row>
    <row r="67" spans="1:18">
      <c r="B67" s="28"/>
      <c r="C67" s="28"/>
    </row>
    <row r="68" spans="1:18">
      <c r="B68" s="28"/>
      <c r="C68" s="28"/>
    </row>
    <row r="69" spans="1:18">
      <c r="B69" s="28"/>
      <c r="C69" s="28"/>
    </row>
    <row r="70" spans="1:18">
      <c r="B70" s="28"/>
      <c r="C70" s="28"/>
    </row>
    <row r="71" spans="1:18">
      <c r="B71" s="28"/>
      <c r="C71" s="28"/>
    </row>
    <row r="72" spans="1:18">
      <c r="B72" s="28"/>
      <c r="C72" s="28"/>
    </row>
    <row r="73" spans="1:18">
      <c r="B73" s="28"/>
      <c r="C73" s="28"/>
    </row>
    <row r="74" spans="1:18">
      <c r="B74" s="28"/>
      <c r="C74" s="28"/>
    </row>
    <row r="75" spans="1:18">
      <c r="B75" s="28"/>
      <c r="C75" s="28"/>
    </row>
    <row r="76" spans="1:18">
      <c r="B76" s="28"/>
      <c r="C76" s="28"/>
    </row>
    <row r="77" spans="1:18">
      <c r="B77" s="28"/>
      <c r="C77" s="28"/>
    </row>
    <row r="78" spans="1:18">
      <c r="B78" s="28"/>
      <c r="C78" s="28"/>
    </row>
    <row r="79" spans="1:18">
      <c r="B79" s="28"/>
      <c r="C79" s="28"/>
    </row>
    <row r="80" spans="1:18">
      <c r="B80" s="28"/>
      <c r="C80" s="28"/>
    </row>
    <row r="81" spans="2:3">
      <c r="B81" s="28"/>
      <c r="C81" s="28"/>
    </row>
  </sheetData>
  <mergeCells count="7">
    <mergeCell ref="A1:D1"/>
    <mergeCell ref="A3:R3"/>
    <mergeCell ref="A6:A7"/>
    <mergeCell ref="B6:C7"/>
    <mergeCell ref="D6:H6"/>
    <mergeCell ref="I6:M6"/>
    <mergeCell ref="N6:R6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65" fitToHeight="0" pageOrder="overThenDown" orientation="landscape" horizontalDpi="300" verticalDpi="300" r:id="rId1"/>
  <headerFooter alignWithMargins="0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R135"/>
  <sheetViews>
    <sheetView zoomScaleNormal="100" workbookViewId="0">
      <selection sqref="A1:XFD2"/>
    </sheetView>
  </sheetViews>
  <sheetFormatPr defaultRowHeight="13.5"/>
  <cols>
    <col min="1" max="1" width="25.83203125" style="12" customWidth="1"/>
    <col min="2" max="3" width="4.83203125" style="12" customWidth="1"/>
    <col min="4" max="4" width="22.1640625" style="9" customWidth="1"/>
    <col min="5" max="5" width="13.6640625" style="9" bestFit="1" customWidth="1"/>
    <col min="6" max="7" width="19.5" style="9" bestFit="1" customWidth="1"/>
    <col min="8" max="8" width="30.33203125" style="9" bestFit="1" customWidth="1"/>
    <col min="9" max="9" width="22.1640625" style="9" customWidth="1"/>
    <col min="10" max="10" width="13.6640625" style="9" bestFit="1" customWidth="1"/>
    <col min="11" max="12" width="19.5" style="9" bestFit="1" customWidth="1"/>
    <col min="13" max="13" width="30.33203125" style="9" bestFit="1" customWidth="1"/>
    <col min="14" max="14" width="22.6640625" style="9" customWidth="1"/>
    <col min="15" max="15" width="13.6640625" style="9" bestFit="1" customWidth="1"/>
    <col min="16" max="17" width="19.5" style="9" bestFit="1" customWidth="1"/>
    <col min="18" max="18" width="30.33203125" style="9" bestFit="1" customWidth="1"/>
    <col min="19" max="16384" width="9.33203125" style="9"/>
  </cols>
  <sheetData>
    <row r="1" spans="1:18" s="1" customFormat="1" ht="16.5" customHeight="1">
      <c r="A1" s="37" t="s">
        <v>0</v>
      </c>
      <c r="B1" s="37"/>
      <c r="C1" s="37"/>
      <c r="D1" s="37"/>
      <c r="E1" s="31"/>
      <c r="F1" s="31"/>
      <c r="G1" s="31"/>
      <c r="H1" s="31"/>
      <c r="I1" s="32"/>
      <c r="J1" s="32"/>
      <c r="K1" s="32"/>
      <c r="L1" s="32"/>
      <c r="M1" s="32"/>
      <c r="N1" s="32"/>
      <c r="O1" s="32"/>
      <c r="P1" s="31"/>
      <c r="Q1" s="31"/>
      <c r="R1" s="31"/>
    </row>
    <row r="2" spans="1:18" s="1" customFormat="1" ht="16.5" customHeight="1">
      <c r="D2" s="31"/>
      <c r="E2" s="31"/>
      <c r="F2" s="31"/>
      <c r="G2" s="31"/>
      <c r="H2" s="31"/>
      <c r="I2" s="32"/>
      <c r="J2" s="32"/>
      <c r="K2" s="32"/>
      <c r="L2" s="32"/>
      <c r="M2" s="32"/>
      <c r="N2" s="32"/>
      <c r="O2" s="32"/>
      <c r="P2" s="31"/>
      <c r="Q2" s="31"/>
      <c r="R2" s="31"/>
    </row>
    <row r="3" spans="1:18">
      <c r="A3" s="38" t="s">
        <v>2462</v>
      </c>
      <c r="B3" s="38"/>
      <c r="C3" s="38"/>
      <c r="D3" s="38"/>
      <c r="E3" s="38"/>
      <c r="F3" s="38"/>
      <c r="G3" s="38"/>
      <c r="H3" s="38"/>
      <c r="I3" s="38"/>
      <c r="J3" s="38"/>
      <c r="K3" s="38"/>
      <c r="L3" s="38"/>
      <c r="M3" s="38"/>
      <c r="N3" s="38"/>
      <c r="O3" s="38"/>
      <c r="P3" s="38"/>
      <c r="Q3" s="38"/>
      <c r="R3" s="38"/>
    </row>
    <row r="4" spans="1:18">
      <c r="A4" s="9"/>
      <c r="B4" s="9"/>
      <c r="C4" s="9"/>
    </row>
    <row r="6" spans="1:18" ht="13.5" customHeight="1">
      <c r="A6" s="48" t="s">
        <v>26</v>
      </c>
      <c r="B6" s="41" t="s">
        <v>27</v>
      </c>
      <c r="C6" s="42"/>
      <c r="D6" s="45" t="s">
        <v>2463</v>
      </c>
      <c r="E6" s="46"/>
      <c r="F6" s="46"/>
      <c r="G6" s="46"/>
      <c r="H6" s="47"/>
      <c r="I6" s="45" t="s">
        <v>2464</v>
      </c>
      <c r="J6" s="46"/>
      <c r="K6" s="46"/>
      <c r="L6" s="46"/>
      <c r="M6" s="47"/>
      <c r="N6" s="45" t="s">
        <v>2465</v>
      </c>
      <c r="O6" s="46"/>
      <c r="P6" s="46"/>
      <c r="Q6" s="46"/>
      <c r="R6" s="47"/>
    </row>
    <row r="7" spans="1:18" s="23" customFormat="1">
      <c r="A7" s="49"/>
      <c r="B7" s="43"/>
      <c r="C7" s="44"/>
      <c r="D7" s="29" t="s">
        <v>2466</v>
      </c>
      <c r="E7" s="29" t="s">
        <v>2467</v>
      </c>
      <c r="F7" s="29" t="s">
        <v>2468</v>
      </c>
      <c r="G7" s="29" t="s">
        <v>2469</v>
      </c>
      <c r="H7" s="29" t="s">
        <v>2470</v>
      </c>
      <c r="I7" s="29" t="s">
        <v>2471</v>
      </c>
      <c r="J7" s="29" t="s">
        <v>2467</v>
      </c>
      <c r="K7" s="29" t="s">
        <v>2468</v>
      </c>
      <c r="L7" s="29" t="s">
        <v>2469</v>
      </c>
      <c r="M7" s="29" t="s">
        <v>2470</v>
      </c>
      <c r="N7" s="29" t="s">
        <v>2471</v>
      </c>
      <c r="O7" s="29" t="s">
        <v>2467</v>
      </c>
      <c r="P7" s="29" t="s">
        <v>2468</v>
      </c>
      <c r="Q7" s="29" t="s">
        <v>2469</v>
      </c>
      <c r="R7" s="29" t="s">
        <v>2470</v>
      </c>
    </row>
    <row r="8" spans="1:18" s="15" customFormat="1">
      <c r="A8" s="20" t="s">
        <v>1368</v>
      </c>
      <c r="B8" s="13" t="s">
        <v>25</v>
      </c>
      <c r="C8" s="14" t="s">
        <v>25</v>
      </c>
      <c r="D8" s="16">
        <v>59586</v>
      </c>
      <c r="E8" s="16">
        <v>933</v>
      </c>
      <c r="F8" s="16">
        <v>15432</v>
      </c>
      <c r="G8" s="16">
        <v>43151</v>
      </c>
      <c r="H8" s="16">
        <v>2418298</v>
      </c>
      <c r="I8" s="16">
        <v>33614</v>
      </c>
      <c r="J8" s="16">
        <v>574</v>
      </c>
      <c r="K8" s="16">
        <v>4777</v>
      </c>
      <c r="L8" s="16">
        <v>28217</v>
      </c>
      <c r="M8" s="16">
        <v>1520270</v>
      </c>
      <c r="N8" s="16">
        <v>25972</v>
      </c>
      <c r="O8" s="16">
        <v>359</v>
      </c>
      <c r="P8" s="16">
        <v>10655</v>
      </c>
      <c r="Q8" s="16">
        <v>14934</v>
      </c>
      <c r="R8" s="16">
        <v>898028</v>
      </c>
    </row>
    <row r="9" spans="1:18">
      <c r="A9" s="30" t="s">
        <v>1369</v>
      </c>
      <c r="B9" s="10" t="s">
        <v>25</v>
      </c>
      <c r="C9" s="11" t="s">
        <v>25</v>
      </c>
      <c r="D9" s="17">
        <v>2698</v>
      </c>
      <c r="E9" s="17">
        <v>25</v>
      </c>
      <c r="F9" s="17">
        <v>699</v>
      </c>
      <c r="G9" s="17">
        <v>1973</v>
      </c>
      <c r="H9" s="17">
        <v>111404</v>
      </c>
      <c r="I9" s="17">
        <v>1476</v>
      </c>
      <c r="J9" s="17">
        <v>15</v>
      </c>
      <c r="K9" s="17">
        <v>230</v>
      </c>
      <c r="L9" s="17">
        <v>1231</v>
      </c>
      <c r="M9" s="17">
        <v>66974</v>
      </c>
      <c r="N9" s="17">
        <v>1222</v>
      </c>
      <c r="O9" s="17">
        <v>10</v>
      </c>
      <c r="P9" s="17">
        <v>469</v>
      </c>
      <c r="Q9" s="17">
        <v>742</v>
      </c>
      <c r="R9" s="17">
        <v>44430</v>
      </c>
    </row>
    <row r="10" spans="1:18">
      <c r="A10" s="21" t="s">
        <v>1370</v>
      </c>
      <c r="B10" s="10" t="s">
        <v>25</v>
      </c>
      <c r="C10" s="11" t="s">
        <v>25</v>
      </c>
      <c r="D10" s="17">
        <v>449</v>
      </c>
      <c r="E10" s="17">
        <v>1</v>
      </c>
      <c r="F10" s="17">
        <v>108</v>
      </c>
      <c r="G10" s="17">
        <v>340</v>
      </c>
      <c r="H10" s="17">
        <v>18848</v>
      </c>
      <c r="I10" s="17">
        <v>266</v>
      </c>
      <c r="J10" s="17">
        <v>1</v>
      </c>
      <c r="K10" s="17">
        <v>40</v>
      </c>
      <c r="L10" s="17">
        <v>225</v>
      </c>
      <c r="M10" s="17">
        <v>12016</v>
      </c>
      <c r="N10" s="17">
        <v>183</v>
      </c>
      <c r="O10" s="17" t="s">
        <v>35</v>
      </c>
      <c r="P10" s="17">
        <v>68</v>
      </c>
      <c r="Q10" s="17">
        <v>115</v>
      </c>
      <c r="R10" s="17">
        <v>6832</v>
      </c>
    </row>
    <row r="11" spans="1:18">
      <c r="A11" s="21" t="s">
        <v>1371</v>
      </c>
      <c r="B11" s="10" t="s">
        <v>25</v>
      </c>
      <c r="C11" s="11" t="s">
        <v>25</v>
      </c>
      <c r="D11" s="17">
        <v>637</v>
      </c>
      <c r="E11" s="17">
        <v>8</v>
      </c>
      <c r="F11" s="17">
        <v>151</v>
      </c>
      <c r="G11" s="17">
        <v>477</v>
      </c>
      <c r="H11" s="17">
        <v>27627</v>
      </c>
      <c r="I11" s="17">
        <v>346</v>
      </c>
      <c r="J11" s="17">
        <v>5</v>
      </c>
      <c r="K11" s="17">
        <v>57</v>
      </c>
      <c r="L11" s="17">
        <v>284</v>
      </c>
      <c r="M11" s="17">
        <v>16004</v>
      </c>
      <c r="N11" s="17">
        <v>291</v>
      </c>
      <c r="O11" s="17">
        <v>3</v>
      </c>
      <c r="P11" s="17">
        <v>94</v>
      </c>
      <c r="Q11" s="17">
        <v>193</v>
      </c>
      <c r="R11" s="17">
        <v>11623</v>
      </c>
    </row>
    <row r="12" spans="1:18">
      <c r="A12" s="21" t="s">
        <v>1372</v>
      </c>
      <c r="B12" s="10" t="s">
        <v>25</v>
      </c>
      <c r="C12" s="11" t="s">
        <v>25</v>
      </c>
      <c r="D12" s="17">
        <v>546</v>
      </c>
      <c r="E12" s="17">
        <v>6</v>
      </c>
      <c r="F12" s="17">
        <v>147</v>
      </c>
      <c r="G12" s="17">
        <v>393</v>
      </c>
      <c r="H12" s="17">
        <v>22020</v>
      </c>
      <c r="I12" s="17">
        <v>282</v>
      </c>
      <c r="J12" s="17">
        <v>4</v>
      </c>
      <c r="K12" s="17">
        <v>40</v>
      </c>
      <c r="L12" s="17">
        <v>238</v>
      </c>
      <c r="M12" s="17">
        <v>12905</v>
      </c>
      <c r="N12" s="17">
        <v>264</v>
      </c>
      <c r="O12" s="17">
        <v>2</v>
      </c>
      <c r="P12" s="17">
        <v>107</v>
      </c>
      <c r="Q12" s="17">
        <v>155</v>
      </c>
      <c r="R12" s="17">
        <v>9115</v>
      </c>
    </row>
    <row r="13" spans="1:18">
      <c r="A13" s="21" t="s">
        <v>1373</v>
      </c>
      <c r="B13" s="10" t="s">
        <v>25</v>
      </c>
      <c r="C13" s="11" t="s">
        <v>25</v>
      </c>
      <c r="D13" s="17">
        <v>461</v>
      </c>
      <c r="E13" s="17">
        <v>4</v>
      </c>
      <c r="F13" s="17">
        <v>119</v>
      </c>
      <c r="G13" s="17">
        <v>338</v>
      </c>
      <c r="H13" s="17">
        <v>19197</v>
      </c>
      <c r="I13" s="17">
        <v>255</v>
      </c>
      <c r="J13" s="17">
        <v>3</v>
      </c>
      <c r="K13" s="17">
        <v>42</v>
      </c>
      <c r="L13" s="17">
        <v>210</v>
      </c>
      <c r="M13" s="17">
        <v>11633</v>
      </c>
      <c r="N13" s="17">
        <v>206</v>
      </c>
      <c r="O13" s="17">
        <v>1</v>
      </c>
      <c r="P13" s="17">
        <v>77</v>
      </c>
      <c r="Q13" s="17">
        <v>128</v>
      </c>
      <c r="R13" s="17">
        <v>7564</v>
      </c>
    </row>
    <row r="14" spans="1:18">
      <c r="A14" s="21" t="s">
        <v>1374</v>
      </c>
      <c r="B14" s="10" t="s">
        <v>25</v>
      </c>
      <c r="C14" s="11" t="s">
        <v>25</v>
      </c>
      <c r="D14" s="17">
        <v>605</v>
      </c>
      <c r="E14" s="17">
        <v>6</v>
      </c>
      <c r="F14" s="17">
        <v>174</v>
      </c>
      <c r="G14" s="17">
        <v>425</v>
      </c>
      <c r="H14" s="17">
        <v>23712</v>
      </c>
      <c r="I14" s="17">
        <v>327</v>
      </c>
      <c r="J14" s="17">
        <v>2</v>
      </c>
      <c r="K14" s="17">
        <v>51</v>
      </c>
      <c r="L14" s="17">
        <v>274</v>
      </c>
      <c r="M14" s="17">
        <v>14416</v>
      </c>
      <c r="N14" s="17">
        <v>278</v>
      </c>
      <c r="O14" s="18">
        <v>4</v>
      </c>
      <c r="P14" s="17">
        <v>123</v>
      </c>
      <c r="Q14" s="18">
        <v>151</v>
      </c>
      <c r="R14" s="17">
        <v>9296</v>
      </c>
    </row>
    <row r="15" spans="1:18">
      <c r="A15" s="21" t="s">
        <v>1375</v>
      </c>
      <c r="B15" s="10" t="s">
        <v>25</v>
      </c>
      <c r="C15" s="11" t="s">
        <v>25</v>
      </c>
      <c r="D15" s="17">
        <v>4193</v>
      </c>
      <c r="E15" s="17">
        <v>75</v>
      </c>
      <c r="F15" s="18">
        <v>1171</v>
      </c>
      <c r="G15" s="17">
        <v>2942</v>
      </c>
      <c r="H15" s="17">
        <v>168604</v>
      </c>
      <c r="I15" s="17">
        <v>2308</v>
      </c>
      <c r="J15" s="17">
        <v>39</v>
      </c>
      <c r="K15" s="18">
        <v>384</v>
      </c>
      <c r="L15" s="17">
        <v>1881</v>
      </c>
      <c r="M15" s="17">
        <v>103799</v>
      </c>
      <c r="N15" s="17">
        <v>1885</v>
      </c>
      <c r="O15" s="18">
        <v>36</v>
      </c>
      <c r="P15" s="18">
        <v>787</v>
      </c>
      <c r="Q15" s="17">
        <v>1061</v>
      </c>
      <c r="R15" s="17">
        <v>64805</v>
      </c>
    </row>
    <row r="16" spans="1:18">
      <c r="A16" s="21" t="s">
        <v>1376</v>
      </c>
      <c r="B16" s="10" t="s">
        <v>25</v>
      </c>
      <c r="C16" s="11" t="s">
        <v>25</v>
      </c>
      <c r="D16" s="17">
        <v>599</v>
      </c>
      <c r="E16" s="17">
        <v>7</v>
      </c>
      <c r="F16" s="18">
        <v>153</v>
      </c>
      <c r="G16" s="18">
        <v>438</v>
      </c>
      <c r="H16" s="18">
        <v>24661</v>
      </c>
      <c r="I16" s="18">
        <v>331</v>
      </c>
      <c r="J16" s="18">
        <v>3</v>
      </c>
      <c r="K16" s="18">
        <v>50</v>
      </c>
      <c r="L16" s="18">
        <v>277</v>
      </c>
      <c r="M16" s="18">
        <v>15384</v>
      </c>
      <c r="N16" s="17">
        <v>268</v>
      </c>
      <c r="O16" s="17">
        <v>4</v>
      </c>
      <c r="P16" s="18">
        <v>103</v>
      </c>
      <c r="Q16" s="18">
        <v>161</v>
      </c>
      <c r="R16" s="18">
        <v>9277</v>
      </c>
    </row>
    <row r="17" spans="1:18">
      <c r="A17" s="21" t="s">
        <v>1377</v>
      </c>
      <c r="B17" s="10" t="s">
        <v>25</v>
      </c>
      <c r="C17" s="11" t="s">
        <v>25</v>
      </c>
      <c r="D17" s="17">
        <v>1323</v>
      </c>
      <c r="E17" s="17">
        <v>25</v>
      </c>
      <c r="F17" s="17">
        <v>348</v>
      </c>
      <c r="G17" s="17">
        <v>949</v>
      </c>
      <c r="H17" s="17">
        <v>53438</v>
      </c>
      <c r="I17" s="17">
        <v>718</v>
      </c>
      <c r="J17" s="17">
        <v>16</v>
      </c>
      <c r="K17" s="17">
        <v>112</v>
      </c>
      <c r="L17" s="17">
        <v>589</v>
      </c>
      <c r="M17" s="17">
        <v>32195</v>
      </c>
      <c r="N17" s="17">
        <v>605</v>
      </c>
      <c r="O17" s="17">
        <v>9</v>
      </c>
      <c r="P17" s="17">
        <v>236</v>
      </c>
      <c r="Q17" s="17">
        <v>360</v>
      </c>
      <c r="R17" s="17">
        <v>21243</v>
      </c>
    </row>
    <row r="18" spans="1:18">
      <c r="A18" s="21" t="s">
        <v>1378</v>
      </c>
      <c r="B18" s="10" t="s">
        <v>25</v>
      </c>
      <c r="C18" s="11" t="s">
        <v>25</v>
      </c>
      <c r="D18" s="18">
        <v>853</v>
      </c>
      <c r="E18" s="18">
        <v>12</v>
      </c>
      <c r="F18" s="18">
        <v>262</v>
      </c>
      <c r="G18" s="18">
        <v>578</v>
      </c>
      <c r="H18" s="18">
        <v>33412</v>
      </c>
      <c r="I18" s="18">
        <v>468</v>
      </c>
      <c r="J18" s="18">
        <v>6</v>
      </c>
      <c r="K18" s="18">
        <v>81</v>
      </c>
      <c r="L18" s="18">
        <v>381</v>
      </c>
      <c r="M18" s="18">
        <v>20924</v>
      </c>
      <c r="N18" s="18">
        <v>385</v>
      </c>
      <c r="O18" s="18">
        <v>6</v>
      </c>
      <c r="P18" s="18">
        <v>181</v>
      </c>
      <c r="Q18" s="18">
        <v>197</v>
      </c>
      <c r="R18" s="18">
        <v>12488</v>
      </c>
    </row>
    <row r="19" spans="1:18">
      <c r="A19" s="21" t="s">
        <v>1379</v>
      </c>
      <c r="B19" s="10" t="s">
        <v>25</v>
      </c>
      <c r="C19" s="11" t="s">
        <v>25</v>
      </c>
      <c r="D19" s="17">
        <v>910</v>
      </c>
      <c r="E19" s="17">
        <v>20</v>
      </c>
      <c r="F19" s="17">
        <v>266</v>
      </c>
      <c r="G19" s="17">
        <v>622</v>
      </c>
      <c r="H19" s="17">
        <v>36458</v>
      </c>
      <c r="I19" s="17">
        <v>495</v>
      </c>
      <c r="J19" s="17">
        <v>9</v>
      </c>
      <c r="K19" s="17">
        <v>87</v>
      </c>
      <c r="L19" s="17">
        <v>397</v>
      </c>
      <c r="M19" s="17">
        <v>22041</v>
      </c>
      <c r="N19" s="17">
        <v>415</v>
      </c>
      <c r="O19" s="17">
        <v>11</v>
      </c>
      <c r="P19" s="17">
        <v>179</v>
      </c>
      <c r="Q19" s="17">
        <v>225</v>
      </c>
      <c r="R19" s="17">
        <v>14417</v>
      </c>
    </row>
    <row r="20" spans="1:18">
      <c r="A20" s="21" t="s">
        <v>1380</v>
      </c>
      <c r="B20" s="10" t="s">
        <v>25</v>
      </c>
      <c r="C20" s="11" t="s">
        <v>25</v>
      </c>
      <c r="D20" s="18">
        <v>508</v>
      </c>
      <c r="E20" s="18">
        <v>11</v>
      </c>
      <c r="F20" s="18">
        <v>142</v>
      </c>
      <c r="G20" s="18">
        <v>355</v>
      </c>
      <c r="H20" s="18">
        <v>20635</v>
      </c>
      <c r="I20" s="18">
        <v>296</v>
      </c>
      <c r="J20" s="18">
        <v>5</v>
      </c>
      <c r="K20" s="18">
        <v>54</v>
      </c>
      <c r="L20" s="18">
        <v>237</v>
      </c>
      <c r="M20" s="18">
        <v>13255</v>
      </c>
      <c r="N20" s="18">
        <v>212</v>
      </c>
      <c r="O20" s="18">
        <v>6</v>
      </c>
      <c r="P20" s="18">
        <v>88</v>
      </c>
      <c r="Q20" s="18">
        <v>118</v>
      </c>
      <c r="R20" s="18">
        <v>7380</v>
      </c>
    </row>
    <row r="21" spans="1:18">
      <c r="A21" s="21" t="s">
        <v>1381</v>
      </c>
      <c r="B21" s="10" t="s">
        <v>25</v>
      </c>
      <c r="C21" s="11" t="s">
        <v>25</v>
      </c>
      <c r="D21" s="17">
        <v>3900</v>
      </c>
      <c r="E21" s="17">
        <v>63</v>
      </c>
      <c r="F21" s="17">
        <v>1050</v>
      </c>
      <c r="G21" s="17">
        <v>2783</v>
      </c>
      <c r="H21" s="17">
        <v>157465</v>
      </c>
      <c r="I21" s="17">
        <v>2136</v>
      </c>
      <c r="J21" s="17">
        <v>36</v>
      </c>
      <c r="K21" s="17">
        <v>317</v>
      </c>
      <c r="L21" s="17">
        <v>1780</v>
      </c>
      <c r="M21" s="17">
        <v>97130</v>
      </c>
      <c r="N21" s="17">
        <v>1764</v>
      </c>
      <c r="O21" s="17">
        <v>27</v>
      </c>
      <c r="P21" s="17">
        <v>733</v>
      </c>
      <c r="Q21" s="17">
        <v>1003</v>
      </c>
      <c r="R21" s="17">
        <v>60335</v>
      </c>
    </row>
    <row r="22" spans="1:18">
      <c r="A22" s="21" t="s">
        <v>1382</v>
      </c>
      <c r="B22" s="10" t="s">
        <v>25</v>
      </c>
      <c r="C22" s="11" t="s">
        <v>25</v>
      </c>
      <c r="D22" s="17">
        <v>891</v>
      </c>
      <c r="E22" s="17">
        <v>16</v>
      </c>
      <c r="F22" s="17">
        <v>251</v>
      </c>
      <c r="G22" s="17">
        <v>622</v>
      </c>
      <c r="H22" s="17">
        <v>35985</v>
      </c>
      <c r="I22" s="17">
        <v>467</v>
      </c>
      <c r="J22" s="17">
        <v>7</v>
      </c>
      <c r="K22" s="17">
        <v>74</v>
      </c>
      <c r="L22" s="17">
        <v>385</v>
      </c>
      <c r="M22" s="17">
        <v>21276</v>
      </c>
      <c r="N22" s="17">
        <v>424</v>
      </c>
      <c r="O22" s="17">
        <v>9</v>
      </c>
      <c r="P22" s="17">
        <v>177</v>
      </c>
      <c r="Q22" s="17">
        <v>237</v>
      </c>
      <c r="R22" s="17">
        <v>14709</v>
      </c>
    </row>
    <row r="23" spans="1:18">
      <c r="A23" s="21" t="s">
        <v>1383</v>
      </c>
      <c r="B23" s="10" t="s">
        <v>25</v>
      </c>
      <c r="C23" s="11" t="s">
        <v>25</v>
      </c>
      <c r="D23" s="17">
        <v>853</v>
      </c>
      <c r="E23" s="18">
        <v>16</v>
      </c>
      <c r="F23" s="17">
        <v>232</v>
      </c>
      <c r="G23" s="17">
        <v>605</v>
      </c>
      <c r="H23" s="17">
        <v>34018</v>
      </c>
      <c r="I23" s="17">
        <v>464</v>
      </c>
      <c r="J23" s="18">
        <v>7</v>
      </c>
      <c r="K23" s="17">
        <v>64</v>
      </c>
      <c r="L23" s="17">
        <v>393</v>
      </c>
      <c r="M23" s="17">
        <v>21166</v>
      </c>
      <c r="N23" s="17">
        <v>389</v>
      </c>
      <c r="O23" s="18">
        <v>9</v>
      </c>
      <c r="P23" s="17">
        <v>168</v>
      </c>
      <c r="Q23" s="17">
        <v>212</v>
      </c>
      <c r="R23" s="17">
        <v>12852</v>
      </c>
    </row>
    <row r="24" spans="1:18">
      <c r="A24" s="21" t="s">
        <v>1384</v>
      </c>
      <c r="B24" s="10" t="s">
        <v>25</v>
      </c>
      <c r="C24" s="11" t="s">
        <v>25</v>
      </c>
      <c r="D24" s="17">
        <v>539</v>
      </c>
      <c r="E24" s="17">
        <v>8</v>
      </c>
      <c r="F24" s="17">
        <v>135</v>
      </c>
      <c r="G24" s="17">
        <v>394</v>
      </c>
      <c r="H24" s="17">
        <v>22151</v>
      </c>
      <c r="I24" s="17">
        <v>314</v>
      </c>
      <c r="J24" s="17">
        <v>7</v>
      </c>
      <c r="K24" s="17">
        <v>43</v>
      </c>
      <c r="L24" s="17">
        <v>262</v>
      </c>
      <c r="M24" s="17">
        <v>14261</v>
      </c>
      <c r="N24" s="17">
        <v>225</v>
      </c>
      <c r="O24" s="17">
        <v>1</v>
      </c>
      <c r="P24" s="17">
        <v>92</v>
      </c>
      <c r="Q24" s="17">
        <v>132</v>
      </c>
      <c r="R24" s="17">
        <v>7890</v>
      </c>
    </row>
    <row r="25" spans="1:18">
      <c r="A25" s="21" t="s">
        <v>1385</v>
      </c>
      <c r="B25" s="10" t="s">
        <v>25</v>
      </c>
      <c r="C25" s="11" t="s">
        <v>25</v>
      </c>
      <c r="D25" s="17">
        <v>670</v>
      </c>
      <c r="E25" s="17">
        <v>10</v>
      </c>
      <c r="F25" s="17">
        <v>171</v>
      </c>
      <c r="G25" s="17">
        <v>489</v>
      </c>
      <c r="H25" s="17">
        <v>27166</v>
      </c>
      <c r="I25" s="17">
        <v>364</v>
      </c>
      <c r="J25" s="17">
        <v>7</v>
      </c>
      <c r="K25" s="17">
        <v>48</v>
      </c>
      <c r="L25" s="17">
        <v>309</v>
      </c>
      <c r="M25" s="17">
        <v>16823</v>
      </c>
      <c r="N25" s="17">
        <v>306</v>
      </c>
      <c r="O25" s="17">
        <v>3</v>
      </c>
      <c r="P25" s="17">
        <v>123</v>
      </c>
      <c r="Q25" s="17">
        <v>180</v>
      </c>
      <c r="R25" s="17">
        <v>10343</v>
      </c>
    </row>
    <row r="26" spans="1:18">
      <c r="A26" s="21" t="s">
        <v>1386</v>
      </c>
      <c r="B26" s="10" t="s">
        <v>25</v>
      </c>
      <c r="C26" s="11" t="s">
        <v>25</v>
      </c>
      <c r="D26" s="17">
        <v>947</v>
      </c>
      <c r="E26" s="17">
        <v>13</v>
      </c>
      <c r="F26" s="17">
        <v>261</v>
      </c>
      <c r="G26" s="17">
        <v>673</v>
      </c>
      <c r="H26" s="17">
        <v>38145</v>
      </c>
      <c r="I26" s="17">
        <v>527</v>
      </c>
      <c r="J26" s="17">
        <v>8</v>
      </c>
      <c r="K26" s="17">
        <v>88</v>
      </c>
      <c r="L26" s="17">
        <v>431</v>
      </c>
      <c r="M26" s="17">
        <v>23604</v>
      </c>
      <c r="N26" s="17">
        <v>420</v>
      </c>
      <c r="O26" s="17">
        <v>5</v>
      </c>
      <c r="P26" s="17">
        <v>173</v>
      </c>
      <c r="Q26" s="17">
        <v>242</v>
      </c>
      <c r="R26" s="17">
        <v>14541</v>
      </c>
    </row>
    <row r="27" spans="1:18">
      <c r="A27" s="21" t="s">
        <v>1387</v>
      </c>
      <c r="B27" s="10" t="s">
        <v>25</v>
      </c>
      <c r="C27" s="11" t="s">
        <v>25</v>
      </c>
      <c r="D27" s="17">
        <v>2054</v>
      </c>
      <c r="E27" s="17">
        <v>31</v>
      </c>
      <c r="F27" s="17">
        <v>521</v>
      </c>
      <c r="G27" s="17">
        <v>1501</v>
      </c>
      <c r="H27" s="17">
        <v>83271</v>
      </c>
      <c r="I27" s="17">
        <v>1130</v>
      </c>
      <c r="J27" s="17">
        <v>17</v>
      </c>
      <c r="K27" s="17">
        <v>156</v>
      </c>
      <c r="L27" s="17">
        <v>956</v>
      </c>
      <c r="M27" s="17">
        <v>51052</v>
      </c>
      <c r="N27" s="17">
        <v>924</v>
      </c>
      <c r="O27" s="17">
        <v>14</v>
      </c>
      <c r="P27" s="17">
        <v>365</v>
      </c>
      <c r="Q27" s="17">
        <v>545</v>
      </c>
      <c r="R27" s="17">
        <v>32219</v>
      </c>
    </row>
    <row r="28" spans="1:18">
      <c r="A28" s="21" t="s">
        <v>1388</v>
      </c>
      <c r="B28" s="10" t="s">
        <v>25</v>
      </c>
      <c r="C28" s="11" t="s">
        <v>25</v>
      </c>
      <c r="D28" s="17">
        <v>803</v>
      </c>
      <c r="E28" s="17">
        <v>19</v>
      </c>
      <c r="F28" s="17">
        <v>192</v>
      </c>
      <c r="G28" s="17">
        <v>592</v>
      </c>
      <c r="H28" s="17">
        <v>31866</v>
      </c>
      <c r="I28" s="17">
        <v>431</v>
      </c>
      <c r="J28" s="17">
        <v>13</v>
      </c>
      <c r="K28" s="17">
        <v>52</v>
      </c>
      <c r="L28" s="17">
        <v>366</v>
      </c>
      <c r="M28" s="17">
        <v>19140</v>
      </c>
      <c r="N28" s="17">
        <v>372</v>
      </c>
      <c r="O28" s="17">
        <v>6</v>
      </c>
      <c r="P28" s="17">
        <v>140</v>
      </c>
      <c r="Q28" s="17">
        <v>226</v>
      </c>
      <c r="R28" s="17">
        <v>12726</v>
      </c>
    </row>
    <row r="29" spans="1:18">
      <c r="A29" s="21" t="s">
        <v>1389</v>
      </c>
      <c r="B29" s="10" t="s">
        <v>25</v>
      </c>
      <c r="C29" s="11" t="s">
        <v>25</v>
      </c>
      <c r="D29" s="17">
        <v>330</v>
      </c>
      <c r="E29" s="17">
        <v>6</v>
      </c>
      <c r="F29" s="17">
        <v>83</v>
      </c>
      <c r="G29" s="17">
        <v>240</v>
      </c>
      <c r="H29" s="17">
        <v>13447</v>
      </c>
      <c r="I29" s="17">
        <v>184</v>
      </c>
      <c r="J29" s="17">
        <v>1</v>
      </c>
      <c r="K29" s="17">
        <v>35</v>
      </c>
      <c r="L29" s="17">
        <v>147</v>
      </c>
      <c r="M29" s="17">
        <v>8026</v>
      </c>
      <c r="N29" s="17">
        <v>146</v>
      </c>
      <c r="O29" s="17">
        <v>5</v>
      </c>
      <c r="P29" s="17">
        <v>48</v>
      </c>
      <c r="Q29" s="17">
        <v>93</v>
      </c>
      <c r="R29" s="17">
        <v>5421</v>
      </c>
    </row>
    <row r="30" spans="1:18">
      <c r="A30" s="21" t="s">
        <v>1390</v>
      </c>
      <c r="B30" s="10" t="s">
        <v>25</v>
      </c>
      <c r="C30" s="11" t="s">
        <v>25</v>
      </c>
      <c r="D30" s="17">
        <v>472</v>
      </c>
      <c r="E30" s="17">
        <v>3</v>
      </c>
      <c r="F30" s="17">
        <v>126</v>
      </c>
      <c r="G30" s="17">
        <v>343</v>
      </c>
      <c r="H30" s="17">
        <v>19202</v>
      </c>
      <c r="I30" s="17">
        <v>260</v>
      </c>
      <c r="J30" s="17">
        <v>1</v>
      </c>
      <c r="K30" s="17">
        <v>40</v>
      </c>
      <c r="L30" s="17">
        <v>219</v>
      </c>
      <c r="M30" s="17">
        <v>11644</v>
      </c>
      <c r="N30" s="17">
        <v>212</v>
      </c>
      <c r="O30" s="17">
        <v>2</v>
      </c>
      <c r="P30" s="17">
        <v>86</v>
      </c>
      <c r="Q30" s="17">
        <v>124</v>
      </c>
      <c r="R30" s="17">
        <v>7558</v>
      </c>
    </row>
    <row r="31" spans="1:18">
      <c r="A31" s="21" t="s">
        <v>1391</v>
      </c>
      <c r="B31" s="10" t="s">
        <v>25</v>
      </c>
      <c r="C31" s="11" t="s">
        <v>25</v>
      </c>
      <c r="D31" s="17">
        <v>449</v>
      </c>
      <c r="E31" s="17">
        <v>3</v>
      </c>
      <c r="F31" s="17">
        <v>120</v>
      </c>
      <c r="G31" s="17">
        <v>326</v>
      </c>
      <c r="H31" s="17">
        <v>18756</v>
      </c>
      <c r="I31" s="17">
        <v>255</v>
      </c>
      <c r="J31" s="17">
        <v>2</v>
      </c>
      <c r="K31" s="17">
        <v>29</v>
      </c>
      <c r="L31" s="17">
        <v>224</v>
      </c>
      <c r="M31" s="17">
        <v>12242</v>
      </c>
      <c r="N31" s="17">
        <v>194</v>
      </c>
      <c r="O31" s="17">
        <v>1</v>
      </c>
      <c r="P31" s="17">
        <v>91</v>
      </c>
      <c r="Q31" s="17">
        <v>102</v>
      </c>
      <c r="R31" s="17">
        <v>6514</v>
      </c>
    </row>
    <row r="32" spans="1:18">
      <c r="A32" s="21" t="s">
        <v>1392</v>
      </c>
      <c r="B32" s="10" t="s">
        <v>25</v>
      </c>
      <c r="C32" s="11" t="s">
        <v>25</v>
      </c>
      <c r="D32" s="17">
        <v>2729</v>
      </c>
      <c r="E32" s="17">
        <v>36</v>
      </c>
      <c r="F32" s="17">
        <v>685</v>
      </c>
      <c r="G32" s="17">
        <v>2007</v>
      </c>
      <c r="H32" s="17">
        <v>112304</v>
      </c>
      <c r="I32" s="17">
        <v>1510</v>
      </c>
      <c r="J32" s="18">
        <v>27</v>
      </c>
      <c r="K32" s="17">
        <v>216</v>
      </c>
      <c r="L32" s="17">
        <v>1266</v>
      </c>
      <c r="M32" s="17">
        <v>68414</v>
      </c>
      <c r="N32" s="17">
        <v>1219</v>
      </c>
      <c r="O32" s="17">
        <v>9</v>
      </c>
      <c r="P32" s="17">
        <v>469</v>
      </c>
      <c r="Q32" s="17">
        <v>741</v>
      </c>
      <c r="R32" s="17">
        <v>43890</v>
      </c>
    </row>
    <row r="33" spans="1:18">
      <c r="A33" s="21" t="s">
        <v>1393</v>
      </c>
      <c r="B33" s="10" t="s">
        <v>25</v>
      </c>
      <c r="C33" s="11" t="s">
        <v>25</v>
      </c>
      <c r="D33" s="17">
        <v>848</v>
      </c>
      <c r="E33" s="17">
        <v>17</v>
      </c>
      <c r="F33" s="17">
        <v>230</v>
      </c>
      <c r="G33" s="17">
        <v>601</v>
      </c>
      <c r="H33" s="17">
        <v>34315</v>
      </c>
      <c r="I33" s="17">
        <v>448</v>
      </c>
      <c r="J33" s="17">
        <v>12</v>
      </c>
      <c r="K33" s="17">
        <v>70</v>
      </c>
      <c r="L33" s="17">
        <v>366</v>
      </c>
      <c r="M33" s="17">
        <v>20092</v>
      </c>
      <c r="N33" s="17">
        <v>400</v>
      </c>
      <c r="O33" s="17">
        <v>5</v>
      </c>
      <c r="P33" s="17">
        <v>160</v>
      </c>
      <c r="Q33" s="17">
        <v>235</v>
      </c>
      <c r="R33" s="17">
        <v>14223</v>
      </c>
    </row>
    <row r="34" spans="1:18">
      <c r="A34" s="21" t="s">
        <v>1394</v>
      </c>
      <c r="B34" s="10" t="s">
        <v>25</v>
      </c>
      <c r="C34" s="11" t="s">
        <v>25</v>
      </c>
      <c r="D34" s="18">
        <v>297</v>
      </c>
      <c r="E34" s="18">
        <v>2</v>
      </c>
      <c r="F34" s="18">
        <v>63</v>
      </c>
      <c r="G34" s="18">
        <v>232</v>
      </c>
      <c r="H34" s="18">
        <v>12664</v>
      </c>
      <c r="I34" s="18">
        <v>166</v>
      </c>
      <c r="J34" s="18">
        <v>1</v>
      </c>
      <c r="K34" s="18">
        <v>19</v>
      </c>
      <c r="L34" s="18">
        <v>146</v>
      </c>
      <c r="M34" s="18">
        <v>7826</v>
      </c>
      <c r="N34" s="18">
        <v>131</v>
      </c>
      <c r="O34" s="18">
        <v>1</v>
      </c>
      <c r="P34" s="18">
        <v>44</v>
      </c>
      <c r="Q34" s="18">
        <v>86</v>
      </c>
      <c r="R34" s="18">
        <v>4838</v>
      </c>
    </row>
    <row r="35" spans="1:18">
      <c r="A35" s="21" t="s">
        <v>1395</v>
      </c>
      <c r="B35" s="10" t="s">
        <v>25</v>
      </c>
      <c r="C35" s="11" t="s">
        <v>25</v>
      </c>
      <c r="D35" s="17">
        <v>559</v>
      </c>
      <c r="E35" s="18">
        <v>4</v>
      </c>
      <c r="F35" s="17">
        <v>141</v>
      </c>
      <c r="G35" s="17">
        <v>414</v>
      </c>
      <c r="H35" s="17">
        <v>22646</v>
      </c>
      <c r="I35" s="17">
        <v>320</v>
      </c>
      <c r="J35" s="18">
        <v>3</v>
      </c>
      <c r="K35" s="17">
        <v>47</v>
      </c>
      <c r="L35" s="17">
        <v>270</v>
      </c>
      <c r="M35" s="17">
        <v>14301</v>
      </c>
      <c r="N35" s="17">
        <v>239</v>
      </c>
      <c r="O35" s="18">
        <v>1</v>
      </c>
      <c r="P35" s="17">
        <v>94</v>
      </c>
      <c r="Q35" s="17">
        <v>144</v>
      </c>
      <c r="R35" s="17">
        <v>8345</v>
      </c>
    </row>
    <row r="36" spans="1:18">
      <c r="A36" s="21" t="s">
        <v>1396</v>
      </c>
      <c r="B36" s="10" t="s">
        <v>25</v>
      </c>
      <c r="C36" s="11" t="s">
        <v>25</v>
      </c>
      <c r="D36" s="17">
        <v>1025</v>
      </c>
      <c r="E36" s="17">
        <v>13</v>
      </c>
      <c r="F36" s="17">
        <v>251</v>
      </c>
      <c r="G36" s="17">
        <v>760</v>
      </c>
      <c r="H36" s="17">
        <v>42679</v>
      </c>
      <c r="I36" s="17">
        <v>576</v>
      </c>
      <c r="J36" s="17">
        <v>11</v>
      </c>
      <c r="K36" s="17">
        <v>80</v>
      </c>
      <c r="L36" s="17">
        <v>484</v>
      </c>
      <c r="M36" s="17">
        <v>26195</v>
      </c>
      <c r="N36" s="17">
        <v>449</v>
      </c>
      <c r="O36" s="17">
        <v>2</v>
      </c>
      <c r="P36" s="17">
        <v>171</v>
      </c>
      <c r="Q36" s="17">
        <v>276</v>
      </c>
      <c r="R36" s="17">
        <v>16484</v>
      </c>
    </row>
    <row r="37" spans="1:18">
      <c r="A37" s="21" t="s">
        <v>1397</v>
      </c>
      <c r="B37" s="10" t="s">
        <v>25</v>
      </c>
      <c r="C37" s="11" t="s">
        <v>25</v>
      </c>
      <c r="D37" s="17">
        <v>2722</v>
      </c>
      <c r="E37" s="17">
        <v>49</v>
      </c>
      <c r="F37" s="17">
        <v>740</v>
      </c>
      <c r="G37" s="17">
        <v>1930</v>
      </c>
      <c r="H37" s="17">
        <v>108934</v>
      </c>
      <c r="I37" s="17">
        <v>1556</v>
      </c>
      <c r="J37" s="17">
        <v>32</v>
      </c>
      <c r="K37" s="17">
        <v>236</v>
      </c>
      <c r="L37" s="17">
        <v>1286</v>
      </c>
      <c r="M37" s="17">
        <v>69288</v>
      </c>
      <c r="N37" s="17">
        <v>1166</v>
      </c>
      <c r="O37" s="17">
        <v>17</v>
      </c>
      <c r="P37" s="17">
        <v>504</v>
      </c>
      <c r="Q37" s="17">
        <v>644</v>
      </c>
      <c r="R37" s="17">
        <v>39646</v>
      </c>
    </row>
    <row r="38" spans="1:18">
      <c r="A38" s="21" t="s">
        <v>1398</v>
      </c>
      <c r="B38" s="10" t="s">
        <v>25</v>
      </c>
      <c r="C38" s="11" t="s">
        <v>25</v>
      </c>
      <c r="D38" s="17">
        <v>706</v>
      </c>
      <c r="E38" s="17">
        <v>9</v>
      </c>
      <c r="F38" s="17">
        <v>204</v>
      </c>
      <c r="G38" s="17">
        <v>493</v>
      </c>
      <c r="H38" s="17">
        <v>28151</v>
      </c>
      <c r="I38" s="17">
        <v>398</v>
      </c>
      <c r="J38" s="17">
        <v>2</v>
      </c>
      <c r="K38" s="17">
        <v>70</v>
      </c>
      <c r="L38" s="17">
        <v>326</v>
      </c>
      <c r="M38" s="17">
        <v>17746</v>
      </c>
      <c r="N38" s="17">
        <v>308</v>
      </c>
      <c r="O38" s="17">
        <v>7</v>
      </c>
      <c r="P38" s="17">
        <v>134</v>
      </c>
      <c r="Q38" s="17">
        <v>167</v>
      </c>
      <c r="R38" s="17">
        <v>10405</v>
      </c>
    </row>
    <row r="39" spans="1:18">
      <c r="A39" s="21" t="s">
        <v>1399</v>
      </c>
      <c r="B39" s="10" t="s">
        <v>25</v>
      </c>
      <c r="C39" s="11" t="s">
        <v>25</v>
      </c>
      <c r="D39" s="17">
        <v>501</v>
      </c>
      <c r="E39" s="17">
        <v>13</v>
      </c>
      <c r="F39" s="17">
        <v>152</v>
      </c>
      <c r="G39" s="17">
        <v>336</v>
      </c>
      <c r="H39" s="17">
        <v>19237</v>
      </c>
      <c r="I39" s="17">
        <v>271</v>
      </c>
      <c r="J39" s="17">
        <v>10</v>
      </c>
      <c r="K39" s="17">
        <v>40</v>
      </c>
      <c r="L39" s="17">
        <v>221</v>
      </c>
      <c r="M39" s="17">
        <v>11774</v>
      </c>
      <c r="N39" s="17">
        <v>230</v>
      </c>
      <c r="O39" s="17">
        <v>3</v>
      </c>
      <c r="P39" s="17">
        <v>112</v>
      </c>
      <c r="Q39" s="17">
        <v>115</v>
      </c>
      <c r="R39" s="17">
        <v>7463</v>
      </c>
    </row>
    <row r="40" spans="1:18">
      <c r="A40" s="21" t="s">
        <v>1400</v>
      </c>
      <c r="B40" s="10" t="s">
        <v>25</v>
      </c>
      <c r="C40" s="11" t="s">
        <v>25</v>
      </c>
      <c r="D40" s="17">
        <v>973</v>
      </c>
      <c r="E40" s="17">
        <v>19</v>
      </c>
      <c r="F40" s="17">
        <v>245</v>
      </c>
      <c r="G40" s="17">
        <v>706</v>
      </c>
      <c r="H40" s="17">
        <v>39157</v>
      </c>
      <c r="I40" s="17">
        <v>580</v>
      </c>
      <c r="J40" s="18">
        <v>15</v>
      </c>
      <c r="K40" s="17">
        <v>84</v>
      </c>
      <c r="L40" s="17">
        <v>479</v>
      </c>
      <c r="M40" s="17">
        <v>25649</v>
      </c>
      <c r="N40" s="17">
        <v>393</v>
      </c>
      <c r="O40" s="17">
        <v>4</v>
      </c>
      <c r="P40" s="17">
        <v>161</v>
      </c>
      <c r="Q40" s="17">
        <v>227</v>
      </c>
      <c r="R40" s="17">
        <v>13508</v>
      </c>
    </row>
    <row r="41" spans="1:18">
      <c r="A41" s="21" t="s">
        <v>1401</v>
      </c>
      <c r="B41" s="10"/>
      <c r="C41" s="11"/>
      <c r="D41" s="17">
        <v>542</v>
      </c>
      <c r="E41" s="17">
        <v>8</v>
      </c>
      <c r="F41" s="17">
        <v>139</v>
      </c>
      <c r="G41" s="17">
        <v>395</v>
      </c>
      <c r="H41" s="17">
        <v>22389</v>
      </c>
      <c r="I41" s="17">
        <v>307</v>
      </c>
      <c r="J41" s="17">
        <v>5</v>
      </c>
      <c r="K41" s="17">
        <v>42</v>
      </c>
      <c r="L41" s="17">
        <v>260</v>
      </c>
      <c r="M41" s="17">
        <v>14119</v>
      </c>
      <c r="N41" s="17">
        <v>235</v>
      </c>
      <c r="O41" s="17">
        <v>3</v>
      </c>
      <c r="P41" s="17">
        <v>97</v>
      </c>
      <c r="Q41" s="17">
        <v>135</v>
      </c>
      <c r="R41" s="17">
        <v>8270</v>
      </c>
    </row>
    <row r="42" spans="1:18">
      <c r="A42" s="21" t="s">
        <v>1402</v>
      </c>
      <c r="B42" s="10" t="s">
        <v>25</v>
      </c>
      <c r="C42" s="11" t="s">
        <v>25</v>
      </c>
      <c r="D42" s="18">
        <v>1854</v>
      </c>
      <c r="E42" s="18">
        <v>31</v>
      </c>
      <c r="F42" s="18">
        <v>471</v>
      </c>
      <c r="G42" s="18">
        <v>1352</v>
      </c>
      <c r="H42" s="18">
        <v>75539</v>
      </c>
      <c r="I42" s="18">
        <v>1038</v>
      </c>
      <c r="J42" s="18">
        <v>21</v>
      </c>
      <c r="K42" s="18">
        <v>134</v>
      </c>
      <c r="L42" s="18">
        <v>883</v>
      </c>
      <c r="M42" s="18">
        <v>47069</v>
      </c>
      <c r="N42" s="18">
        <v>816</v>
      </c>
      <c r="O42" s="18">
        <v>10</v>
      </c>
      <c r="P42" s="18">
        <v>337</v>
      </c>
      <c r="Q42" s="18">
        <v>469</v>
      </c>
      <c r="R42" s="18">
        <v>28470</v>
      </c>
    </row>
    <row r="43" spans="1:18">
      <c r="A43" s="21" t="s">
        <v>1403</v>
      </c>
      <c r="B43" s="10" t="s">
        <v>25</v>
      </c>
      <c r="C43" s="11" t="s">
        <v>25</v>
      </c>
      <c r="D43" s="17">
        <v>506</v>
      </c>
      <c r="E43" s="17">
        <v>6</v>
      </c>
      <c r="F43" s="17">
        <v>128</v>
      </c>
      <c r="G43" s="17">
        <v>372</v>
      </c>
      <c r="H43" s="17">
        <v>20638</v>
      </c>
      <c r="I43" s="17">
        <v>277</v>
      </c>
      <c r="J43" s="17">
        <v>4</v>
      </c>
      <c r="K43" s="17">
        <v>29</v>
      </c>
      <c r="L43" s="17">
        <v>244</v>
      </c>
      <c r="M43" s="17">
        <v>12656</v>
      </c>
      <c r="N43" s="17">
        <v>229</v>
      </c>
      <c r="O43" s="17">
        <v>2</v>
      </c>
      <c r="P43" s="17">
        <v>99</v>
      </c>
      <c r="Q43" s="17">
        <v>128</v>
      </c>
      <c r="R43" s="17">
        <v>7982</v>
      </c>
    </row>
    <row r="44" spans="1:18">
      <c r="A44" s="21" t="s">
        <v>1404</v>
      </c>
      <c r="B44" s="10" t="s">
        <v>25</v>
      </c>
      <c r="C44" s="11" t="s">
        <v>25</v>
      </c>
      <c r="D44" s="17">
        <v>814</v>
      </c>
      <c r="E44" s="18">
        <v>14</v>
      </c>
      <c r="F44" s="17">
        <v>212</v>
      </c>
      <c r="G44" s="17">
        <v>588</v>
      </c>
      <c r="H44" s="17">
        <v>33214</v>
      </c>
      <c r="I44" s="17">
        <v>457</v>
      </c>
      <c r="J44" s="18">
        <v>9</v>
      </c>
      <c r="K44" s="17">
        <v>64</v>
      </c>
      <c r="L44" s="17">
        <v>384</v>
      </c>
      <c r="M44" s="17">
        <v>20799</v>
      </c>
      <c r="N44" s="17">
        <v>357</v>
      </c>
      <c r="O44" s="18">
        <v>5</v>
      </c>
      <c r="P44" s="17">
        <v>148</v>
      </c>
      <c r="Q44" s="17">
        <v>204</v>
      </c>
      <c r="R44" s="17">
        <v>12415</v>
      </c>
    </row>
    <row r="45" spans="1:18">
      <c r="A45" s="21" t="s">
        <v>1405</v>
      </c>
      <c r="B45" s="10" t="s">
        <v>25</v>
      </c>
      <c r="C45" s="11" t="s">
        <v>25</v>
      </c>
      <c r="D45" s="17">
        <v>534</v>
      </c>
      <c r="E45" s="17">
        <v>11</v>
      </c>
      <c r="F45" s="17">
        <v>131</v>
      </c>
      <c r="G45" s="17">
        <v>392</v>
      </c>
      <c r="H45" s="17">
        <v>21687</v>
      </c>
      <c r="I45" s="17">
        <v>304</v>
      </c>
      <c r="J45" s="17">
        <v>8</v>
      </c>
      <c r="K45" s="17">
        <v>41</v>
      </c>
      <c r="L45" s="17">
        <v>255</v>
      </c>
      <c r="M45" s="17">
        <v>13614</v>
      </c>
      <c r="N45" s="17">
        <v>230</v>
      </c>
      <c r="O45" s="17">
        <v>3</v>
      </c>
      <c r="P45" s="17">
        <v>90</v>
      </c>
      <c r="Q45" s="17">
        <v>137</v>
      </c>
      <c r="R45" s="17">
        <v>8073</v>
      </c>
    </row>
    <row r="46" spans="1:18">
      <c r="A46" s="21" t="s">
        <v>1406</v>
      </c>
      <c r="B46" s="10" t="s">
        <v>25</v>
      </c>
      <c r="C46" s="11" t="s">
        <v>25</v>
      </c>
      <c r="D46" s="17">
        <v>3279</v>
      </c>
      <c r="E46" s="17">
        <v>59</v>
      </c>
      <c r="F46" s="17">
        <v>844</v>
      </c>
      <c r="G46" s="17">
        <v>2374</v>
      </c>
      <c r="H46" s="17">
        <v>133737</v>
      </c>
      <c r="I46" s="17">
        <v>1815</v>
      </c>
      <c r="J46" s="17">
        <v>39</v>
      </c>
      <c r="K46" s="17">
        <v>259</v>
      </c>
      <c r="L46" s="17">
        <v>1517</v>
      </c>
      <c r="M46" s="17">
        <v>82711</v>
      </c>
      <c r="N46" s="17">
        <v>1464</v>
      </c>
      <c r="O46" s="17">
        <v>20</v>
      </c>
      <c r="P46" s="17">
        <v>585</v>
      </c>
      <c r="Q46" s="17">
        <v>857</v>
      </c>
      <c r="R46" s="17">
        <v>51026</v>
      </c>
    </row>
    <row r="47" spans="1:18">
      <c r="A47" s="21" t="s">
        <v>1407</v>
      </c>
      <c r="B47" s="10" t="s">
        <v>25</v>
      </c>
      <c r="C47" s="11" t="s">
        <v>25</v>
      </c>
      <c r="D47" s="17">
        <v>232</v>
      </c>
      <c r="E47" s="17">
        <v>5</v>
      </c>
      <c r="F47" s="17">
        <v>39</v>
      </c>
      <c r="G47" s="17">
        <v>188</v>
      </c>
      <c r="H47" s="17">
        <v>10291</v>
      </c>
      <c r="I47" s="17">
        <v>127</v>
      </c>
      <c r="J47" s="17">
        <v>3</v>
      </c>
      <c r="K47" s="17">
        <v>12</v>
      </c>
      <c r="L47" s="17">
        <v>112</v>
      </c>
      <c r="M47" s="17">
        <v>6148</v>
      </c>
      <c r="N47" s="17">
        <v>105</v>
      </c>
      <c r="O47" s="17">
        <v>2</v>
      </c>
      <c r="P47" s="17">
        <v>27</v>
      </c>
      <c r="Q47" s="17">
        <v>76</v>
      </c>
      <c r="R47" s="17">
        <v>4143</v>
      </c>
    </row>
    <row r="48" spans="1:18">
      <c r="A48" s="21" t="s">
        <v>1408</v>
      </c>
      <c r="B48" s="10" t="s">
        <v>25</v>
      </c>
      <c r="C48" s="11" t="s">
        <v>25</v>
      </c>
      <c r="D48" s="17">
        <v>941</v>
      </c>
      <c r="E48" s="18">
        <v>14</v>
      </c>
      <c r="F48" s="17">
        <v>261</v>
      </c>
      <c r="G48" s="17">
        <v>666</v>
      </c>
      <c r="H48" s="17">
        <v>38136</v>
      </c>
      <c r="I48" s="17">
        <v>509</v>
      </c>
      <c r="J48" s="18">
        <v>8</v>
      </c>
      <c r="K48" s="17">
        <v>78</v>
      </c>
      <c r="L48" s="17">
        <v>423</v>
      </c>
      <c r="M48" s="17">
        <v>23147</v>
      </c>
      <c r="N48" s="17">
        <v>432</v>
      </c>
      <c r="O48" s="18">
        <v>6</v>
      </c>
      <c r="P48" s="17">
        <v>183</v>
      </c>
      <c r="Q48" s="17">
        <v>243</v>
      </c>
      <c r="R48" s="17">
        <v>14989</v>
      </c>
    </row>
    <row r="49" spans="1:18">
      <c r="A49" s="21" t="s">
        <v>1409</v>
      </c>
      <c r="B49" s="10" t="s">
        <v>25</v>
      </c>
      <c r="C49" s="11" t="s">
        <v>25</v>
      </c>
      <c r="D49" s="17">
        <v>531</v>
      </c>
      <c r="E49" s="18">
        <v>9</v>
      </c>
      <c r="F49" s="17">
        <v>136</v>
      </c>
      <c r="G49" s="17">
        <v>386</v>
      </c>
      <c r="H49" s="17">
        <v>22010</v>
      </c>
      <c r="I49" s="17">
        <v>305</v>
      </c>
      <c r="J49" s="18">
        <v>7</v>
      </c>
      <c r="K49" s="17">
        <v>42</v>
      </c>
      <c r="L49" s="17">
        <v>256</v>
      </c>
      <c r="M49" s="17">
        <v>14149</v>
      </c>
      <c r="N49" s="17">
        <v>226</v>
      </c>
      <c r="O49" s="18">
        <v>2</v>
      </c>
      <c r="P49" s="17">
        <v>94</v>
      </c>
      <c r="Q49" s="17">
        <v>130</v>
      </c>
      <c r="R49" s="17">
        <v>7861</v>
      </c>
    </row>
    <row r="50" spans="1:18">
      <c r="A50" s="21" t="s">
        <v>1410</v>
      </c>
      <c r="B50" s="10" t="s">
        <v>25</v>
      </c>
      <c r="C50" s="11" t="s">
        <v>25</v>
      </c>
      <c r="D50" s="17">
        <v>683</v>
      </c>
      <c r="E50" s="18">
        <v>12</v>
      </c>
      <c r="F50" s="17">
        <v>170</v>
      </c>
      <c r="G50" s="17">
        <v>499</v>
      </c>
      <c r="H50" s="17">
        <v>27705</v>
      </c>
      <c r="I50" s="17">
        <v>373</v>
      </c>
      <c r="J50" s="18">
        <v>10</v>
      </c>
      <c r="K50" s="17">
        <v>49</v>
      </c>
      <c r="L50" s="17">
        <v>314</v>
      </c>
      <c r="M50" s="17">
        <v>16806</v>
      </c>
      <c r="N50" s="17">
        <v>310</v>
      </c>
      <c r="O50" s="18">
        <v>2</v>
      </c>
      <c r="P50" s="17">
        <v>121</v>
      </c>
      <c r="Q50" s="17">
        <v>185</v>
      </c>
      <c r="R50" s="17">
        <v>10899</v>
      </c>
    </row>
    <row r="51" spans="1:18">
      <c r="A51" s="21" t="s">
        <v>1411</v>
      </c>
      <c r="B51" s="10" t="s">
        <v>25</v>
      </c>
      <c r="C51" s="11" t="s">
        <v>25</v>
      </c>
      <c r="D51" s="17">
        <v>536</v>
      </c>
      <c r="E51" s="17">
        <v>7</v>
      </c>
      <c r="F51" s="17">
        <v>150</v>
      </c>
      <c r="G51" s="17">
        <v>379</v>
      </c>
      <c r="H51" s="17">
        <v>20944</v>
      </c>
      <c r="I51" s="17">
        <v>295</v>
      </c>
      <c r="J51" s="18">
        <v>5</v>
      </c>
      <c r="K51" s="17">
        <v>47</v>
      </c>
      <c r="L51" s="17">
        <v>243</v>
      </c>
      <c r="M51" s="17">
        <v>12907</v>
      </c>
      <c r="N51" s="17">
        <v>241</v>
      </c>
      <c r="O51" s="17">
        <v>2</v>
      </c>
      <c r="P51" s="17">
        <v>103</v>
      </c>
      <c r="Q51" s="17">
        <v>136</v>
      </c>
      <c r="R51" s="17">
        <v>8037</v>
      </c>
    </row>
    <row r="52" spans="1:18">
      <c r="A52" s="21" t="s">
        <v>1412</v>
      </c>
      <c r="B52" s="10" t="s">
        <v>25</v>
      </c>
      <c r="C52" s="11" t="s">
        <v>25</v>
      </c>
      <c r="D52" s="17">
        <v>356</v>
      </c>
      <c r="E52" s="17">
        <v>12</v>
      </c>
      <c r="F52" s="17">
        <v>88</v>
      </c>
      <c r="G52" s="17">
        <v>256</v>
      </c>
      <c r="H52" s="17">
        <v>14651</v>
      </c>
      <c r="I52" s="17">
        <v>206</v>
      </c>
      <c r="J52" s="18">
        <v>6</v>
      </c>
      <c r="K52" s="17">
        <v>31</v>
      </c>
      <c r="L52" s="17">
        <v>169</v>
      </c>
      <c r="M52" s="17">
        <v>9554</v>
      </c>
      <c r="N52" s="17">
        <v>150</v>
      </c>
      <c r="O52" s="17">
        <v>6</v>
      </c>
      <c r="P52" s="17">
        <v>57</v>
      </c>
      <c r="Q52" s="17">
        <v>87</v>
      </c>
      <c r="R52" s="17">
        <v>5097</v>
      </c>
    </row>
    <row r="53" spans="1:18">
      <c r="A53" s="21" t="s">
        <v>1413</v>
      </c>
      <c r="B53" s="10" t="s">
        <v>25</v>
      </c>
      <c r="C53" s="11" t="s">
        <v>25</v>
      </c>
      <c r="D53" s="17">
        <v>3963</v>
      </c>
      <c r="E53" s="18">
        <v>61</v>
      </c>
      <c r="F53" s="17">
        <v>1077</v>
      </c>
      <c r="G53" s="17">
        <v>2820</v>
      </c>
      <c r="H53" s="17">
        <v>159842</v>
      </c>
      <c r="I53" s="17">
        <v>2235</v>
      </c>
      <c r="J53" s="18">
        <v>40</v>
      </c>
      <c r="K53" s="17">
        <v>336</v>
      </c>
      <c r="L53" s="17">
        <v>1855</v>
      </c>
      <c r="M53" s="17">
        <v>100116</v>
      </c>
      <c r="N53" s="17">
        <v>1728</v>
      </c>
      <c r="O53" s="18">
        <v>21</v>
      </c>
      <c r="P53" s="17">
        <v>741</v>
      </c>
      <c r="Q53" s="17">
        <v>965</v>
      </c>
      <c r="R53" s="17">
        <v>59726</v>
      </c>
    </row>
    <row r="54" spans="1:18">
      <c r="A54" s="21" t="s">
        <v>1414</v>
      </c>
      <c r="B54" s="10" t="s">
        <v>25</v>
      </c>
      <c r="C54" s="11" t="s">
        <v>25</v>
      </c>
      <c r="D54" s="17">
        <v>720</v>
      </c>
      <c r="E54" s="18">
        <v>11</v>
      </c>
      <c r="F54" s="17">
        <v>198</v>
      </c>
      <c r="G54" s="17">
        <v>511</v>
      </c>
      <c r="H54" s="17">
        <v>29104</v>
      </c>
      <c r="I54" s="17">
        <v>378</v>
      </c>
      <c r="J54" s="18">
        <v>7</v>
      </c>
      <c r="K54" s="17">
        <v>58</v>
      </c>
      <c r="L54" s="17">
        <v>313</v>
      </c>
      <c r="M54" s="17">
        <v>16903</v>
      </c>
      <c r="N54" s="17">
        <v>342</v>
      </c>
      <c r="O54" s="18">
        <v>4</v>
      </c>
      <c r="P54" s="17">
        <v>140</v>
      </c>
      <c r="Q54" s="17">
        <v>198</v>
      </c>
      <c r="R54" s="17">
        <v>12201</v>
      </c>
    </row>
    <row r="55" spans="1:18">
      <c r="A55" s="21" t="s">
        <v>1415</v>
      </c>
      <c r="B55" s="10" t="s">
        <v>25</v>
      </c>
      <c r="C55" s="11" t="s">
        <v>25</v>
      </c>
      <c r="D55" s="17">
        <v>695</v>
      </c>
      <c r="E55" s="17">
        <v>11</v>
      </c>
      <c r="F55" s="17">
        <v>210</v>
      </c>
      <c r="G55" s="17">
        <v>471</v>
      </c>
      <c r="H55" s="17">
        <v>26346</v>
      </c>
      <c r="I55" s="17">
        <v>389</v>
      </c>
      <c r="J55" s="17">
        <v>11</v>
      </c>
      <c r="K55" s="17">
        <v>71</v>
      </c>
      <c r="L55" s="17">
        <v>305</v>
      </c>
      <c r="M55" s="17">
        <v>16113</v>
      </c>
      <c r="N55" s="17">
        <v>306</v>
      </c>
      <c r="O55" s="17" t="s">
        <v>35</v>
      </c>
      <c r="P55" s="17">
        <v>139</v>
      </c>
      <c r="Q55" s="17">
        <v>166</v>
      </c>
      <c r="R55" s="17">
        <v>10233</v>
      </c>
    </row>
    <row r="56" spans="1:18">
      <c r="A56" s="21" t="s">
        <v>1416</v>
      </c>
      <c r="B56" s="10" t="s">
        <v>25</v>
      </c>
      <c r="C56" s="11" t="s">
        <v>25</v>
      </c>
      <c r="D56" s="17">
        <v>408</v>
      </c>
      <c r="E56" s="17">
        <v>6</v>
      </c>
      <c r="F56" s="17">
        <v>110</v>
      </c>
      <c r="G56" s="17">
        <v>292</v>
      </c>
      <c r="H56" s="17">
        <v>16611</v>
      </c>
      <c r="I56" s="17">
        <v>227</v>
      </c>
      <c r="J56" s="17">
        <v>4</v>
      </c>
      <c r="K56" s="17">
        <v>34</v>
      </c>
      <c r="L56" s="17">
        <v>189</v>
      </c>
      <c r="M56" s="17">
        <v>10306</v>
      </c>
      <c r="N56" s="17">
        <v>181</v>
      </c>
      <c r="O56" s="17">
        <v>2</v>
      </c>
      <c r="P56" s="17">
        <v>76</v>
      </c>
      <c r="Q56" s="17">
        <v>103</v>
      </c>
      <c r="R56" s="17">
        <v>6305</v>
      </c>
    </row>
    <row r="57" spans="1:18">
      <c r="A57" s="21" t="s">
        <v>1417</v>
      </c>
      <c r="B57" s="10" t="s">
        <v>25</v>
      </c>
      <c r="C57" s="11" t="s">
        <v>25</v>
      </c>
      <c r="D57" s="17">
        <v>776</v>
      </c>
      <c r="E57" s="17">
        <v>13</v>
      </c>
      <c r="F57" s="17">
        <v>214</v>
      </c>
      <c r="G57" s="17">
        <v>547</v>
      </c>
      <c r="H57" s="17">
        <v>30954</v>
      </c>
      <c r="I57" s="17">
        <v>432</v>
      </c>
      <c r="J57" s="18">
        <v>10</v>
      </c>
      <c r="K57" s="17">
        <v>59</v>
      </c>
      <c r="L57" s="17">
        <v>361</v>
      </c>
      <c r="M57" s="17">
        <v>19385</v>
      </c>
      <c r="N57" s="17">
        <v>344</v>
      </c>
      <c r="O57" s="17">
        <v>3</v>
      </c>
      <c r="P57" s="17">
        <v>155</v>
      </c>
      <c r="Q57" s="17">
        <v>186</v>
      </c>
      <c r="R57" s="17">
        <v>11569</v>
      </c>
    </row>
    <row r="58" spans="1:18">
      <c r="A58" s="21" t="s">
        <v>1418</v>
      </c>
      <c r="B58" s="10" t="s">
        <v>25</v>
      </c>
      <c r="C58" s="11" t="s">
        <v>25</v>
      </c>
      <c r="D58" s="17">
        <v>919</v>
      </c>
      <c r="E58" s="17">
        <v>17</v>
      </c>
      <c r="F58" s="17">
        <v>226</v>
      </c>
      <c r="G58" s="17">
        <v>676</v>
      </c>
      <c r="H58" s="17">
        <v>37831</v>
      </c>
      <c r="I58" s="17">
        <v>543</v>
      </c>
      <c r="J58" s="17">
        <v>7</v>
      </c>
      <c r="K58" s="17">
        <v>75</v>
      </c>
      <c r="L58" s="17">
        <v>461</v>
      </c>
      <c r="M58" s="17">
        <v>24604</v>
      </c>
      <c r="N58" s="17">
        <v>376</v>
      </c>
      <c r="O58" s="17">
        <v>10</v>
      </c>
      <c r="P58" s="17">
        <v>151</v>
      </c>
      <c r="Q58" s="17">
        <v>215</v>
      </c>
      <c r="R58" s="17">
        <v>13227</v>
      </c>
    </row>
    <row r="59" spans="1:18">
      <c r="A59" s="21" t="s">
        <v>1419</v>
      </c>
      <c r="B59" s="10" t="s">
        <v>25</v>
      </c>
      <c r="C59" s="11" t="s">
        <v>25</v>
      </c>
      <c r="D59" s="17">
        <v>445</v>
      </c>
      <c r="E59" s="17">
        <v>3</v>
      </c>
      <c r="F59" s="17">
        <v>119</v>
      </c>
      <c r="G59" s="17">
        <v>323</v>
      </c>
      <c r="H59" s="17">
        <v>18996</v>
      </c>
      <c r="I59" s="17">
        <v>266</v>
      </c>
      <c r="J59" s="17">
        <v>1</v>
      </c>
      <c r="K59" s="17">
        <v>39</v>
      </c>
      <c r="L59" s="17">
        <v>226</v>
      </c>
      <c r="M59" s="17">
        <v>12805</v>
      </c>
      <c r="N59" s="17">
        <v>179</v>
      </c>
      <c r="O59" s="17">
        <v>2</v>
      </c>
      <c r="P59" s="17">
        <v>80</v>
      </c>
      <c r="Q59" s="17">
        <v>97</v>
      </c>
      <c r="R59" s="17">
        <v>6191</v>
      </c>
    </row>
    <row r="60" spans="1:18">
      <c r="A60" s="21" t="s">
        <v>1420</v>
      </c>
      <c r="B60" s="10" t="s">
        <v>25</v>
      </c>
      <c r="C60" s="11" t="s">
        <v>25</v>
      </c>
      <c r="D60" s="17">
        <v>2566</v>
      </c>
      <c r="E60" s="17">
        <v>41</v>
      </c>
      <c r="F60" s="17">
        <v>662</v>
      </c>
      <c r="G60" s="17">
        <v>1861</v>
      </c>
      <c r="H60" s="17">
        <v>103317</v>
      </c>
      <c r="I60" s="17">
        <v>1419</v>
      </c>
      <c r="J60" s="17">
        <v>24</v>
      </c>
      <c r="K60" s="17">
        <v>199</v>
      </c>
      <c r="L60" s="17">
        <v>1194</v>
      </c>
      <c r="M60" s="17">
        <v>63427</v>
      </c>
      <c r="N60" s="17">
        <v>1147</v>
      </c>
      <c r="O60" s="17">
        <v>17</v>
      </c>
      <c r="P60" s="17">
        <v>463</v>
      </c>
      <c r="Q60" s="17">
        <v>667</v>
      </c>
      <c r="R60" s="17">
        <v>39890</v>
      </c>
    </row>
    <row r="61" spans="1:18">
      <c r="A61" s="21" t="s">
        <v>1421</v>
      </c>
      <c r="B61" s="10" t="s">
        <v>25</v>
      </c>
      <c r="C61" s="11" t="s">
        <v>25</v>
      </c>
      <c r="D61" s="17">
        <v>227</v>
      </c>
      <c r="E61" s="17">
        <v>5</v>
      </c>
      <c r="F61" s="17">
        <v>52</v>
      </c>
      <c r="G61" s="17">
        <v>170</v>
      </c>
      <c r="H61" s="17">
        <v>9486</v>
      </c>
      <c r="I61" s="17">
        <v>120</v>
      </c>
      <c r="J61" s="17">
        <v>3</v>
      </c>
      <c r="K61" s="17">
        <v>17</v>
      </c>
      <c r="L61" s="17">
        <v>100</v>
      </c>
      <c r="M61" s="17">
        <v>5403</v>
      </c>
      <c r="N61" s="17">
        <v>107</v>
      </c>
      <c r="O61" s="17">
        <v>2</v>
      </c>
      <c r="P61" s="17">
        <v>35</v>
      </c>
      <c r="Q61" s="17">
        <v>70</v>
      </c>
      <c r="R61" s="17">
        <v>4083</v>
      </c>
    </row>
    <row r="62" spans="1:18">
      <c r="A62" s="21" t="s">
        <v>1422</v>
      </c>
      <c r="B62" s="10" t="s">
        <v>25</v>
      </c>
      <c r="C62" s="11" t="s">
        <v>25</v>
      </c>
      <c r="D62" s="17">
        <v>651</v>
      </c>
      <c r="E62" s="17">
        <v>5</v>
      </c>
      <c r="F62" s="17">
        <v>168</v>
      </c>
      <c r="G62" s="17">
        <v>477</v>
      </c>
      <c r="H62" s="17">
        <v>26093</v>
      </c>
      <c r="I62" s="17">
        <v>377</v>
      </c>
      <c r="J62" s="17">
        <v>1</v>
      </c>
      <c r="K62" s="17">
        <v>58</v>
      </c>
      <c r="L62" s="17">
        <v>317</v>
      </c>
      <c r="M62" s="17">
        <v>16811</v>
      </c>
      <c r="N62" s="17">
        <v>274</v>
      </c>
      <c r="O62" s="17">
        <v>4</v>
      </c>
      <c r="P62" s="17">
        <v>110</v>
      </c>
      <c r="Q62" s="17">
        <v>160</v>
      </c>
      <c r="R62" s="17">
        <v>9282</v>
      </c>
    </row>
    <row r="63" spans="1:18">
      <c r="A63" s="21" t="s">
        <v>1423</v>
      </c>
      <c r="B63" s="10" t="s">
        <v>25</v>
      </c>
      <c r="C63" s="11" t="s">
        <v>25</v>
      </c>
      <c r="D63" s="17">
        <v>389</v>
      </c>
      <c r="E63" s="17">
        <v>6</v>
      </c>
      <c r="F63" s="17">
        <v>94</v>
      </c>
      <c r="G63" s="17">
        <v>289</v>
      </c>
      <c r="H63" s="17">
        <v>15919</v>
      </c>
      <c r="I63" s="17">
        <v>225</v>
      </c>
      <c r="J63" s="17">
        <v>2</v>
      </c>
      <c r="K63" s="17">
        <v>23</v>
      </c>
      <c r="L63" s="17">
        <v>200</v>
      </c>
      <c r="M63" s="17">
        <v>10268</v>
      </c>
      <c r="N63" s="17">
        <v>164</v>
      </c>
      <c r="O63" s="17">
        <v>4</v>
      </c>
      <c r="P63" s="17">
        <v>71</v>
      </c>
      <c r="Q63" s="17">
        <v>89</v>
      </c>
      <c r="R63" s="17">
        <v>5651</v>
      </c>
    </row>
    <row r="64" spans="1:18">
      <c r="A64" s="21" t="s">
        <v>1424</v>
      </c>
      <c r="B64" s="10" t="s">
        <v>25</v>
      </c>
      <c r="C64" s="11" t="s">
        <v>25</v>
      </c>
      <c r="D64" s="17">
        <v>661</v>
      </c>
      <c r="E64" s="17">
        <v>12</v>
      </c>
      <c r="F64" s="17">
        <v>175</v>
      </c>
      <c r="G64" s="17">
        <v>474</v>
      </c>
      <c r="H64" s="17">
        <v>26369</v>
      </c>
      <c r="I64" s="17">
        <v>347</v>
      </c>
      <c r="J64" s="17">
        <v>7</v>
      </c>
      <c r="K64" s="17">
        <v>46</v>
      </c>
      <c r="L64" s="17">
        <v>294</v>
      </c>
      <c r="M64" s="17">
        <v>15596</v>
      </c>
      <c r="N64" s="17">
        <v>314</v>
      </c>
      <c r="O64" s="18">
        <v>5</v>
      </c>
      <c r="P64" s="17">
        <v>129</v>
      </c>
      <c r="Q64" s="17">
        <v>180</v>
      </c>
      <c r="R64" s="17">
        <v>10773</v>
      </c>
    </row>
    <row r="65" spans="1:18">
      <c r="A65" s="21" t="s">
        <v>1425</v>
      </c>
      <c r="B65" s="10" t="s">
        <v>25</v>
      </c>
      <c r="C65" s="11" t="s">
        <v>25</v>
      </c>
      <c r="D65" s="17">
        <v>200</v>
      </c>
      <c r="E65" s="17">
        <v>3</v>
      </c>
      <c r="F65" s="17">
        <v>61</v>
      </c>
      <c r="G65" s="17">
        <v>135</v>
      </c>
      <c r="H65" s="17">
        <v>7768</v>
      </c>
      <c r="I65" s="17">
        <v>121</v>
      </c>
      <c r="J65" s="17">
        <v>3</v>
      </c>
      <c r="K65" s="17">
        <v>24</v>
      </c>
      <c r="L65" s="17">
        <v>93</v>
      </c>
      <c r="M65" s="17">
        <v>5089</v>
      </c>
      <c r="N65" s="17">
        <v>79</v>
      </c>
      <c r="O65" s="17" t="s">
        <v>35</v>
      </c>
      <c r="P65" s="17">
        <v>37</v>
      </c>
      <c r="Q65" s="17">
        <v>42</v>
      </c>
      <c r="R65" s="17">
        <v>2679</v>
      </c>
    </row>
    <row r="66" spans="1:18">
      <c r="A66" s="21" t="s">
        <v>1426</v>
      </c>
      <c r="B66" s="10" t="s">
        <v>25</v>
      </c>
      <c r="C66" s="11" t="s">
        <v>25</v>
      </c>
      <c r="D66" s="17">
        <v>438</v>
      </c>
      <c r="E66" s="17">
        <v>10</v>
      </c>
      <c r="F66" s="17">
        <v>112</v>
      </c>
      <c r="G66" s="17">
        <v>316</v>
      </c>
      <c r="H66" s="17">
        <v>17682</v>
      </c>
      <c r="I66" s="17">
        <v>229</v>
      </c>
      <c r="J66" s="17">
        <v>8</v>
      </c>
      <c r="K66" s="17">
        <v>31</v>
      </c>
      <c r="L66" s="17">
        <v>190</v>
      </c>
      <c r="M66" s="17">
        <v>10260</v>
      </c>
      <c r="N66" s="17">
        <v>209</v>
      </c>
      <c r="O66" s="17">
        <v>2</v>
      </c>
      <c r="P66" s="17">
        <v>81</v>
      </c>
      <c r="Q66" s="17">
        <v>126</v>
      </c>
      <c r="R66" s="17">
        <v>7422</v>
      </c>
    </row>
    <row r="67" spans="1:18">
      <c r="A67" s="21" t="s">
        <v>1427</v>
      </c>
      <c r="B67" s="10" t="s">
        <v>25</v>
      </c>
      <c r="C67" s="11" t="s">
        <v>25</v>
      </c>
      <c r="D67" s="17">
        <v>1872</v>
      </c>
      <c r="E67" s="17">
        <v>34</v>
      </c>
      <c r="F67" s="17">
        <v>502</v>
      </c>
      <c r="G67" s="17">
        <v>1336</v>
      </c>
      <c r="H67" s="17">
        <v>74653</v>
      </c>
      <c r="I67" s="17">
        <v>1043</v>
      </c>
      <c r="J67" s="17">
        <v>27</v>
      </c>
      <c r="K67" s="17">
        <v>143</v>
      </c>
      <c r="L67" s="17">
        <v>873</v>
      </c>
      <c r="M67" s="17">
        <v>46530</v>
      </c>
      <c r="N67" s="17">
        <v>829</v>
      </c>
      <c r="O67" s="17">
        <v>7</v>
      </c>
      <c r="P67" s="17">
        <v>359</v>
      </c>
      <c r="Q67" s="17">
        <v>463</v>
      </c>
      <c r="R67" s="17">
        <v>28123</v>
      </c>
    </row>
    <row r="68" spans="1:18">
      <c r="A68" s="21" t="s">
        <v>1428</v>
      </c>
      <c r="B68" s="10" t="s">
        <v>25</v>
      </c>
      <c r="C68" s="11" t="s">
        <v>25</v>
      </c>
      <c r="D68" s="17">
        <v>877</v>
      </c>
      <c r="E68" s="17">
        <v>16</v>
      </c>
      <c r="F68" s="17">
        <v>218</v>
      </c>
      <c r="G68" s="17">
        <v>643</v>
      </c>
      <c r="H68" s="17">
        <v>35583</v>
      </c>
      <c r="I68" s="17">
        <v>496</v>
      </c>
      <c r="J68" s="17">
        <v>14</v>
      </c>
      <c r="K68" s="17">
        <v>58</v>
      </c>
      <c r="L68" s="17">
        <v>424</v>
      </c>
      <c r="M68" s="17">
        <v>22429</v>
      </c>
      <c r="N68" s="17">
        <v>381</v>
      </c>
      <c r="O68" s="17">
        <v>2</v>
      </c>
      <c r="P68" s="17">
        <v>160</v>
      </c>
      <c r="Q68" s="17">
        <v>219</v>
      </c>
      <c r="R68" s="17">
        <v>13154</v>
      </c>
    </row>
    <row r="69" spans="1:18">
      <c r="A69" s="21" t="s">
        <v>1429</v>
      </c>
      <c r="B69" s="10" t="s">
        <v>25</v>
      </c>
      <c r="C69" s="11" t="s">
        <v>25</v>
      </c>
      <c r="D69" s="17">
        <v>745</v>
      </c>
      <c r="E69" s="17">
        <v>15</v>
      </c>
      <c r="F69" s="17">
        <v>213</v>
      </c>
      <c r="G69" s="17">
        <v>517</v>
      </c>
      <c r="H69" s="17">
        <v>29270</v>
      </c>
      <c r="I69" s="17">
        <v>407</v>
      </c>
      <c r="J69" s="17">
        <v>11</v>
      </c>
      <c r="K69" s="17">
        <v>66</v>
      </c>
      <c r="L69" s="17">
        <v>330</v>
      </c>
      <c r="M69" s="17">
        <v>17953</v>
      </c>
      <c r="N69" s="17">
        <v>338</v>
      </c>
      <c r="O69" s="17">
        <v>4</v>
      </c>
      <c r="P69" s="17">
        <v>147</v>
      </c>
      <c r="Q69" s="17">
        <v>187</v>
      </c>
      <c r="R69" s="17">
        <v>11317</v>
      </c>
    </row>
    <row r="70" spans="1:18">
      <c r="A70" s="21" t="s">
        <v>1430</v>
      </c>
      <c r="B70" s="10" t="s">
        <v>25</v>
      </c>
      <c r="C70" s="11" t="s">
        <v>25</v>
      </c>
      <c r="D70" s="17">
        <v>250</v>
      </c>
      <c r="E70" s="17">
        <v>3</v>
      </c>
      <c r="F70" s="17">
        <v>71</v>
      </c>
      <c r="G70" s="17">
        <v>176</v>
      </c>
      <c r="H70" s="17">
        <v>9800</v>
      </c>
      <c r="I70" s="17">
        <v>140</v>
      </c>
      <c r="J70" s="17">
        <v>2</v>
      </c>
      <c r="K70" s="17">
        <v>19</v>
      </c>
      <c r="L70" s="17">
        <v>119</v>
      </c>
      <c r="M70" s="17">
        <v>6148</v>
      </c>
      <c r="N70" s="17">
        <v>110</v>
      </c>
      <c r="O70" s="17">
        <v>1</v>
      </c>
      <c r="P70" s="17">
        <v>52</v>
      </c>
      <c r="Q70" s="17">
        <v>57</v>
      </c>
      <c r="R70" s="17">
        <v>3652</v>
      </c>
    </row>
    <row r="71" spans="1:18">
      <c r="A71" s="21" t="s">
        <v>1431</v>
      </c>
      <c r="B71" s="10" t="s">
        <v>25</v>
      </c>
      <c r="C71" s="11" t="s">
        <v>25</v>
      </c>
      <c r="D71" s="17">
        <v>1139</v>
      </c>
      <c r="E71" s="17">
        <v>16</v>
      </c>
      <c r="F71" s="17">
        <v>322</v>
      </c>
      <c r="G71" s="17">
        <v>798</v>
      </c>
      <c r="H71" s="17">
        <v>44106</v>
      </c>
      <c r="I71" s="17">
        <v>652</v>
      </c>
      <c r="J71" s="17">
        <v>11</v>
      </c>
      <c r="K71" s="17">
        <v>104</v>
      </c>
      <c r="L71" s="17">
        <v>536</v>
      </c>
      <c r="M71" s="17">
        <v>27955</v>
      </c>
      <c r="N71" s="17">
        <v>487</v>
      </c>
      <c r="O71" s="17">
        <v>5</v>
      </c>
      <c r="P71" s="17">
        <v>218</v>
      </c>
      <c r="Q71" s="17">
        <v>262</v>
      </c>
      <c r="R71" s="17">
        <v>16151</v>
      </c>
    </row>
    <row r="72" spans="1:18">
      <c r="A72" s="21" t="s">
        <v>1432</v>
      </c>
      <c r="B72" s="10" t="s">
        <v>25</v>
      </c>
      <c r="C72" s="11" t="s">
        <v>25</v>
      </c>
      <c r="D72" s="17">
        <v>449</v>
      </c>
      <c r="E72" s="17">
        <v>4</v>
      </c>
      <c r="F72" s="17">
        <v>126</v>
      </c>
      <c r="G72" s="17">
        <v>319</v>
      </c>
      <c r="H72" s="17">
        <v>17451</v>
      </c>
      <c r="I72" s="17">
        <v>261</v>
      </c>
      <c r="J72" s="17">
        <v>3</v>
      </c>
      <c r="K72" s="17">
        <v>41</v>
      </c>
      <c r="L72" s="17">
        <v>217</v>
      </c>
      <c r="M72" s="17">
        <v>11216</v>
      </c>
      <c r="N72" s="17">
        <v>188</v>
      </c>
      <c r="O72" s="17">
        <v>1</v>
      </c>
      <c r="P72" s="17">
        <v>85</v>
      </c>
      <c r="Q72" s="17">
        <v>102</v>
      </c>
      <c r="R72" s="17">
        <v>6235</v>
      </c>
    </row>
    <row r="73" spans="1:18">
      <c r="A73" s="21" t="s">
        <v>1433</v>
      </c>
      <c r="B73" s="10" t="s">
        <v>25</v>
      </c>
      <c r="C73" s="11" t="s">
        <v>25</v>
      </c>
      <c r="D73" s="17">
        <v>690</v>
      </c>
      <c r="E73" s="17">
        <v>12</v>
      </c>
      <c r="F73" s="17">
        <v>196</v>
      </c>
      <c r="G73" s="17">
        <v>479</v>
      </c>
      <c r="H73" s="17">
        <v>26655</v>
      </c>
      <c r="I73" s="17">
        <v>391</v>
      </c>
      <c r="J73" s="17">
        <v>8</v>
      </c>
      <c r="K73" s="17">
        <v>63</v>
      </c>
      <c r="L73" s="17">
        <v>319</v>
      </c>
      <c r="M73" s="17">
        <v>16739</v>
      </c>
      <c r="N73" s="17">
        <v>299</v>
      </c>
      <c r="O73" s="17">
        <v>4</v>
      </c>
      <c r="P73" s="17">
        <v>133</v>
      </c>
      <c r="Q73" s="17">
        <v>160</v>
      </c>
      <c r="R73" s="17">
        <v>9916</v>
      </c>
    </row>
    <row r="74" spans="1:18">
      <c r="A74" s="21" t="s">
        <v>1434</v>
      </c>
      <c r="B74" s="10" t="s">
        <v>25</v>
      </c>
      <c r="C74" s="11" t="s">
        <v>25</v>
      </c>
      <c r="D74" s="17">
        <v>4454</v>
      </c>
      <c r="E74" s="17">
        <v>65</v>
      </c>
      <c r="F74" s="17">
        <v>1145</v>
      </c>
      <c r="G74" s="17">
        <v>3238</v>
      </c>
      <c r="H74" s="17">
        <v>181072</v>
      </c>
      <c r="I74" s="17">
        <v>2465</v>
      </c>
      <c r="J74" s="17">
        <v>38</v>
      </c>
      <c r="K74" s="17">
        <v>408</v>
      </c>
      <c r="L74" s="17">
        <v>2016</v>
      </c>
      <c r="M74" s="17">
        <v>109583</v>
      </c>
      <c r="N74" s="17">
        <v>1989</v>
      </c>
      <c r="O74" s="17">
        <v>27</v>
      </c>
      <c r="P74" s="17">
        <v>737</v>
      </c>
      <c r="Q74" s="17">
        <v>1222</v>
      </c>
      <c r="R74" s="17">
        <v>71489</v>
      </c>
    </row>
    <row r="75" spans="1:18">
      <c r="A75" s="21" t="s">
        <v>1435</v>
      </c>
      <c r="B75" s="10" t="s">
        <v>25</v>
      </c>
      <c r="C75" s="11" t="s">
        <v>25</v>
      </c>
      <c r="D75" s="17">
        <v>689</v>
      </c>
      <c r="E75" s="17">
        <v>9</v>
      </c>
      <c r="F75" s="17">
        <v>155</v>
      </c>
      <c r="G75" s="17">
        <v>525</v>
      </c>
      <c r="H75" s="17">
        <v>28640</v>
      </c>
      <c r="I75" s="17">
        <v>396</v>
      </c>
      <c r="J75" s="18">
        <v>5</v>
      </c>
      <c r="K75" s="17">
        <v>50</v>
      </c>
      <c r="L75" s="17">
        <v>341</v>
      </c>
      <c r="M75" s="17">
        <v>17980</v>
      </c>
      <c r="N75" s="17">
        <v>293</v>
      </c>
      <c r="O75" s="17">
        <v>4</v>
      </c>
      <c r="P75" s="17">
        <v>105</v>
      </c>
      <c r="Q75" s="17">
        <v>184</v>
      </c>
      <c r="R75" s="17">
        <v>10660</v>
      </c>
    </row>
    <row r="76" spans="1:18">
      <c r="A76" s="21" t="s">
        <v>1436</v>
      </c>
      <c r="B76" s="10" t="s">
        <v>25</v>
      </c>
      <c r="C76" s="11" t="s">
        <v>25</v>
      </c>
      <c r="D76" s="17">
        <v>556</v>
      </c>
      <c r="E76" s="17">
        <v>4</v>
      </c>
      <c r="F76" s="17">
        <v>164</v>
      </c>
      <c r="G76" s="17">
        <v>387</v>
      </c>
      <c r="H76" s="17">
        <v>22111</v>
      </c>
      <c r="I76" s="17">
        <v>302</v>
      </c>
      <c r="J76" s="17">
        <v>2</v>
      </c>
      <c r="K76" s="17">
        <v>54</v>
      </c>
      <c r="L76" s="17">
        <v>246</v>
      </c>
      <c r="M76" s="17">
        <v>13311</v>
      </c>
      <c r="N76" s="17">
        <v>254</v>
      </c>
      <c r="O76" s="17">
        <v>2</v>
      </c>
      <c r="P76" s="17">
        <v>110</v>
      </c>
      <c r="Q76" s="17">
        <v>141</v>
      </c>
      <c r="R76" s="17">
        <v>8800</v>
      </c>
    </row>
    <row r="77" spans="1:18">
      <c r="A77" s="21" t="s">
        <v>1437</v>
      </c>
      <c r="B77" s="10" t="s">
        <v>25</v>
      </c>
      <c r="C77" s="11" t="s">
        <v>25</v>
      </c>
      <c r="D77" s="17">
        <v>994</v>
      </c>
      <c r="E77" s="17">
        <v>20</v>
      </c>
      <c r="F77" s="17">
        <v>246</v>
      </c>
      <c r="G77" s="17">
        <v>725</v>
      </c>
      <c r="H77" s="17">
        <v>41420</v>
      </c>
      <c r="I77" s="17">
        <v>537</v>
      </c>
      <c r="J77" s="17">
        <v>10</v>
      </c>
      <c r="K77" s="17">
        <v>95</v>
      </c>
      <c r="L77" s="17">
        <v>431</v>
      </c>
      <c r="M77" s="17">
        <v>24275</v>
      </c>
      <c r="N77" s="17">
        <v>457</v>
      </c>
      <c r="O77" s="17">
        <v>10</v>
      </c>
      <c r="P77" s="17">
        <v>151</v>
      </c>
      <c r="Q77" s="17">
        <v>294</v>
      </c>
      <c r="R77" s="17">
        <v>17145</v>
      </c>
    </row>
    <row r="78" spans="1:18">
      <c r="A78" s="21" t="s">
        <v>1438</v>
      </c>
      <c r="B78" s="10" t="s">
        <v>25</v>
      </c>
      <c r="C78" s="11" t="s">
        <v>25</v>
      </c>
      <c r="D78" s="17">
        <v>655</v>
      </c>
      <c r="E78" s="17">
        <v>10</v>
      </c>
      <c r="F78" s="17">
        <v>176</v>
      </c>
      <c r="G78" s="17">
        <v>469</v>
      </c>
      <c r="H78" s="17">
        <v>26945</v>
      </c>
      <c r="I78" s="17">
        <v>339</v>
      </c>
      <c r="J78" s="17">
        <v>6</v>
      </c>
      <c r="K78" s="17">
        <v>67</v>
      </c>
      <c r="L78" s="17">
        <v>266</v>
      </c>
      <c r="M78" s="17">
        <v>15135</v>
      </c>
      <c r="N78" s="17">
        <v>316</v>
      </c>
      <c r="O78" s="17">
        <v>4</v>
      </c>
      <c r="P78" s="17">
        <v>109</v>
      </c>
      <c r="Q78" s="17">
        <v>203</v>
      </c>
      <c r="R78" s="17">
        <v>11810</v>
      </c>
    </row>
    <row r="79" spans="1:18">
      <c r="A79" s="21" t="s">
        <v>1439</v>
      </c>
      <c r="B79" s="10" t="s">
        <v>25</v>
      </c>
      <c r="C79" s="11" t="s">
        <v>25</v>
      </c>
      <c r="D79" s="17">
        <v>528</v>
      </c>
      <c r="E79" s="17">
        <v>8</v>
      </c>
      <c r="F79" s="17">
        <v>130</v>
      </c>
      <c r="G79" s="17">
        <v>390</v>
      </c>
      <c r="H79" s="17">
        <v>21157</v>
      </c>
      <c r="I79" s="17">
        <v>296</v>
      </c>
      <c r="J79" s="17">
        <v>5</v>
      </c>
      <c r="K79" s="17">
        <v>44</v>
      </c>
      <c r="L79" s="17">
        <v>247</v>
      </c>
      <c r="M79" s="17">
        <v>12930</v>
      </c>
      <c r="N79" s="17">
        <v>232</v>
      </c>
      <c r="O79" s="17">
        <v>3</v>
      </c>
      <c r="P79" s="17">
        <v>86</v>
      </c>
      <c r="Q79" s="17">
        <v>143</v>
      </c>
      <c r="R79" s="17">
        <v>8227</v>
      </c>
    </row>
    <row r="80" spans="1:18">
      <c r="A80" s="21" t="s">
        <v>1440</v>
      </c>
      <c r="B80" s="10" t="s">
        <v>25</v>
      </c>
      <c r="C80" s="11" t="s">
        <v>25</v>
      </c>
      <c r="D80" s="17">
        <v>495</v>
      </c>
      <c r="E80" s="17">
        <v>10</v>
      </c>
      <c r="F80" s="17">
        <v>140</v>
      </c>
      <c r="G80" s="17">
        <v>344</v>
      </c>
      <c r="H80" s="17">
        <v>19144</v>
      </c>
      <c r="I80" s="17">
        <v>282</v>
      </c>
      <c r="J80" s="17">
        <v>7</v>
      </c>
      <c r="K80" s="17">
        <v>47</v>
      </c>
      <c r="L80" s="17">
        <v>227</v>
      </c>
      <c r="M80" s="17">
        <v>12140</v>
      </c>
      <c r="N80" s="17">
        <v>213</v>
      </c>
      <c r="O80" s="18">
        <v>3</v>
      </c>
      <c r="P80" s="17">
        <v>93</v>
      </c>
      <c r="Q80" s="17">
        <v>117</v>
      </c>
      <c r="R80" s="17">
        <v>7004</v>
      </c>
    </row>
    <row r="81" spans="1:18">
      <c r="A81" s="21" t="s">
        <v>1441</v>
      </c>
      <c r="B81" s="10" t="s">
        <v>25</v>
      </c>
      <c r="C81" s="11" t="s">
        <v>25</v>
      </c>
      <c r="D81" s="17">
        <v>537</v>
      </c>
      <c r="E81" s="17">
        <v>4</v>
      </c>
      <c r="F81" s="17">
        <v>134</v>
      </c>
      <c r="G81" s="17">
        <v>398</v>
      </c>
      <c r="H81" s="17">
        <v>21655</v>
      </c>
      <c r="I81" s="17">
        <v>313</v>
      </c>
      <c r="J81" s="17">
        <v>3</v>
      </c>
      <c r="K81" s="17">
        <v>51</v>
      </c>
      <c r="L81" s="17">
        <v>258</v>
      </c>
      <c r="M81" s="17">
        <v>13812</v>
      </c>
      <c r="N81" s="17">
        <v>224</v>
      </c>
      <c r="O81" s="18">
        <v>1</v>
      </c>
      <c r="P81" s="17">
        <v>83</v>
      </c>
      <c r="Q81" s="17">
        <v>140</v>
      </c>
      <c r="R81" s="17">
        <v>7843</v>
      </c>
    </row>
    <row r="82" spans="1:18">
      <c r="A82" s="21" t="s">
        <v>1442</v>
      </c>
      <c r="B82" s="10" t="s">
        <v>25</v>
      </c>
      <c r="C82" s="11" t="s">
        <v>25</v>
      </c>
      <c r="D82" s="17">
        <v>2466</v>
      </c>
      <c r="E82" s="18">
        <v>52</v>
      </c>
      <c r="F82" s="17">
        <v>588</v>
      </c>
      <c r="G82" s="17">
        <v>1817</v>
      </c>
      <c r="H82" s="17">
        <v>99715</v>
      </c>
      <c r="I82" s="17">
        <v>1397</v>
      </c>
      <c r="J82" s="18">
        <v>34</v>
      </c>
      <c r="K82" s="17">
        <v>181</v>
      </c>
      <c r="L82" s="17">
        <v>1175</v>
      </c>
      <c r="M82" s="17">
        <v>62225</v>
      </c>
      <c r="N82" s="17">
        <v>1069</v>
      </c>
      <c r="O82" s="18">
        <v>18</v>
      </c>
      <c r="P82" s="17">
        <v>407</v>
      </c>
      <c r="Q82" s="17">
        <v>642</v>
      </c>
      <c r="R82" s="17">
        <v>37490</v>
      </c>
    </row>
    <row r="83" spans="1:18">
      <c r="A83" s="21" t="s">
        <v>1443</v>
      </c>
      <c r="B83" s="10" t="s">
        <v>25</v>
      </c>
      <c r="C83" s="11" t="s">
        <v>25</v>
      </c>
      <c r="D83" s="17">
        <v>916</v>
      </c>
      <c r="E83" s="18">
        <v>17</v>
      </c>
      <c r="F83" s="17">
        <v>232</v>
      </c>
      <c r="G83" s="17">
        <v>665</v>
      </c>
      <c r="H83" s="17">
        <v>36324</v>
      </c>
      <c r="I83" s="17">
        <v>525</v>
      </c>
      <c r="J83" s="18">
        <v>9</v>
      </c>
      <c r="K83" s="17">
        <v>72</v>
      </c>
      <c r="L83" s="17">
        <v>442</v>
      </c>
      <c r="M83" s="17">
        <v>23231</v>
      </c>
      <c r="N83" s="17">
        <v>391</v>
      </c>
      <c r="O83" s="18">
        <v>8</v>
      </c>
      <c r="P83" s="17">
        <v>160</v>
      </c>
      <c r="Q83" s="17">
        <v>223</v>
      </c>
      <c r="R83" s="17">
        <v>13093</v>
      </c>
    </row>
    <row r="84" spans="1:18">
      <c r="A84" s="21" t="s">
        <v>1444</v>
      </c>
      <c r="B84" s="10" t="s">
        <v>25</v>
      </c>
      <c r="C84" s="11" t="s">
        <v>25</v>
      </c>
      <c r="D84" s="18">
        <v>945</v>
      </c>
      <c r="E84" s="18">
        <v>18</v>
      </c>
      <c r="F84" s="18">
        <v>215</v>
      </c>
      <c r="G84" s="18">
        <v>712</v>
      </c>
      <c r="H84" s="18">
        <v>39364</v>
      </c>
      <c r="I84" s="18">
        <v>533</v>
      </c>
      <c r="J84" s="18">
        <v>14</v>
      </c>
      <c r="K84" s="18">
        <v>68</v>
      </c>
      <c r="L84" s="18">
        <v>451</v>
      </c>
      <c r="M84" s="18">
        <v>24217</v>
      </c>
      <c r="N84" s="18">
        <v>412</v>
      </c>
      <c r="O84" s="18">
        <v>4</v>
      </c>
      <c r="P84" s="18">
        <v>147</v>
      </c>
      <c r="Q84" s="18">
        <v>261</v>
      </c>
      <c r="R84" s="18">
        <v>15147</v>
      </c>
    </row>
    <row r="85" spans="1:18">
      <c r="A85" s="21" t="s">
        <v>1445</v>
      </c>
      <c r="B85" s="10" t="s">
        <v>25</v>
      </c>
      <c r="C85" s="11" t="s">
        <v>25</v>
      </c>
      <c r="D85" s="18">
        <v>605</v>
      </c>
      <c r="E85" s="18">
        <v>17</v>
      </c>
      <c r="F85" s="18">
        <v>141</v>
      </c>
      <c r="G85" s="18">
        <v>440</v>
      </c>
      <c r="H85" s="18">
        <v>24027</v>
      </c>
      <c r="I85" s="18">
        <v>339</v>
      </c>
      <c r="J85" s="18">
        <v>11</v>
      </c>
      <c r="K85" s="18">
        <v>41</v>
      </c>
      <c r="L85" s="18">
        <v>282</v>
      </c>
      <c r="M85" s="18">
        <v>14777</v>
      </c>
      <c r="N85" s="18">
        <v>266</v>
      </c>
      <c r="O85" s="18">
        <v>6</v>
      </c>
      <c r="P85" s="18">
        <v>100</v>
      </c>
      <c r="Q85" s="18">
        <v>158</v>
      </c>
      <c r="R85" s="18">
        <v>9250</v>
      </c>
    </row>
    <row r="86" spans="1:18">
      <c r="A86" s="21" t="s">
        <v>1446</v>
      </c>
      <c r="B86" s="10" t="s">
        <v>25</v>
      </c>
      <c r="C86" s="11" t="s">
        <v>25</v>
      </c>
      <c r="D86" s="18">
        <v>4065</v>
      </c>
      <c r="E86" s="18">
        <v>57</v>
      </c>
      <c r="F86" s="18">
        <v>1072</v>
      </c>
      <c r="G86" s="18">
        <v>2931</v>
      </c>
      <c r="H86" s="18">
        <v>165561</v>
      </c>
      <c r="I86" s="18">
        <v>2306</v>
      </c>
      <c r="J86" s="18">
        <v>37</v>
      </c>
      <c r="K86" s="18">
        <v>351</v>
      </c>
      <c r="L86" s="18">
        <v>1914</v>
      </c>
      <c r="M86" s="18">
        <v>104831</v>
      </c>
      <c r="N86" s="18">
        <v>1759</v>
      </c>
      <c r="O86" s="18">
        <v>20</v>
      </c>
      <c r="P86" s="18">
        <v>721</v>
      </c>
      <c r="Q86" s="18">
        <v>1017</v>
      </c>
      <c r="R86" s="18">
        <v>60730</v>
      </c>
    </row>
    <row r="87" spans="1:18">
      <c r="A87" s="21" t="s">
        <v>1447</v>
      </c>
      <c r="B87" s="10" t="s">
        <v>25</v>
      </c>
      <c r="C87" s="11" t="s">
        <v>25</v>
      </c>
      <c r="D87" s="17">
        <v>835</v>
      </c>
      <c r="E87" s="17">
        <v>12</v>
      </c>
      <c r="F87" s="17">
        <v>220</v>
      </c>
      <c r="G87" s="17">
        <v>603</v>
      </c>
      <c r="H87" s="17">
        <v>34513</v>
      </c>
      <c r="I87" s="17">
        <v>471</v>
      </c>
      <c r="J87" s="17">
        <v>9</v>
      </c>
      <c r="K87" s="17">
        <v>73</v>
      </c>
      <c r="L87" s="17">
        <v>389</v>
      </c>
      <c r="M87" s="17">
        <v>21441</v>
      </c>
      <c r="N87" s="17">
        <v>364</v>
      </c>
      <c r="O87" s="17">
        <v>3</v>
      </c>
      <c r="P87" s="17">
        <v>147</v>
      </c>
      <c r="Q87" s="17">
        <v>214</v>
      </c>
      <c r="R87" s="17">
        <v>13072</v>
      </c>
    </row>
    <row r="88" spans="1:18">
      <c r="A88" s="21" t="s">
        <v>1448</v>
      </c>
      <c r="B88" s="10" t="s">
        <v>25</v>
      </c>
      <c r="C88" s="11" t="s">
        <v>25</v>
      </c>
      <c r="D88" s="17">
        <v>871</v>
      </c>
      <c r="E88" s="17">
        <v>15</v>
      </c>
      <c r="F88" s="17">
        <v>195</v>
      </c>
      <c r="G88" s="17">
        <v>660</v>
      </c>
      <c r="H88" s="17">
        <v>36138</v>
      </c>
      <c r="I88" s="17">
        <v>515</v>
      </c>
      <c r="J88" s="17">
        <v>8</v>
      </c>
      <c r="K88" s="17">
        <v>68</v>
      </c>
      <c r="L88" s="17">
        <v>438</v>
      </c>
      <c r="M88" s="17">
        <v>23624</v>
      </c>
      <c r="N88" s="17">
        <v>356</v>
      </c>
      <c r="O88" s="17">
        <v>7</v>
      </c>
      <c r="P88" s="17">
        <v>127</v>
      </c>
      <c r="Q88" s="17">
        <v>222</v>
      </c>
      <c r="R88" s="17">
        <v>12514</v>
      </c>
    </row>
    <row r="89" spans="1:18">
      <c r="A89" s="21" t="s">
        <v>1449</v>
      </c>
      <c r="B89" s="10" t="s">
        <v>25</v>
      </c>
      <c r="C89" s="11" t="s">
        <v>25</v>
      </c>
      <c r="D89" s="17">
        <v>635</v>
      </c>
      <c r="E89" s="17">
        <v>11</v>
      </c>
      <c r="F89" s="17">
        <v>172</v>
      </c>
      <c r="G89" s="17">
        <v>451</v>
      </c>
      <c r="H89" s="17">
        <v>25941</v>
      </c>
      <c r="I89" s="17">
        <v>362</v>
      </c>
      <c r="J89" s="17">
        <v>7</v>
      </c>
      <c r="K89" s="17">
        <v>62</v>
      </c>
      <c r="L89" s="17">
        <v>292</v>
      </c>
      <c r="M89" s="17">
        <v>16360</v>
      </c>
      <c r="N89" s="17">
        <v>273</v>
      </c>
      <c r="O89" s="17">
        <v>4</v>
      </c>
      <c r="P89" s="17">
        <v>110</v>
      </c>
      <c r="Q89" s="17">
        <v>159</v>
      </c>
      <c r="R89" s="17">
        <v>9581</v>
      </c>
    </row>
    <row r="90" spans="1:18">
      <c r="A90" s="21" t="s">
        <v>1450</v>
      </c>
      <c r="B90" s="10" t="s">
        <v>25</v>
      </c>
      <c r="C90" s="11" t="s">
        <v>25</v>
      </c>
      <c r="D90" s="17">
        <v>658</v>
      </c>
      <c r="E90" s="17">
        <v>5</v>
      </c>
      <c r="F90" s="17">
        <v>182</v>
      </c>
      <c r="G90" s="17">
        <v>470</v>
      </c>
      <c r="H90" s="17">
        <v>26808</v>
      </c>
      <c r="I90" s="17">
        <v>362</v>
      </c>
      <c r="J90" s="17">
        <v>3</v>
      </c>
      <c r="K90" s="17">
        <v>54</v>
      </c>
      <c r="L90" s="17">
        <v>304</v>
      </c>
      <c r="M90" s="17">
        <v>16956</v>
      </c>
      <c r="N90" s="17">
        <v>296</v>
      </c>
      <c r="O90" s="17">
        <v>2</v>
      </c>
      <c r="P90" s="17">
        <v>128</v>
      </c>
      <c r="Q90" s="17">
        <v>166</v>
      </c>
      <c r="R90" s="17">
        <v>9852</v>
      </c>
    </row>
    <row r="91" spans="1:18">
      <c r="A91" s="21" t="s">
        <v>1451</v>
      </c>
      <c r="B91" s="10" t="s">
        <v>25</v>
      </c>
      <c r="C91" s="11" t="s">
        <v>25</v>
      </c>
      <c r="D91" s="17">
        <v>568</v>
      </c>
      <c r="E91" s="17">
        <v>8</v>
      </c>
      <c r="F91" s="17">
        <v>153</v>
      </c>
      <c r="G91" s="17">
        <v>407</v>
      </c>
      <c r="H91" s="17">
        <v>22892</v>
      </c>
      <c r="I91" s="17">
        <v>323</v>
      </c>
      <c r="J91" s="17">
        <v>5</v>
      </c>
      <c r="K91" s="17">
        <v>43</v>
      </c>
      <c r="L91" s="17">
        <v>275</v>
      </c>
      <c r="M91" s="17">
        <v>14752</v>
      </c>
      <c r="N91" s="17">
        <v>245</v>
      </c>
      <c r="O91" s="18">
        <v>3</v>
      </c>
      <c r="P91" s="17">
        <v>110</v>
      </c>
      <c r="Q91" s="17">
        <v>132</v>
      </c>
      <c r="R91" s="17">
        <v>8140</v>
      </c>
    </row>
    <row r="92" spans="1:18">
      <c r="A92" s="21" t="s">
        <v>1452</v>
      </c>
      <c r="B92" s="10" t="s">
        <v>25</v>
      </c>
      <c r="C92" s="11" t="s">
        <v>25</v>
      </c>
      <c r="D92" s="17">
        <v>498</v>
      </c>
      <c r="E92" s="17">
        <v>6</v>
      </c>
      <c r="F92" s="17">
        <v>150</v>
      </c>
      <c r="G92" s="17">
        <v>340</v>
      </c>
      <c r="H92" s="17">
        <v>19269</v>
      </c>
      <c r="I92" s="17">
        <v>273</v>
      </c>
      <c r="J92" s="17">
        <v>5</v>
      </c>
      <c r="K92" s="17">
        <v>51</v>
      </c>
      <c r="L92" s="17">
        <v>216</v>
      </c>
      <c r="M92" s="17">
        <v>11698</v>
      </c>
      <c r="N92" s="17">
        <v>225</v>
      </c>
      <c r="O92" s="17">
        <v>1</v>
      </c>
      <c r="P92" s="17">
        <v>99</v>
      </c>
      <c r="Q92" s="17">
        <v>124</v>
      </c>
      <c r="R92" s="17">
        <v>7571</v>
      </c>
    </row>
    <row r="93" spans="1:18">
      <c r="A93" s="21" t="s">
        <v>1453</v>
      </c>
      <c r="B93" s="10" t="s">
        <v>25</v>
      </c>
      <c r="C93" s="11" t="s">
        <v>25</v>
      </c>
      <c r="D93" s="17">
        <v>3621</v>
      </c>
      <c r="E93" s="17">
        <v>60</v>
      </c>
      <c r="F93" s="17">
        <v>891</v>
      </c>
      <c r="G93" s="17">
        <v>2668</v>
      </c>
      <c r="H93" s="17">
        <v>147646</v>
      </c>
      <c r="I93" s="17">
        <v>2152</v>
      </c>
      <c r="J93" s="17">
        <v>35</v>
      </c>
      <c r="K93" s="17">
        <v>266</v>
      </c>
      <c r="L93" s="17">
        <v>1849</v>
      </c>
      <c r="M93" s="17">
        <v>98306</v>
      </c>
      <c r="N93" s="17">
        <v>1469</v>
      </c>
      <c r="O93" s="17">
        <v>25</v>
      </c>
      <c r="P93" s="17">
        <v>625</v>
      </c>
      <c r="Q93" s="17">
        <v>819</v>
      </c>
      <c r="R93" s="17">
        <v>49340</v>
      </c>
    </row>
    <row r="94" spans="1:18">
      <c r="A94" s="21" t="s">
        <v>1454</v>
      </c>
      <c r="B94" s="10" t="s">
        <v>25</v>
      </c>
      <c r="C94" s="11" t="s">
        <v>25</v>
      </c>
      <c r="D94" s="17">
        <v>923</v>
      </c>
      <c r="E94" s="17">
        <v>15</v>
      </c>
      <c r="F94" s="17">
        <v>242</v>
      </c>
      <c r="G94" s="17">
        <v>666</v>
      </c>
      <c r="H94" s="17">
        <v>37187</v>
      </c>
      <c r="I94" s="17">
        <v>551</v>
      </c>
      <c r="J94" s="17">
        <v>11</v>
      </c>
      <c r="K94" s="17">
        <v>84</v>
      </c>
      <c r="L94" s="17">
        <v>456</v>
      </c>
      <c r="M94" s="17">
        <v>24500</v>
      </c>
      <c r="N94" s="17">
        <v>372</v>
      </c>
      <c r="O94" s="17">
        <v>4</v>
      </c>
      <c r="P94" s="17">
        <v>158</v>
      </c>
      <c r="Q94" s="17">
        <v>210</v>
      </c>
      <c r="R94" s="17">
        <v>12687</v>
      </c>
    </row>
    <row r="95" spans="1:18">
      <c r="A95" s="21" t="s">
        <v>1455</v>
      </c>
      <c r="B95" s="10" t="s">
        <v>25</v>
      </c>
      <c r="C95" s="11" t="s">
        <v>25</v>
      </c>
      <c r="D95" s="17">
        <v>1082</v>
      </c>
      <c r="E95" s="17">
        <v>23</v>
      </c>
      <c r="F95" s="17">
        <v>262</v>
      </c>
      <c r="G95" s="17">
        <v>796</v>
      </c>
      <c r="H95" s="17">
        <v>43575</v>
      </c>
      <c r="I95" s="17">
        <v>649</v>
      </c>
      <c r="J95" s="17">
        <v>13</v>
      </c>
      <c r="K95" s="17">
        <v>76</v>
      </c>
      <c r="L95" s="17">
        <v>559</v>
      </c>
      <c r="M95" s="17">
        <v>29229</v>
      </c>
      <c r="N95" s="17">
        <v>433</v>
      </c>
      <c r="O95" s="17">
        <v>10</v>
      </c>
      <c r="P95" s="17">
        <v>186</v>
      </c>
      <c r="Q95" s="17">
        <v>237</v>
      </c>
      <c r="R95" s="17">
        <v>14346</v>
      </c>
    </row>
    <row r="96" spans="1:18">
      <c r="A96" s="21" t="s">
        <v>1456</v>
      </c>
      <c r="B96" s="10" t="s">
        <v>25</v>
      </c>
      <c r="C96" s="11" t="s">
        <v>25</v>
      </c>
      <c r="D96" s="17">
        <v>849</v>
      </c>
      <c r="E96" s="17">
        <v>16</v>
      </c>
      <c r="F96" s="17">
        <v>212</v>
      </c>
      <c r="G96" s="17">
        <v>621</v>
      </c>
      <c r="H96" s="17">
        <v>35222</v>
      </c>
      <c r="I96" s="17">
        <v>498</v>
      </c>
      <c r="J96" s="17">
        <v>8</v>
      </c>
      <c r="K96" s="17">
        <v>59</v>
      </c>
      <c r="L96" s="17">
        <v>431</v>
      </c>
      <c r="M96" s="17">
        <v>23459</v>
      </c>
      <c r="N96" s="17">
        <v>351</v>
      </c>
      <c r="O96" s="17">
        <v>8</v>
      </c>
      <c r="P96" s="17">
        <v>153</v>
      </c>
      <c r="Q96" s="17">
        <v>190</v>
      </c>
      <c r="R96" s="17">
        <v>11763</v>
      </c>
    </row>
    <row r="97" spans="1:18">
      <c r="A97" s="21" t="s">
        <v>1457</v>
      </c>
      <c r="B97" s="10" t="s">
        <v>25</v>
      </c>
      <c r="C97" s="11" t="s">
        <v>25</v>
      </c>
      <c r="D97" s="17">
        <v>767</v>
      </c>
      <c r="E97" s="17">
        <v>6</v>
      </c>
      <c r="F97" s="17">
        <v>175</v>
      </c>
      <c r="G97" s="17">
        <v>585</v>
      </c>
      <c r="H97" s="17">
        <v>31662</v>
      </c>
      <c r="I97" s="17">
        <v>454</v>
      </c>
      <c r="J97" s="17">
        <v>3</v>
      </c>
      <c r="K97" s="17">
        <v>47</v>
      </c>
      <c r="L97" s="17">
        <v>403</v>
      </c>
      <c r="M97" s="17">
        <v>21118</v>
      </c>
      <c r="N97" s="17">
        <v>313</v>
      </c>
      <c r="O97" s="17">
        <v>3</v>
      </c>
      <c r="P97" s="17">
        <v>128</v>
      </c>
      <c r="Q97" s="17">
        <v>182</v>
      </c>
      <c r="R97" s="17">
        <v>10544</v>
      </c>
    </row>
    <row r="98" spans="1:18">
      <c r="A98" s="21" t="s">
        <v>1458</v>
      </c>
      <c r="B98" s="10" t="s">
        <v>25</v>
      </c>
      <c r="C98" s="11" t="s">
        <v>25</v>
      </c>
      <c r="D98" s="17">
        <v>2194</v>
      </c>
      <c r="E98" s="17">
        <v>24</v>
      </c>
      <c r="F98" s="17">
        <v>573</v>
      </c>
      <c r="G98" s="17">
        <v>1591</v>
      </c>
      <c r="H98" s="17">
        <v>88391</v>
      </c>
      <c r="I98" s="17">
        <v>1258</v>
      </c>
      <c r="J98" s="17">
        <v>14</v>
      </c>
      <c r="K98" s="17">
        <v>176</v>
      </c>
      <c r="L98" s="17">
        <v>1064</v>
      </c>
      <c r="M98" s="17">
        <v>56504</v>
      </c>
      <c r="N98" s="17">
        <v>936</v>
      </c>
      <c r="O98" s="17">
        <v>10</v>
      </c>
      <c r="P98" s="17">
        <v>397</v>
      </c>
      <c r="Q98" s="17">
        <v>527</v>
      </c>
      <c r="R98" s="17">
        <v>31887</v>
      </c>
    </row>
    <row r="99" spans="1:18">
      <c r="A99" s="21" t="s">
        <v>1459</v>
      </c>
      <c r="B99" s="10" t="s">
        <v>25</v>
      </c>
      <c r="C99" s="11" t="s">
        <v>25</v>
      </c>
      <c r="D99" s="17">
        <v>564</v>
      </c>
      <c r="E99" s="17">
        <v>3</v>
      </c>
      <c r="F99" s="17">
        <v>137</v>
      </c>
      <c r="G99" s="17">
        <v>424</v>
      </c>
      <c r="H99" s="17">
        <v>22926</v>
      </c>
      <c r="I99" s="17">
        <v>309</v>
      </c>
      <c r="J99" s="17">
        <v>2</v>
      </c>
      <c r="K99" s="17">
        <v>43</v>
      </c>
      <c r="L99" s="17">
        <v>264</v>
      </c>
      <c r="M99" s="17">
        <v>13878</v>
      </c>
      <c r="N99" s="17">
        <v>255</v>
      </c>
      <c r="O99" s="17">
        <v>1</v>
      </c>
      <c r="P99" s="17">
        <v>94</v>
      </c>
      <c r="Q99" s="17">
        <v>160</v>
      </c>
      <c r="R99" s="17">
        <v>9048</v>
      </c>
    </row>
    <row r="100" spans="1:18">
      <c r="A100" s="21" t="s">
        <v>1460</v>
      </c>
      <c r="B100" s="10" t="s">
        <v>25</v>
      </c>
      <c r="C100" s="11" t="s">
        <v>25</v>
      </c>
      <c r="D100" s="17">
        <v>355</v>
      </c>
      <c r="E100" s="17">
        <v>4</v>
      </c>
      <c r="F100" s="17">
        <v>93</v>
      </c>
      <c r="G100" s="17">
        <v>256</v>
      </c>
      <c r="H100" s="17">
        <v>14766</v>
      </c>
      <c r="I100" s="17">
        <v>222</v>
      </c>
      <c r="J100" s="17">
        <v>2</v>
      </c>
      <c r="K100" s="17">
        <v>32</v>
      </c>
      <c r="L100" s="17">
        <v>187</v>
      </c>
      <c r="M100" s="17">
        <v>10188</v>
      </c>
      <c r="N100" s="17">
        <v>133</v>
      </c>
      <c r="O100" s="17">
        <v>2</v>
      </c>
      <c r="P100" s="17">
        <v>61</v>
      </c>
      <c r="Q100" s="17">
        <v>69</v>
      </c>
      <c r="R100" s="17">
        <v>4578</v>
      </c>
    </row>
    <row r="101" spans="1:18">
      <c r="A101" s="21" t="s">
        <v>1461</v>
      </c>
      <c r="B101" s="10" t="s">
        <v>25</v>
      </c>
      <c r="C101" s="11" t="s">
        <v>25</v>
      </c>
      <c r="D101" s="17">
        <v>606</v>
      </c>
      <c r="E101" s="17">
        <v>11</v>
      </c>
      <c r="F101" s="17">
        <v>172</v>
      </c>
      <c r="G101" s="17">
        <v>421</v>
      </c>
      <c r="H101" s="17">
        <v>23807</v>
      </c>
      <c r="I101" s="17">
        <v>351</v>
      </c>
      <c r="J101" s="17">
        <v>7</v>
      </c>
      <c r="K101" s="17">
        <v>53</v>
      </c>
      <c r="L101" s="17">
        <v>289</v>
      </c>
      <c r="M101" s="17">
        <v>15506</v>
      </c>
      <c r="N101" s="17">
        <v>255</v>
      </c>
      <c r="O101" s="17">
        <v>4</v>
      </c>
      <c r="P101" s="17">
        <v>119</v>
      </c>
      <c r="Q101" s="17">
        <v>132</v>
      </c>
      <c r="R101" s="17">
        <v>8301</v>
      </c>
    </row>
    <row r="102" spans="1:18">
      <c r="A102" s="21" t="s">
        <v>1462</v>
      </c>
      <c r="B102" s="10" t="s">
        <v>25</v>
      </c>
      <c r="C102" s="11" t="s">
        <v>25</v>
      </c>
      <c r="D102" s="17">
        <v>669</v>
      </c>
      <c r="E102" s="18">
        <v>6</v>
      </c>
      <c r="F102" s="17">
        <v>171</v>
      </c>
      <c r="G102" s="17">
        <v>490</v>
      </c>
      <c r="H102" s="17">
        <v>26892</v>
      </c>
      <c r="I102" s="17">
        <v>376</v>
      </c>
      <c r="J102" s="18">
        <v>3</v>
      </c>
      <c r="K102" s="17">
        <v>48</v>
      </c>
      <c r="L102" s="17">
        <v>324</v>
      </c>
      <c r="M102" s="17">
        <v>16932</v>
      </c>
      <c r="N102" s="17">
        <v>293</v>
      </c>
      <c r="O102" s="18">
        <v>3</v>
      </c>
      <c r="P102" s="17">
        <v>123</v>
      </c>
      <c r="Q102" s="17">
        <v>166</v>
      </c>
      <c r="R102" s="17">
        <v>9960</v>
      </c>
    </row>
    <row r="103" spans="1:18">
      <c r="A103" s="21" t="s">
        <v>1463</v>
      </c>
      <c r="B103" s="10" t="s">
        <v>25</v>
      </c>
      <c r="C103" s="11" t="s">
        <v>25</v>
      </c>
      <c r="D103" s="17">
        <v>2766</v>
      </c>
      <c r="E103" s="17">
        <v>35</v>
      </c>
      <c r="F103" s="17">
        <v>686</v>
      </c>
      <c r="G103" s="17">
        <v>2044</v>
      </c>
      <c r="H103" s="17">
        <v>113587</v>
      </c>
      <c r="I103" s="17">
        <v>1598</v>
      </c>
      <c r="J103" s="17">
        <v>16</v>
      </c>
      <c r="K103" s="17">
        <v>186</v>
      </c>
      <c r="L103" s="17">
        <v>1395</v>
      </c>
      <c r="M103" s="17">
        <v>74600</v>
      </c>
      <c r="N103" s="17">
        <v>1168</v>
      </c>
      <c r="O103" s="17">
        <v>19</v>
      </c>
      <c r="P103" s="17">
        <v>500</v>
      </c>
      <c r="Q103" s="17">
        <v>649</v>
      </c>
      <c r="R103" s="17">
        <v>38987</v>
      </c>
    </row>
    <row r="104" spans="1:18">
      <c r="A104" s="21" t="s">
        <v>1464</v>
      </c>
      <c r="B104" s="10" t="s">
        <v>25</v>
      </c>
      <c r="C104" s="11" t="s">
        <v>25</v>
      </c>
      <c r="D104" s="17">
        <v>603</v>
      </c>
      <c r="E104" s="17">
        <v>7</v>
      </c>
      <c r="F104" s="17">
        <v>142</v>
      </c>
      <c r="G104" s="17">
        <v>454</v>
      </c>
      <c r="H104" s="17">
        <v>24771</v>
      </c>
      <c r="I104" s="17">
        <v>341</v>
      </c>
      <c r="J104" s="17">
        <v>5</v>
      </c>
      <c r="K104" s="17">
        <v>43</v>
      </c>
      <c r="L104" s="17">
        <v>293</v>
      </c>
      <c r="M104" s="17">
        <v>15624</v>
      </c>
      <c r="N104" s="17">
        <v>262</v>
      </c>
      <c r="O104" s="17">
        <v>2</v>
      </c>
      <c r="P104" s="17">
        <v>99</v>
      </c>
      <c r="Q104" s="17">
        <v>161</v>
      </c>
      <c r="R104" s="17">
        <v>9147</v>
      </c>
    </row>
    <row r="105" spans="1:18">
      <c r="A105" s="21" t="s">
        <v>1465</v>
      </c>
      <c r="B105" s="10" t="s">
        <v>25</v>
      </c>
      <c r="C105" s="11" t="s">
        <v>25</v>
      </c>
      <c r="D105" s="17">
        <v>1252</v>
      </c>
      <c r="E105" s="17">
        <v>11</v>
      </c>
      <c r="F105" s="17">
        <v>315</v>
      </c>
      <c r="G105" s="17">
        <v>926</v>
      </c>
      <c r="H105" s="17">
        <v>51505</v>
      </c>
      <c r="I105" s="17">
        <v>708</v>
      </c>
      <c r="J105" s="17">
        <v>4</v>
      </c>
      <c r="K105" s="17">
        <v>84</v>
      </c>
      <c r="L105" s="17">
        <v>620</v>
      </c>
      <c r="M105" s="17">
        <v>33160</v>
      </c>
      <c r="N105" s="17">
        <v>544</v>
      </c>
      <c r="O105" s="17">
        <v>7</v>
      </c>
      <c r="P105" s="17">
        <v>231</v>
      </c>
      <c r="Q105" s="17">
        <v>306</v>
      </c>
      <c r="R105" s="17">
        <v>18345</v>
      </c>
    </row>
    <row r="106" spans="1:18">
      <c r="A106" s="21" t="s">
        <v>1466</v>
      </c>
      <c r="B106" s="10" t="s">
        <v>25</v>
      </c>
      <c r="C106" s="11" t="s">
        <v>25</v>
      </c>
      <c r="D106" s="17">
        <v>394</v>
      </c>
      <c r="E106" s="17">
        <v>4</v>
      </c>
      <c r="F106" s="17">
        <v>82</v>
      </c>
      <c r="G106" s="17">
        <v>307</v>
      </c>
      <c r="H106" s="17">
        <v>16989</v>
      </c>
      <c r="I106" s="17">
        <v>250</v>
      </c>
      <c r="J106" s="17">
        <v>3</v>
      </c>
      <c r="K106" s="17">
        <v>23</v>
      </c>
      <c r="L106" s="17">
        <v>223</v>
      </c>
      <c r="M106" s="17">
        <v>12067</v>
      </c>
      <c r="N106" s="17">
        <v>144</v>
      </c>
      <c r="O106" s="17">
        <v>1</v>
      </c>
      <c r="P106" s="17">
        <v>59</v>
      </c>
      <c r="Q106" s="17">
        <v>84</v>
      </c>
      <c r="R106" s="17">
        <v>4922</v>
      </c>
    </row>
    <row r="107" spans="1:18">
      <c r="A107" s="21" t="s">
        <v>1467</v>
      </c>
      <c r="B107" s="10" t="s">
        <v>25</v>
      </c>
      <c r="C107" s="11" t="s">
        <v>25</v>
      </c>
      <c r="D107" s="17">
        <v>517</v>
      </c>
      <c r="E107" s="17">
        <v>13</v>
      </c>
      <c r="F107" s="17">
        <v>147</v>
      </c>
      <c r="G107" s="17">
        <v>357</v>
      </c>
      <c r="H107" s="17">
        <v>20322</v>
      </c>
      <c r="I107" s="17">
        <v>299</v>
      </c>
      <c r="J107" s="17">
        <v>4</v>
      </c>
      <c r="K107" s="17">
        <v>36</v>
      </c>
      <c r="L107" s="17">
        <v>259</v>
      </c>
      <c r="M107" s="17">
        <v>13749</v>
      </c>
      <c r="N107" s="17">
        <v>218</v>
      </c>
      <c r="O107" s="17">
        <v>9</v>
      </c>
      <c r="P107" s="17">
        <v>111</v>
      </c>
      <c r="Q107" s="17">
        <v>98</v>
      </c>
      <c r="R107" s="17">
        <v>6573</v>
      </c>
    </row>
    <row r="108" spans="1:18">
      <c r="A108" s="21" t="s">
        <v>1468</v>
      </c>
      <c r="B108" s="10" t="s">
        <v>25</v>
      </c>
      <c r="C108" s="11" t="s">
        <v>25</v>
      </c>
      <c r="D108" s="17">
        <v>3823</v>
      </c>
      <c r="E108" s="17">
        <v>54</v>
      </c>
      <c r="F108" s="17">
        <v>927</v>
      </c>
      <c r="G108" s="17">
        <v>2838</v>
      </c>
      <c r="H108" s="17">
        <v>159564</v>
      </c>
      <c r="I108" s="17">
        <v>2234</v>
      </c>
      <c r="J108" s="17">
        <v>28</v>
      </c>
      <c r="K108" s="17">
        <v>255</v>
      </c>
      <c r="L108" s="17">
        <v>1950</v>
      </c>
      <c r="M108" s="17">
        <v>105408</v>
      </c>
      <c r="N108" s="17">
        <v>1589</v>
      </c>
      <c r="O108" s="17">
        <v>26</v>
      </c>
      <c r="P108" s="17">
        <v>672</v>
      </c>
      <c r="Q108" s="17">
        <v>888</v>
      </c>
      <c r="R108" s="17">
        <v>54156</v>
      </c>
    </row>
    <row r="109" spans="1:18">
      <c r="A109" s="21" t="s">
        <v>1469</v>
      </c>
      <c r="B109" s="10" t="s">
        <v>25</v>
      </c>
      <c r="C109" s="11" t="s">
        <v>25</v>
      </c>
      <c r="D109" s="17">
        <v>824</v>
      </c>
      <c r="E109" s="17">
        <v>10</v>
      </c>
      <c r="F109" s="17">
        <v>215</v>
      </c>
      <c r="G109" s="17">
        <v>599</v>
      </c>
      <c r="H109" s="17">
        <v>34039</v>
      </c>
      <c r="I109" s="17">
        <v>487</v>
      </c>
      <c r="J109" s="17">
        <v>6</v>
      </c>
      <c r="K109" s="17">
        <v>67</v>
      </c>
      <c r="L109" s="17">
        <v>414</v>
      </c>
      <c r="M109" s="17">
        <v>22590</v>
      </c>
      <c r="N109" s="17">
        <v>337</v>
      </c>
      <c r="O109" s="17">
        <v>4</v>
      </c>
      <c r="P109" s="17">
        <v>148</v>
      </c>
      <c r="Q109" s="17">
        <v>185</v>
      </c>
      <c r="R109" s="17">
        <v>11449</v>
      </c>
    </row>
    <row r="110" spans="1:18">
      <c r="A110" s="21" t="s">
        <v>1470</v>
      </c>
      <c r="B110" s="10" t="s">
        <v>25</v>
      </c>
      <c r="C110" s="11" t="s">
        <v>25</v>
      </c>
      <c r="D110" s="17">
        <v>427</v>
      </c>
      <c r="E110" s="17">
        <v>4</v>
      </c>
      <c r="F110" s="17">
        <v>108</v>
      </c>
      <c r="G110" s="17">
        <v>315</v>
      </c>
      <c r="H110" s="17">
        <v>18063</v>
      </c>
      <c r="I110" s="17">
        <v>239</v>
      </c>
      <c r="J110" s="17">
        <v>1</v>
      </c>
      <c r="K110" s="17">
        <v>30</v>
      </c>
      <c r="L110" s="17">
        <v>208</v>
      </c>
      <c r="M110" s="17">
        <v>11325</v>
      </c>
      <c r="N110" s="17">
        <v>188</v>
      </c>
      <c r="O110" s="17">
        <v>3</v>
      </c>
      <c r="P110" s="17">
        <v>78</v>
      </c>
      <c r="Q110" s="17">
        <v>107</v>
      </c>
      <c r="R110" s="17">
        <v>6738</v>
      </c>
    </row>
    <row r="111" spans="1:18">
      <c r="A111" s="21" t="s">
        <v>1471</v>
      </c>
      <c r="B111" s="10" t="s">
        <v>25</v>
      </c>
      <c r="C111" s="11" t="s">
        <v>25</v>
      </c>
      <c r="D111" s="17">
        <v>1204</v>
      </c>
      <c r="E111" s="17">
        <v>19</v>
      </c>
      <c r="F111" s="17">
        <v>282</v>
      </c>
      <c r="G111" s="17">
        <v>900</v>
      </c>
      <c r="H111" s="17">
        <v>49830</v>
      </c>
      <c r="I111" s="17">
        <v>684</v>
      </c>
      <c r="J111" s="17">
        <v>6</v>
      </c>
      <c r="K111" s="17">
        <v>69</v>
      </c>
      <c r="L111" s="17">
        <v>609</v>
      </c>
      <c r="M111" s="17">
        <v>32457</v>
      </c>
      <c r="N111" s="17">
        <v>520</v>
      </c>
      <c r="O111" s="17">
        <v>13</v>
      </c>
      <c r="P111" s="17">
        <v>213</v>
      </c>
      <c r="Q111" s="17">
        <v>291</v>
      </c>
      <c r="R111" s="17">
        <v>17373</v>
      </c>
    </row>
    <row r="112" spans="1:18">
      <c r="A112" s="21" t="s">
        <v>1472</v>
      </c>
      <c r="B112" s="10" t="s">
        <v>25</v>
      </c>
      <c r="C112" s="11" t="s">
        <v>25</v>
      </c>
      <c r="D112" s="17">
        <v>233</v>
      </c>
      <c r="E112" s="17">
        <v>4</v>
      </c>
      <c r="F112" s="17">
        <v>67</v>
      </c>
      <c r="G112" s="17">
        <v>161</v>
      </c>
      <c r="H112" s="17">
        <v>9444</v>
      </c>
      <c r="I112" s="17">
        <v>127</v>
      </c>
      <c r="J112" s="17">
        <v>4</v>
      </c>
      <c r="K112" s="17">
        <v>17</v>
      </c>
      <c r="L112" s="17">
        <v>105</v>
      </c>
      <c r="M112" s="17">
        <v>5881</v>
      </c>
      <c r="N112" s="17">
        <v>106</v>
      </c>
      <c r="O112" s="17" t="s">
        <v>35</v>
      </c>
      <c r="P112" s="17">
        <v>50</v>
      </c>
      <c r="Q112" s="17">
        <v>56</v>
      </c>
      <c r="R112" s="17">
        <v>3563</v>
      </c>
    </row>
    <row r="113" spans="1:18">
      <c r="A113" s="21" t="s">
        <v>1473</v>
      </c>
      <c r="B113" s="10" t="s">
        <v>25</v>
      </c>
      <c r="C113" s="11" t="s">
        <v>25</v>
      </c>
      <c r="D113" s="17">
        <v>1135</v>
      </c>
      <c r="E113" s="17">
        <v>17</v>
      </c>
      <c r="F113" s="17">
        <v>255</v>
      </c>
      <c r="G113" s="17">
        <v>863</v>
      </c>
      <c r="H113" s="17">
        <v>48188</v>
      </c>
      <c r="I113" s="17">
        <v>697</v>
      </c>
      <c r="J113" s="17">
        <v>11</v>
      </c>
      <c r="K113" s="17">
        <v>72</v>
      </c>
      <c r="L113" s="17">
        <v>614</v>
      </c>
      <c r="M113" s="17">
        <v>33155</v>
      </c>
      <c r="N113" s="17">
        <v>438</v>
      </c>
      <c r="O113" s="17">
        <v>6</v>
      </c>
      <c r="P113" s="17">
        <v>183</v>
      </c>
      <c r="Q113" s="17">
        <v>249</v>
      </c>
      <c r="R113" s="17">
        <v>15033</v>
      </c>
    </row>
    <row r="114" spans="1:18">
      <c r="A114" s="21" t="s">
        <v>1474</v>
      </c>
      <c r="B114" s="10" t="s">
        <v>25</v>
      </c>
      <c r="C114" s="11" t="s">
        <v>25</v>
      </c>
      <c r="D114" s="18">
        <v>3228</v>
      </c>
      <c r="E114" s="18">
        <v>65</v>
      </c>
      <c r="F114" s="18">
        <v>806</v>
      </c>
      <c r="G114" s="18">
        <v>2347</v>
      </c>
      <c r="H114" s="18">
        <v>129586</v>
      </c>
      <c r="I114" s="18">
        <v>1886</v>
      </c>
      <c r="J114" s="18">
        <v>44</v>
      </c>
      <c r="K114" s="18">
        <v>240</v>
      </c>
      <c r="L114" s="18">
        <v>1596</v>
      </c>
      <c r="M114" s="18">
        <v>84348</v>
      </c>
      <c r="N114" s="18">
        <v>1342</v>
      </c>
      <c r="O114" s="18">
        <v>21</v>
      </c>
      <c r="P114" s="18">
        <v>566</v>
      </c>
      <c r="Q114" s="18">
        <v>751</v>
      </c>
      <c r="R114" s="18">
        <v>45238</v>
      </c>
    </row>
    <row r="115" spans="1:18">
      <c r="A115" s="21" t="s">
        <v>1475</v>
      </c>
      <c r="B115" s="10" t="s">
        <v>25</v>
      </c>
      <c r="C115" s="11" t="s">
        <v>25</v>
      </c>
      <c r="D115" s="18">
        <v>999</v>
      </c>
      <c r="E115" s="18">
        <v>11</v>
      </c>
      <c r="F115" s="18">
        <v>267</v>
      </c>
      <c r="G115" s="18">
        <v>720</v>
      </c>
      <c r="H115" s="18">
        <v>39849</v>
      </c>
      <c r="I115" s="18">
        <v>591</v>
      </c>
      <c r="J115" s="18">
        <v>9</v>
      </c>
      <c r="K115" s="18">
        <v>82</v>
      </c>
      <c r="L115" s="18">
        <v>500</v>
      </c>
      <c r="M115" s="18">
        <v>26459</v>
      </c>
      <c r="N115" s="18">
        <v>408</v>
      </c>
      <c r="O115" s="18">
        <v>2</v>
      </c>
      <c r="P115" s="18">
        <v>185</v>
      </c>
      <c r="Q115" s="18">
        <v>220</v>
      </c>
      <c r="R115" s="18">
        <v>13390</v>
      </c>
    </row>
    <row r="116" spans="1:18">
      <c r="A116" s="21" t="s">
        <v>1476</v>
      </c>
      <c r="B116" s="10" t="s">
        <v>25</v>
      </c>
      <c r="C116" s="11" t="s">
        <v>25</v>
      </c>
      <c r="D116" s="17">
        <v>815</v>
      </c>
      <c r="E116" s="17">
        <v>16</v>
      </c>
      <c r="F116" s="17">
        <v>225</v>
      </c>
      <c r="G116" s="17">
        <v>572</v>
      </c>
      <c r="H116" s="17">
        <v>32373</v>
      </c>
      <c r="I116" s="17">
        <v>475</v>
      </c>
      <c r="J116" s="17">
        <v>9</v>
      </c>
      <c r="K116" s="17">
        <v>62</v>
      </c>
      <c r="L116" s="17">
        <v>403</v>
      </c>
      <c r="M116" s="17">
        <v>21348</v>
      </c>
      <c r="N116" s="17">
        <v>340</v>
      </c>
      <c r="O116" s="17">
        <v>7</v>
      </c>
      <c r="P116" s="17">
        <v>163</v>
      </c>
      <c r="Q116" s="17">
        <v>169</v>
      </c>
      <c r="R116" s="17">
        <v>11025</v>
      </c>
    </row>
    <row r="117" spans="1:18">
      <c r="A117" s="21" t="s">
        <v>1477</v>
      </c>
      <c r="B117" s="10" t="s">
        <v>25</v>
      </c>
      <c r="C117" s="11" t="s">
        <v>25</v>
      </c>
      <c r="D117" s="17">
        <v>861</v>
      </c>
      <c r="E117" s="18">
        <v>27</v>
      </c>
      <c r="F117" s="17">
        <v>207</v>
      </c>
      <c r="G117" s="17">
        <v>621</v>
      </c>
      <c r="H117" s="17">
        <v>34175</v>
      </c>
      <c r="I117" s="17">
        <v>492</v>
      </c>
      <c r="J117" s="18">
        <v>20</v>
      </c>
      <c r="K117" s="17">
        <v>62</v>
      </c>
      <c r="L117" s="17">
        <v>406</v>
      </c>
      <c r="M117" s="17">
        <v>21575</v>
      </c>
      <c r="N117" s="17">
        <v>369</v>
      </c>
      <c r="O117" s="18">
        <v>7</v>
      </c>
      <c r="P117" s="17">
        <v>145</v>
      </c>
      <c r="Q117" s="17">
        <v>215</v>
      </c>
      <c r="R117" s="17">
        <v>12600</v>
      </c>
    </row>
    <row r="118" spans="1:18">
      <c r="A118" s="21" t="s">
        <v>1478</v>
      </c>
      <c r="B118" s="10" t="s">
        <v>25</v>
      </c>
      <c r="C118" s="11" t="s">
        <v>25</v>
      </c>
      <c r="D118" s="17">
        <v>553</v>
      </c>
      <c r="E118" s="17">
        <v>11</v>
      </c>
      <c r="F118" s="17">
        <v>107</v>
      </c>
      <c r="G118" s="17">
        <v>434</v>
      </c>
      <c r="H118" s="17">
        <v>23189</v>
      </c>
      <c r="I118" s="17">
        <v>328</v>
      </c>
      <c r="J118" s="18">
        <v>6</v>
      </c>
      <c r="K118" s="17">
        <v>34</v>
      </c>
      <c r="L118" s="17">
        <v>287</v>
      </c>
      <c r="M118" s="17">
        <v>14966</v>
      </c>
      <c r="N118" s="17">
        <v>225</v>
      </c>
      <c r="O118" s="17">
        <v>5</v>
      </c>
      <c r="P118" s="17">
        <v>73</v>
      </c>
      <c r="Q118" s="17">
        <v>147</v>
      </c>
      <c r="R118" s="17">
        <v>8223</v>
      </c>
    </row>
    <row r="119" spans="1:18">
      <c r="A119" s="22"/>
      <c r="B119" s="28"/>
      <c r="C119" s="28"/>
      <c r="D119" s="19"/>
      <c r="E119" s="19"/>
      <c r="F119" s="19"/>
      <c r="G119" s="19"/>
      <c r="H119" s="19"/>
      <c r="I119" s="19"/>
      <c r="J119" s="19"/>
      <c r="K119" s="19"/>
      <c r="L119" s="19"/>
      <c r="M119" s="19"/>
      <c r="N119" s="19"/>
      <c r="O119" s="19"/>
      <c r="P119" s="19"/>
      <c r="Q119" s="19"/>
      <c r="R119" s="19"/>
    </row>
    <row r="120" spans="1:18">
      <c r="A120" s="22"/>
      <c r="B120" s="28"/>
      <c r="C120" s="28"/>
      <c r="D120" s="19"/>
      <c r="E120" s="19"/>
      <c r="F120" s="19"/>
      <c r="G120" s="19"/>
      <c r="H120" s="19"/>
      <c r="I120" s="19"/>
      <c r="J120" s="19"/>
      <c r="K120" s="19"/>
      <c r="L120" s="19"/>
      <c r="M120" s="19"/>
      <c r="N120" s="19"/>
      <c r="O120" s="19"/>
      <c r="P120" s="19"/>
      <c r="Q120" s="19"/>
      <c r="R120" s="19"/>
    </row>
    <row r="121" spans="1:18">
      <c r="B121" s="28"/>
      <c r="C121" s="28"/>
    </row>
    <row r="122" spans="1:18">
      <c r="B122" s="28"/>
      <c r="C122" s="28"/>
    </row>
    <row r="123" spans="1:18">
      <c r="B123" s="28"/>
      <c r="C123" s="28"/>
    </row>
    <row r="124" spans="1:18">
      <c r="B124" s="28"/>
      <c r="C124" s="28"/>
    </row>
    <row r="125" spans="1:18">
      <c r="B125" s="28"/>
      <c r="C125" s="28"/>
    </row>
    <row r="126" spans="1:18">
      <c r="B126" s="28"/>
      <c r="C126" s="28"/>
    </row>
    <row r="127" spans="1:18">
      <c r="B127" s="28"/>
      <c r="C127" s="28"/>
    </row>
    <row r="128" spans="1:18">
      <c r="B128" s="28"/>
      <c r="C128" s="28"/>
    </row>
    <row r="129" spans="2:3">
      <c r="B129" s="28"/>
      <c r="C129" s="28"/>
    </row>
    <row r="130" spans="2:3">
      <c r="B130" s="28"/>
      <c r="C130" s="28"/>
    </row>
    <row r="131" spans="2:3">
      <c r="B131" s="28"/>
      <c r="C131" s="28"/>
    </row>
    <row r="132" spans="2:3">
      <c r="B132" s="28"/>
      <c r="C132" s="28"/>
    </row>
    <row r="133" spans="2:3">
      <c r="B133" s="28"/>
      <c r="C133" s="28"/>
    </row>
    <row r="134" spans="2:3">
      <c r="B134" s="28"/>
      <c r="C134" s="28"/>
    </row>
    <row r="135" spans="2:3">
      <c r="B135" s="28"/>
      <c r="C135" s="28"/>
    </row>
  </sheetData>
  <mergeCells count="7">
    <mergeCell ref="A1:D1"/>
    <mergeCell ref="A3:R3"/>
    <mergeCell ref="A6:A7"/>
    <mergeCell ref="B6:C7"/>
    <mergeCell ref="D6:H6"/>
    <mergeCell ref="I6:M6"/>
    <mergeCell ref="N6:R6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65" fitToHeight="0" pageOrder="overThenDown" orientation="landscape" horizontalDpi="300" verticalDpi="300" r:id="rId1"/>
  <headerFooter alignWithMargins="0"/>
  <rowBreaks count="1" manualBreakCount="1">
    <brk id="92" max="17" man="1"/>
  </rowBreaks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R81"/>
  <sheetViews>
    <sheetView zoomScaleNormal="100" workbookViewId="0">
      <selection sqref="A1:XFD2"/>
    </sheetView>
  </sheetViews>
  <sheetFormatPr defaultRowHeight="13.5"/>
  <cols>
    <col min="1" max="1" width="25.83203125" style="12" customWidth="1"/>
    <col min="2" max="3" width="4.83203125" style="12" customWidth="1"/>
    <col min="4" max="4" width="22.1640625" style="9" customWidth="1"/>
    <col min="5" max="5" width="13.6640625" style="9" bestFit="1" customWidth="1"/>
    <col min="6" max="7" width="19.5" style="9" bestFit="1" customWidth="1"/>
    <col min="8" max="8" width="30.33203125" style="9" bestFit="1" customWidth="1"/>
    <col min="9" max="9" width="22.1640625" style="9" customWidth="1"/>
    <col min="10" max="10" width="13.6640625" style="9" bestFit="1" customWidth="1"/>
    <col min="11" max="12" width="19.5" style="9" bestFit="1" customWidth="1"/>
    <col min="13" max="13" width="30.33203125" style="9" bestFit="1" customWidth="1"/>
    <col min="14" max="14" width="22.6640625" style="9" customWidth="1"/>
    <col min="15" max="15" width="13.6640625" style="9" bestFit="1" customWidth="1"/>
    <col min="16" max="17" width="19.5" style="9" bestFit="1" customWidth="1"/>
    <col min="18" max="18" width="30.33203125" style="9" bestFit="1" customWidth="1"/>
    <col min="19" max="16384" width="9.33203125" style="9"/>
  </cols>
  <sheetData>
    <row r="1" spans="1:18" s="1" customFormat="1" ht="16.5" customHeight="1">
      <c r="A1" s="37" t="s">
        <v>0</v>
      </c>
      <c r="B1" s="37"/>
      <c r="C1" s="37"/>
      <c r="D1" s="37"/>
      <c r="E1" s="31"/>
      <c r="F1" s="31"/>
      <c r="G1" s="31"/>
      <c r="H1" s="31"/>
      <c r="I1" s="32"/>
      <c r="J1" s="32"/>
      <c r="K1" s="32"/>
      <c r="L1" s="32"/>
      <c r="M1" s="32"/>
      <c r="N1" s="32"/>
      <c r="O1" s="32"/>
      <c r="P1" s="31"/>
      <c r="Q1" s="31"/>
      <c r="R1" s="31"/>
    </row>
    <row r="2" spans="1:18" s="1" customFormat="1" ht="16.5" customHeight="1">
      <c r="D2" s="31"/>
      <c r="E2" s="31"/>
      <c r="F2" s="31"/>
      <c r="G2" s="31"/>
      <c r="H2" s="31"/>
      <c r="I2" s="32"/>
      <c r="J2" s="32"/>
      <c r="K2" s="32"/>
      <c r="L2" s="32"/>
      <c r="M2" s="32"/>
      <c r="N2" s="32"/>
      <c r="O2" s="32"/>
      <c r="P2" s="31"/>
      <c r="Q2" s="31"/>
      <c r="R2" s="31"/>
    </row>
    <row r="3" spans="1:18">
      <c r="A3" s="38" t="s">
        <v>2462</v>
      </c>
      <c r="B3" s="38"/>
      <c r="C3" s="38"/>
      <c r="D3" s="38"/>
      <c r="E3" s="38"/>
      <c r="F3" s="38"/>
      <c r="G3" s="38"/>
      <c r="H3" s="38"/>
      <c r="I3" s="38"/>
      <c r="J3" s="38"/>
      <c r="K3" s="38"/>
      <c r="L3" s="38"/>
      <c r="M3" s="38"/>
      <c r="N3" s="38"/>
      <c r="O3" s="38"/>
      <c r="P3" s="38"/>
      <c r="Q3" s="38"/>
      <c r="R3" s="38"/>
    </row>
    <row r="4" spans="1:18">
      <c r="A4" s="9"/>
      <c r="B4" s="9"/>
      <c r="C4" s="9"/>
    </row>
    <row r="6" spans="1:18" ht="13.5" customHeight="1">
      <c r="A6" s="48" t="s">
        <v>26</v>
      </c>
      <c r="B6" s="41" t="s">
        <v>27</v>
      </c>
      <c r="C6" s="42"/>
      <c r="D6" s="45" t="s">
        <v>2463</v>
      </c>
      <c r="E6" s="46"/>
      <c r="F6" s="46"/>
      <c r="G6" s="46"/>
      <c r="H6" s="47"/>
      <c r="I6" s="45" t="s">
        <v>2464</v>
      </c>
      <c r="J6" s="46"/>
      <c r="K6" s="46"/>
      <c r="L6" s="46"/>
      <c r="M6" s="47"/>
      <c r="N6" s="45" t="s">
        <v>2465</v>
      </c>
      <c r="O6" s="46"/>
      <c r="P6" s="46"/>
      <c r="Q6" s="46"/>
      <c r="R6" s="47"/>
    </row>
    <row r="7" spans="1:18" s="23" customFormat="1">
      <c r="A7" s="49"/>
      <c r="B7" s="43"/>
      <c r="C7" s="44"/>
      <c r="D7" s="29" t="s">
        <v>2466</v>
      </c>
      <c r="E7" s="29" t="s">
        <v>2467</v>
      </c>
      <c r="F7" s="29" t="s">
        <v>2468</v>
      </c>
      <c r="G7" s="29" t="s">
        <v>2469</v>
      </c>
      <c r="H7" s="29" t="s">
        <v>2470</v>
      </c>
      <c r="I7" s="29" t="s">
        <v>2471</v>
      </c>
      <c r="J7" s="29" t="s">
        <v>2467</v>
      </c>
      <c r="K7" s="29" t="s">
        <v>2468</v>
      </c>
      <c r="L7" s="29" t="s">
        <v>2469</v>
      </c>
      <c r="M7" s="29" t="s">
        <v>2470</v>
      </c>
      <c r="N7" s="29" t="s">
        <v>2471</v>
      </c>
      <c r="O7" s="29" t="s">
        <v>2467</v>
      </c>
      <c r="P7" s="29" t="s">
        <v>2468</v>
      </c>
      <c r="Q7" s="29" t="s">
        <v>2469</v>
      </c>
      <c r="R7" s="29" t="s">
        <v>2470</v>
      </c>
    </row>
    <row r="8" spans="1:18" s="15" customFormat="1">
      <c r="A8" s="20" t="s">
        <v>1479</v>
      </c>
      <c r="B8" s="13" t="s">
        <v>25</v>
      </c>
      <c r="C8" s="14" t="s">
        <v>25</v>
      </c>
      <c r="D8" s="16">
        <v>42726</v>
      </c>
      <c r="E8" s="16">
        <v>715</v>
      </c>
      <c r="F8" s="16">
        <v>11048</v>
      </c>
      <c r="G8" s="16">
        <v>30888</v>
      </c>
      <c r="H8" s="16">
        <v>1724521</v>
      </c>
      <c r="I8" s="16">
        <v>24212</v>
      </c>
      <c r="J8" s="16">
        <v>409</v>
      </c>
      <c r="K8" s="16">
        <v>3512</v>
      </c>
      <c r="L8" s="16">
        <v>20249</v>
      </c>
      <c r="M8" s="16">
        <v>1094515</v>
      </c>
      <c r="N8" s="16">
        <v>18514</v>
      </c>
      <c r="O8" s="16">
        <v>306</v>
      </c>
      <c r="P8" s="16">
        <v>7536</v>
      </c>
      <c r="Q8" s="16">
        <v>10639</v>
      </c>
      <c r="R8" s="16">
        <v>630006</v>
      </c>
    </row>
    <row r="9" spans="1:18">
      <c r="A9" s="30" t="s">
        <v>1480</v>
      </c>
      <c r="B9" s="10" t="s">
        <v>25</v>
      </c>
      <c r="C9" s="11" t="s">
        <v>25</v>
      </c>
      <c r="D9" s="17">
        <v>5283</v>
      </c>
      <c r="E9" s="17">
        <v>96</v>
      </c>
      <c r="F9" s="17">
        <v>1362</v>
      </c>
      <c r="G9" s="17">
        <v>3822</v>
      </c>
      <c r="H9" s="17">
        <v>212509</v>
      </c>
      <c r="I9" s="17">
        <v>2966</v>
      </c>
      <c r="J9" s="17">
        <v>57</v>
      </c>
      <c r="K9" s="17">
        <v>426</v>
      </c>
      <c r="L9" s="17">
        <v>2482</v>
      </c>
      <c r="M9" s="17">
        <v>133113</v>
      </c>
      <c r="N9" s="17">
        <v>2317</v>
      </c>
      <c r="O9" s="17">
        <v>39</v>
      </c>
      <c r="P9" s="17">
        <v>936</v>
      </c>
      <c r="Q9" s="17">
        <v>1340</v>
      </c>
      <c r="R9" s="17">
        <v>79396</v>
      </c>
    </row>
    <row r="10" spans="1:18">
      <c r="A10" s="21" t="s">
        <v>1481</v>
      </c>
      <c r="B10" s="10" t="s">
        <v>25</v>
      </c>
      <c r="C10" s="11" t="s">
        <v>25</v>
      </c>
      <c r="D10" s="17">
        <v>833</v>
      </c>
      <c r="E10" s="17">
        <v>19</v>
      </c>
      <c r="F10" s="17">
        <v>192</v>
      </c>
      <c r="G10" s="17">
        <v>622</v>
      </c>
      <c r="H10" s="17">
        <v>34301</v>
      </c>
      <c r="I10" s="17">
        <v>483</v>
      </c>
      <c r="J10" s="17">
        <v>13</v>
      </c>
      <c r="K10" s="17">
        <v>60</v>
      </c>
      <c r="L10" s="17">
        <v>410</v>
      </c>
      <c r="M10" s="17">
        <v>21997</v>
      </c>
      <c r="N10" s="17">
        <v>350</v>
      </c>
      <c r="O10" s="17">
        <v>6</v>
      </c>
      <c r="P10" s="17">
        <v>132</v>
      </c>
      <c r="Q10" s="17">
        <v>212</v>
      </c>
      <c r="R10" s="17">
        <v>12304</v>
      </c>
    </row>
    <row r="11" spans="1:18">
      <c r="A11" s="21" t="s">
        <v>1482</v>
      </c>
      <c r="B11" s="10" t="s">
        <v>25</v>
      </c>
      <c r="C11" s="11" t="s">
        <v>25</v>
      </c>
      <c r="D11" s="17">
        <v>1011</v>
      </c>
      <c r="E11" s="17">
        <v>10</v>
      </c>
      <c r="F11" s="17">
        <v>263</v>
      </c>
      <c r="G11" s="17">
        <v>738</v>
      </c>
      <c r="H11" s="17">
        <v>41115</v>
      </c>
      <c r="I11" s="17">
        <v>554</v>
      </c>
      <c r="J11" s="17">
        <v>6</v>
      </c>
      <c r="K11" s="17">
        <v>74</v>
      </c>
      <c r="L11" s="17">
        <v>474</v>
      </c>
      <c r="M11" s="17">
        <v>25393</v>
      </c>
      <c r="N11" s="17">
        <v>457</v>
      </c>
      <c r="O11" s="17">
        <v>4</v>
      </c>
      <c r="P11" s="17">
        <v>189</v>
      </c>
      <c r="Q11" s="17">
        <v>264</v>
      </c>
      <c r="R11" s="17">
        <v>15722</v>
      </c>
    </row>
    <row r="12" spans="1:18">
      <c r="A12" s="21" t="s">
        <v>1483</v>
      </c>
      <c r="B12" s="10" t="s">
        <v>25</v>
      </c>
      <c r="C12" s="11" t="s">
        <v>25</v>
      </c>
      <c r="D12" s="17">
        <v>976</v>
      </c>
      <c r="E12" s="17">
        <v>24</v>
      </c>
      <c r="F12" s="17">
        <v>242</v>
      </c>
      <c r="G12" s="17">
        <v>709</v>
      </c>
      <c r="H12" s="17">
        <v>39485</v>
      </c>
      <c r="I12" s="17">
        <v>550</v>
      </c>
      <c r="J12" s="17">
        <v>14</v>
      </c>
      <c r="K12" s="17">
        <v>74</v>
      </c>
      <c r="L12" s="17">
        <v>462</v>
      </c>
      <c r="M12" s="17">
        <v>24711</v>
      </c>
      <c r="N12" s="17">
        <v>426</v>
      </c>
      <c r="O12" s="17">
        <v>10</v>
      </c>
      <c r="P12" s="17">
        <v>168</v>
      </c>
      <c r="Q12" s="17">
        <v>247</v>
      </c>
      <c r="R12" s="17">
        <v>14774</v>
      </c>
    </row>
    <row r="13" spans="1:18">
      <c r="A13" s="21" t="s">
        <v>1484</v>
      </c>
      <c r="B13" s="10" t="s">
        <v>25</v>
      </c>
      <c r="C13" s="11" t="s">
        <v>25</v>
      </c>
      <c r="D13" s="17">
        <v>1485</v>
      </c>
      <c r="E13" s="17">
        <v>28</v>
      </c>
      <c r="F13" s="17">
        <v>370</v>
      </c>
      <c r="G13" s="17">
        <v>1085</v>
      </c>
      <c r="H13" s="17">
        <v>60454</v>
      </c>
      <c r="I13" s="17">
        <v>853</v>
      </c>
      <c r="J13" s="17">
        <v>15</v>
      </c>
      <c r="K13" s="17">
        <v>133</v>
      </c>
      <c r="L13" s="17">
        <v>704</v>
      </c>
      <c r="M13" s="17">
        <v>38461</v>
      </c>
      <c r="N13" s="17">
        <v>632</v>
      </c>
      <c r="O13" s="17">
        <v>13</v>
      </c>
      <c r="P13" s="17">
        <v>237</v>
      </c>
      <c r="Q13" s="17">
        <v>381</v>
      </c>
      <c r="R13" s="17">
        <v>21993</v>
      </c>
    </row>
    <row r="14" spans="1:18">
      <c r="A14" s="21" t="s">
        <v>1485</v>
      </c>
      <c r="B14" s="10" t="s">
        <v>25</v>
      </c>
      <c r="C14" s="11" t="s">
        <v>25</v>
      </c>
      <c r="D14" s="17">
        <v>978</v>
      </c>
      <c r="E14" s="17">
        <v>15</v>
      </c>
      <c r="F14" s="17">
        <v>295</v>
      </c>
      <c r="G14" s="17">
        <v>668</v>
      </c>
      <c r="H14" s="17">
        <v>37154</v>
      </c>
      <c r="I14" s="17">
        <v>526</v>
      </c>
      <c r="J14" s="17">
        <v>9</v>
      </c>
      <c r="K14" s="17">
        <v>85</v>
      </c>
      <c r="L14" s="17">
        <v>432</v>
      </c>
      <c r="M14" s="17">
        <v>22551</v>
      </c>
      <c r="N14" s="17">
        <v>452</v>
      </c>
      <c r="O14" s="18">
        <v>6</v>
      </c>
      <c r="P14" s="17">
        <v>210</v>
      </c>
      <c r="Q14" s="18">
        <v>236</v>
      </c>
      <c r="R14" s="17">
        <v>14603</v>
      </c>
    </row>
    <row r="15" spans="1:18">
      <c r="A15" s="21" t="s">
        <v>1486</v>
      </c>
      <c r="B15" s="10" t="s">
        <v>25</v>
      </c>
      <c r="C15" s="11" t="s">
        <v>25</v>
      </c>
      <c r="D15" s="17">
        <v>4254</v>
      </c>
      <c r="E15" s="17">
        <v>62</v>
      </c>
      <c r="F15" s="18">
        <v>1122</v>
      </c>
      <c r="G15" s="17">
        <v>3057</v>
      </c>
      <c r="H15" s="17">
        <v>173296</v>
      </c>
      <c r="I15" s="17">
        <v>2528</v>
      </c>
      <c r="J15" s="17">
        <v>40</v>
      </c>
      <c r="K15" s="18">
        <v>422</v>
      </c>
      <c r="L15" s="17">
        <v>2059</v>
      </c>
      <c r="M15" s="17">
        <v>113787</v>
      </c>
      <c r="N15" s="17">
        <v>1726</v>
      </c>
      <c r="O15" s="18">
        <v>22</v>
      </c>
      <c r="P15" s="18">
        <v>700</v>
      </c>
      <c r="Q15" s="17">
        <v>998</v>
      </c>
      <c r="R15" s="17">
        <v>59509</v>
      </c>
    </row>
    <row r="16" spans="1:18">
      <c r="A16" s="21" t="s">
        <v>1487</v>
      </c>
      <c r="B16" s="10" t="s">
        <v>25</v>
      </c>
      <c r="C16" s="11" t="s">
        <v>25</v>
      </c>
      <c r="D16" s="17">
        <v>600</v>
      </c>
      <c r="E16" s="17">
        <v>11</v>
      </c>
      <c r="F16" s="18">
        <v>165</v>
      </c>
      <c r="G16" s="18">
        <v>422</v>
      </c>
      <c r="H16" s="18">
        <v>24787</v>
      </c>
      <c r="I16" s="18">
        <v>338</v>
      </c>
      <c r="J16" s="18">
        <v>6</v>
      </c>
      <c r="K16" s="18">
        <v>47</v>
      </c>
      <c r="L16" s="18">
        <v>284</v>
      </c>
      <c r="M16" s="18">
        <v>16322</v>
      </c>
      <c r="N16" s="17">
        <v>262</v>
      </c>
      <c r="O16" s="17">
        <v>5</v>
      </c>
      <c r="P16" s="18">
        <v>118</v>
      </c>
      <c r="Q16" s="18">
        <v>138</v>
      </c>
      <c r="R16" s="18">
        <v>8465</v>
      </c>
    </row>
    <row r="17" spans="1:18">
      <c r="A17" s="21" t="s">
        <v>1488</v>
      </c>
      <c r="B17" s="10" t="s">
        <v>25</v>
      </c>
      <c r="C17" s="11" t="s">
        <v>25</v>
      </c>
      <c r="D17" s="17">
        <v>1189</v>
      </c>
      <c r="E17" s="17">
        <v>18</v>
      </c>
      <c r="F17" s="17">
        <v>312</v>
      </c>
      <c r="G17" s="17">
        <v>854</v>
      </c>
      <c r="H17" s="17">
        <v>48367</v>
      </c>
      <c r="I17" s="17">
        <v>716</v>
      </c>
      <c r="J17" s="17">
        <v>10</v>
      </c>
      <c r="K17" s="17">
        <v>121</v>
      </c>
      <c r="L17" s="17">
        <v>582</v>
      </c>
      <c r="M17" s="17">
        <v>32324</v>
      </c>
      <c r="N17" s="17">
        <v>473</v>
      </c>
      <c r="O17" s="17">
        <v>8</v>
      </c>
      <c r="P17" s="17">
        <v>191</v>
      </c>
      <c r="Q17" s="17">
        <v>272</v>
      </c>
      <c r="R17" s="17">
        <v>16043</v>
      </c>
    </row>
    <row r="18" spans="1:18">
      <c r="A18" s="21" t="s">
        <v>1489</v>
      </c>
      <c r="B18" s="10" t="s">
        <v>25</v>
      </c>
      <c r="C18" s="11" t="s">
        <v>25</v>
      </c>
      <c r="D18" s="18">
        <v>949</v>
      </c>
      <c r="E18" s="18">
        <v>12</v>
      </c>
      <c r="F18" s="18">
        <v>231</v>
      </c>
      <c r="G18" s="18">
        <v>705</v>
      </c>
      <c r="H18" s="18">
        <v>38953</v>
      </c>
      <c r="I18" s="18">
        <v>541</v>
      </c>
      <c r="J18" s="18">
        <v>11</v>
      </c>
      <c r="K18" s="18">
        <v>71</v>
      </c>
      <c r="L18" s="18">
        <v>459</v>
      </c>
      <c r="M18" s="18">
        <v>24538</v>
      </c>
      <c r="N18" s="18">
        <v>408</v>
      </c>
      <c r="O18" s="18">
        <v>1</v>
      </c>
      <c r="P18" s="18">
        <v>160</v>
      </c>
      <c r="Q18" s="18">
        <v>246</v>
      </c>
      <c r="R18" s="18">
        <v>14415</v>
      </c>
    </row>
    <row r="19" spans="1:18">
      <c r="A19" s="21" t="s">
        <v>1490</v>
      </c>
      <c r="B19" s="10" t="s">
        <v>25</v>
      </c>
      <c r="C19" s="11" t="s">
        <v>25</v>
      </c>
      <c r="D19" s="17">
        <v>666</v>
      </c>
      <c r="E19" s="17">
        <v>9</v>
      </c>
      <c r="F19" s="17">
        <v>201</v>
      </c>
      <c r="G19" s="17">
        <v>452</v>
      </c>
      <c r="H19" s="17">
        <v>26334</v>
      </c>
      <c r="I19" s="17">
        <v>401</v>
      </c>
      <c r="J19" s="17">
        <v>5</v>
      </c>
      <c r="K19" s="17">
        <v>82</v>
      </c>
      <c r="L19" s="17">
        <v>312</v>
      </c>
      <c r="M19" s="17">
        <v>17294</v>
      </c>
      <c r="N19" s="17">
        <v>265</v>
      </c>
      <c r="O19" s="17">
        <v>4</v>
      </c>
      <c r="P19" s="17">
        <v>119</v>
      </c>
      <c r="Q19" s="17">
        <v>140</v>
      </c>
      <c r="R19" s="17">
        <v>9040</v>
      </c>
    </row>
    <row r="20" spans="1:18">
      <c r="A20" s="21" t="s">
        <v>1491</v>
      </c>
      <c r="B20" s="10" t="s">
        <v>25</v>
      </c>
      <c r="C20" s="11" t="s">
        <v>25</v>
      </c>
      <c r="D20" s="18">
        <v>850</v>
      </c>
      <c r="E20" s="18">
        <v>12</v>
      </c>
      <c r="F20" s="18">
        <v>213</v>
      </c>
      <c r="G20" s="18">
        <v>624</v>
      </c>
      <c r="H20" s="18">
        <v>34855</v>
      </c>
      <c r="I20" s="18">
        <v>532</v>
      </c>
      <c r="J20" s="18">
        <v>8</v>
      </c>
      <c r="K20" s="18">
        <v>101</v>
      </c>
      <c r="L20" s="18">
        <v>422</v>
      </c>
      <c r="M20" s="18">
        <v>23309</v>
      </c>
      <c r="N20" s="18">
        <v>318</v>
      </c>
      <c r="O20" s="18">
        <v>4</v>
      </c>
      <c r="P20" s="18">
        <v>112</v>
      </c>
      <c r="Q20" s="18">
        <v>202</v>
      </c>
      <c r="R20" s="18">
        <v>11546</v>
      </c>
    </row>
    <row r="21" spans="1:18">
      <c r="A21" s="21" t="s">
        <v>1492</v>
      </c>
      <c r="B21" s="10" t="s">
        <v>25</v>
      </c>
      <c r="C21" s="11" t="s">
        <v>25</v>
      </c>
      <c r="D21" s="17">
        <v>2061</v>
      </c>
      <c r="E21" s="17">
        <v>34</v>
      </c>
      <c r="F21" s="17">
        <v>539</v>
      </c>
      <c r="G21" s="17">
        <v>1487</v>
      </c>
      <c r="H21" s="17">
        <v>83890</v>
      </c>
      <c r="I21" s="17">
        <v>1231</v>
      </c>
      <c r="J21" s="17">
        <v>21</v>
      </c>
      <c r="K21" s="17">
        <v>199</v>
      </c>
      <c r="L21" s="17">
        <v>1010</v>
      </c>
      <c r="M21" s="17">
        <v>55100</v>
      </c>
      <c r="N21" s="17">
        <v>830</v>
      </c>
      <c r="O21" s="17">
        <v>13</v>
      </c>
      <c r="P21" s="17">
        <v>340</v>
      </c>
      <c r="Q21" s="17">
        <v>477</v>
      </c>
      <c r="R21" s="17">
        <v>28790</v>
      </c>
    </row>
    <row r="22" spans="1:18">
      <c r="A22" s="21" t="s">
        <v>1493</v>
      </c>
      <c r="B22" s="10" t="s">
        <v>25</v>
      </c>
      <c r="C22" s="11" t="s">
        <v>25</v>
      </c>
      <c r="D22" s="17">
        <v>614</v>
      </c>
      <c r="E22" s="17">
        <v>7</v>
      </c>
      <c r="F22" s="17">
        <v>145</v>
      </c>
      <c r="G22" s="17">
        <v>462</v>
      </c>
      <c r="H22" s="17">
        <v>25871</v>
      </c>
      <c r="I22" s="17">
        <v>381</v>
      </c>
      <c r="J22" s="17">
        <v>2</v>
      </c>
      <c r="K22" s="17">
        <v>47</v>
      </c>
      <c r="L22" s="17">
        <v>332</v>
      </c>
      <c r="M22" s="17">
        <v>17830</v>
      </c>
      <c r="N22" s="17">
        <v>233</v>
      </c>
      <c r="O22" s="17">
        <v>5</v>
      </c>
      <c r="P22" s="17">
        <v>98</v>
      </c>
      <c r="Q22" s="17">
        <v>130</v>
      </c>
      <c r="R22" s="17">
        <v>8041</v>
      </c>
    </row>
    <row r="23" spans="1:18">
      <c r="A23" s="21" t="s">
        <v>1494</v>
      </c>
      <c r="B23" s="10" t="s">
        <v>25</v>
      </c>
      <c r="C23" s="11" t="s">
        <v>25</v>
      </c>
      <c r="D23" s="17">
        <v>613</v>
      </c>
      <c r="E23" s="18">
        <v>9</v>
      </c>
      <c r="F23" s="17">
        <v>177</v>
      </c>
      <c r="G23" s="17">
        <v>427</v>
      </c>
      <c r="H23" s="17">
        <v>24608</v>
      </c>
      <c r="I23" s="17">
        <v>362</v>
      </c>
      <c r="J23" s="18">
        <v>5</v>
      </c>
      <c r="K23" s="17">
        <v>72</v>
      </c>
      <c r="L23" s="17">
        <v>285</v>
      </c>
      <c r="M23" s="17">
        <v>15889</v>
      </c>
      <c r="N23" s="17">
        <v>251</v>
      </c>
      <c r="O23" s="18">
        <v>4</v>
      </c>
      <c r="P23" s="17">
        <v>105</v>
      </c>
      <c r="Q23" s="17">
        <v>142</v>
      </c>
      <c r="R23" s="17">
        <v>8719</v>
      </c>
    </row>
    <row r="24" spans="1:18">
      <c r="A24" s="21" t="s">
        <v>1495</v>
      </c>
      <c r="B24" s="10" t="s">
        <v>25</v>
      </c>
      <c r="C24" s="11" t="s">
        <v>25</v>
      </c>
      <c r="D24" s="17">
        <v>834</v>
      </c>
      <c r="E24" s="17">
        <v>18</v>
      </c>
      <c r="F24" s="17">
        <v>217</v>
      </c>
      <c r="G24" s="17">
        <v>598</v>
      </c>
      <c r="H24" s="17">
        <v>33411</v>
      </c>
      <c r="I24" s="17">
        <v>488</v>
      </c>
      <c r="J24" s="17">
        <v>14</v>
      </c>
      <c r="K24" s="17">
        <v>80</v>
      </c>
      <c r="L24" s="17">
        <v>393</v>
      </c>
      <c r="M24" s="17">
        <v>21381</v>
      </c>
      <c r="N24" s="17">
        <v>346</v>
      </c>
      <c r="O24" s="17">
        <v>4</v>
      </c>
      <c r="P24" s="17">
        <v>137</v>
      </c>
      <c r="Q24" s="17">
        <v>205</v>
      </c>
      <c r="R24" s="17">
        <v>12030</v>
      </c>
    </row>
    <row r="25" spans="1:18">
      <c r="A25" s="21" t="s">
        <v>1496</v>
      </c>
      <c r="B25" s="10" t="s">
        <v>25</v>
      </c>
      <c r="C25" s="11" t="s">
        <v>25</v>
      </c>
      <c r="D25" s="17">
        <v>3134</v>
      </c>
      <c r="E25" s="17">
        <v>57</v>
      </c>
      <c r="F25" s="17">
        <v>811</v>
      </c>
      <c r="G25" s="17">
        <v>2263</v>
      </c>
      <c r="H25" s="17">
        <v>127418</v>
      </c>
      <c r="I25" s="17">
        <v>1840</v>
      </c>
      <c r="J25" s="17">
        <v>45</v>
      </c>
      <c r="K25" s="17">
        <v>262</v>
      </c>
      <c r="L25" s="17">
        <v>1531</v>
      </c>
      <c r="M25" s="17">
        <v>82900</v>
      </c>
      <c r="N25" s="17">
        <v>1294</v>
      </c>
      <c r="O25" s="17">
        <v>12</v>
      </c>
      <c r="P25" s="17">
        <v>549</v>
      </c>
      <c r="Q25" s="17">
        <v>732</v>
      </c>
      <c r="R25" s="17">
        <v>44518</v>
      </c>
    </row>
    <row r="26" spans="1:18">
      <c r="A26" s="21" t="s">
        <v>1497</v>
      </c>
      <c r="B26" s="10" t="s">
        <v>25</v>
      </c>
      <c r="C26" s="11" t="s">
        <v>25</v>
      </c>
      <c r="D26" s="17">
        <v>409</v>
      </c>
      <c r="E26" s="17">
        <v>12</v>
      </c>
      <c r="F26" s="17">
        <v>92</v>
      </c>
      <c r="G26" s="17">
        <v>305</v>
      </c>
      <c r="H26" s="17">
        <v>16638</v>
      </c>
      <c r="I26" s="17">
        <v>241</v>
      </c>
      <c r="J26" s="17">
        <v>9</v>
      </c>
      <c r="K26" s="17">
        <v>30</v>
      </c>
      <c r="L26" s="17">
        <v>202</v>
      </c>
      <c r="M26" s="17">
        <v>10780</v>
      </c>
      <c r="N26" s="17">
        <v>168</v>
      </c>
      <c r="O26" s="17">
        <v>3</v>
      </c>
      <c r="P26" s="17">
        <v>62</v>
      </c>
      <c r="Q26" s="17">
        <v>103</v>
      </c>
      <c r="R26" s="17">
        <v>5858</v>
      </c>
    </row>
    <row r="27" spans="1:18">
      <c r="A27" s="21" t="s">
        <v>1498</v>
      </c>
      <c r="B27" s="10" t="s">
        <v>25</v>
      </c>
      <c r="C27" s="11" t="s">
        <v>25</v>
      </c>
      <c r="D27" s="17">
        <v>1078</v>
      </c>
      <c r="E27" s="17">
        <v>20</v>
      </c>
      <c r="F27" s="17">
        <v>256</v>
      </c>
      <c r="G27" s="17">
        <v>801</v>
      </c>
      <c r="H27" s="17">
        <v>44546</v>
      </c>
      <c r="I27" s="17">
        <v>638</v>
      </c>
      <c r="J27" s="17">
        <v>18</v>
      </c>
      <c r="K27" s="17">
        <v>77</v>
      </c>
      <c r="L27" s="17">
        <v>542</v>
      </c>
      <c r="M27" s="17">
        <v>28999</v>
      </c>
      <c r="N27" s="17">
        <v>440</v>
      </c>
      <c r="O27" s="17">
        <v>2</v>
      </c>
      <c r="P27" s="17">
        <v>179</v>
      </c>
      <c r="Q27" s="17">
        <v>259</v>
      </c>
      <c r="R27" s="17">
        <v>15547</v>
      </c>
    </row>
    <row r="28" spans="1:18">
      <c r="A28" s="21" t="s">
        <v>1499</v>
      </c>
      <c r="B28" s="10" t="s">
        <v>25</v>
      </c>
      <c r="C28" s="11" t="s">
        <v>25</v>
      </c>
      <c r="D28" s="17">
        <v>513</v>
      </c>
      <c r="E28" s="17">
        <v>8</v>
      </c>
      <c r="F28" s="17">
        <v>138</v>
      </c>
      <c r="G28" s="17">
        <v>367</v>
      </c>
      <c r="H28" s="17">
        <v>21233</v>
      </c>
      <c r="I28" s="17">
        <v>284</v>
      </c>
      <c r="J28" s="17">
        <v>7</v>
      </c>
      <c r="K28" s="17">
        <v>42</v>
      </c>
      <c r="L28" s="17">
        <v>235</v>
      </c>
      <c r="M28" s="17">
        <v>12956</v>
      </c>
      <c r="N28" s="17">
        <v>229</v>
      </c>
      <c r="O28" s="17">
        <v>1</v>
      </c>
      <c r="P28" s="17">
        <v>96</v>
      </c>
      <c r="Q28" s="17">
        <v>132</v>
      </c>
      <c r="R28" s="17">
        <v>8277</v>
      </c>
    </row>
    <row r="29" spans="1:18">
      <c r="A29" s="21" t="s">
        <v>1500</v>
      </c>
      <c r="B29" s="10" t="s">
        <v>25</v>
      </c>
      <c r="C29" s="11" t="s">
        <v>25</v>
      </c>
      <c r="D29" s="17">
        <v>1134</v>
      </c>
      <c r="E29" s="17">
        <v>17</v>
      </c>
      <c r="F29" s="17">
        <v>325</v>
      </c>
      <c r="G29" s="17">
        <v>790</v>
      </c>
      <c r="H29" s="17">
        <v>45001</v>
      </c>
      <c r="I29" s="17">
        <v>677</v>
      </c>
      <c r="J29" s="17">
        <v>11</v>
      </c>
      <c r="K29" s="17">
        <v>113</v>
      </c>
      <c r="L29" s="17">
        <v>552</v>
      </c>
      <c r="M29" s="17">
        <v>30165</v>
      </c>
      <c r="N29" s="17">
        <v>457</v>
      </c>
      <c r="O29" s="17">
        <v>6</v>
      </c>
      <c r="P29" s="17">
        <v>212</v>
      </c>
      <c r="Q29" s="17">
        <v>238</v>
      </c>
      <c r="R29" s="17">
        <v>14836</v>
      </c>
    </row>
    <row r="30" spans="1:18">
      <c r="A30" s="21" t="s">
        <v>1501</v>
      </c>
      <c r="B30" s="10" t="s">
        <v>25</v>
      </c>
      <c r="C30" s="11" t="s">
        <v>25</v>
      </c>
      <c r="D30" s="17">
        <v>3173</v>
      </c>
      <c r="E30" s="17">
        <v>64</v>
      </c>
      <c r="F30" s="17">
        <v>824</v>
      </c>
      <c r="G30" s="17">
        <v>2277</v>
      </c>
      <c r="H30" s="17">
        <v>126290</v>
      </c>
      <c r="I30" s="17">
        <v>1797</v>
      </c>
      <c r="J30" s="17">
        <v>27</v>
      </c>
      <c r="K30" s="17">
        <v>273</v>
      </c>
      <c r="L30" s="17">
        <v>1494</v>
      </c>
      <c r="M30" s="17">
        <v>80450</v>
      </c>
      <c r="N30" s="17">
        <v>1376</v>
      </c>
      <c r="O30" s="17">
        <v>37</v>
      </c>
      <c r="P30" s="17">
        <v>551</v>
      </c>
      <c r="Q30" s="17">
        <v>783</v>
      </c>
      <c r="R30" s="17">
        <v>45840</v>
      </c>
    </row>
    <row r="31" spans="1:18">
      <c r="A31" s="21" t="s">
        <v>1502</v>
      </c>
      <c r="B31" s="10" t="s">
        <v>25</v>
      </c>
      <c r="C31" s="11" t="s">
        <v>25</v>
      </c>
      <c r="D31" s="17">
        <v>1079</v>
      </c>
      <c r="E31" s="17">
        <v>16</v>
      </c>
      <c r="F31" s="17">
        <v>270</v>
      </c>
      <c r="G31" s="17">
        <v>791</v>
      </c>
      <c r="H31" s="17">
        <v>43489</v>
      </c>
      <c r="I31" s="17">
        <v>607</v>
      </c>
      <c r="J31" s="17">
        <v>7</v>
      </c>
      <c r="K31" s="17">
        <v>102</v>
      </c>
      <c r="L31" s="17">
        <v>498</v>
      </c>
      <c r="M31" s="17">
        <v>27233</v>
      </c>
      <c r="N31" s="17">
        <v>472</v>
      </c>
      <c r="O31" s="17">
        <v>9</v>
      </c>
      <c r="P31" s="17">
        <v>168</v>
      </c>
      <c r="Q31" s="17">
        <v>293</v>
      </c>
      <c r="R31" s="17">
        <v>16256</v>
      </c>
    </row>
    <row r="32" spans="1:18">
      <c r="A32" s="21" t="s">
        <v>1503</v>
      </c>
      <c r="B32" s="10" t="s">
        <v>25</v>
      </c>
      <c r="C32" s="11" t="s">
        <v>25</v>
      </c>
      <c r="D32" s="17">
        <v>506</v>
      </c>
      <c r="E32" s="17">
        <v>16</v>
      </c>
      <c r="F32" s="17">
        <v>127</v>
      </c>
      <c r="G32" s="17">
        <v>359</v>
      </c>
      <c r="H32" s="17">
        <v>20067</v>
      </c>
      <c r="I32" s="17">
        <v>296</v>
      </c>
      <c r="J32" s="18">
        <v>4</v>
      </c>
      <c r="K32" s="17">
        <v>47</v>
      </c>
      <c r="L32" s="17">
        <v>243</v>
      </c>
      <c r="M32" s="17">
        <v>13156</v>
      </c>
      <c r="N32" s="17">
        <v>210</v>
      </c>
      <c r="O32" s="17">
        <v>12</v>
      </c>
      <c r="P32" s="17">
        <v>80</v>
      </c>
      <c r="Q32" s="17">
        <v>116</v>
      </c>
      <c r="R32" s="17">
        <v>6911</v>
      </c>
    </row>
    <row r="33" spans="1:18">
      <c r="A33" s="21" t="s">
        <v>1504</v>
      </c>
      <c r="B33" s="10" t="s">
        <v>25</v>
      </c>
      <c r="C33" s="11" t="s">
        <v>25</v>
      </c>
      <c r="D33" s="17">
        <v>1588</v>
      </c>
      <c r="E33" s="17">
        <v>32</v>
      </c>
      <c r="F33" s="17">
        <v>427</v>
      </c>
      <c r="G33" s="17">
        <v>1127</v>
      </c>
      <c r="H33" s="17">
        <v>62734</v>
      </c>
      <c r="I33" s="17">
        <v>894</v>
      </c>
      <c r="J33" s="17">
        <v>16</v>
      </c>
      <c r="K33" s="17">
        <v>124</v>
      </c>
      <c r="L33" s="17">
        <v>753</v>
      </c>
      <c r="M33" s="17">
        <v>40061</v>
      </c>
      <c r="N33" s="17">
        <v>694</v>
      </c>
      <c r="O33" s="17">
        <v>16</v>
      </c>
      <c r="P33" s="17">
        <v>303</v>
      </c>
      <c r="Q33" s="17">
        <v>374</v>
      </c>
      <c r="R33" s="17">
        <v>22673</v>
      </c>
    </row>
    <row r="34" spans="1:18">
      <c r="A34" s="21" t="s">
        <v>1505</v>
      </c>
      <c r="B34" s="10" t="s">
        <v>25</v>
      </c>
      <c r="C34" s="11" t="s">
        <v>25</v>
      </c>
      <c r="D34" s="18">
        <v>1974</v>
      </c>
      <c r="E34" s="18">
        <v>38</v>
      </c>
      <c r="F34" s="18">
        <v>519</v>
      </c>
      <c r="G34" s="18">
        <v>1414</v>
      </c>
      <c r="H34" s="18">
        <v>80292</v>
      </c>
      <c r="I34" s="18">
        <v>1080</v>
      </c>
      <c r="J34" s="18">
        <v>20</v>
      </c>
      <c r="K34" s="18">
        <v>171</v>
      </c>
      <c r="L34" s="18">
        <v>889</v>
      </c>
      <c r="M34" s="18">
        <v>49497</v>
      </c>
      <c r="N34" s="18">
        <v>894</v>
      </c>
      <c r="O34" s="18">
        <v>18</v>
      </c>
      <c r="P34" s="18">
        <v>348</v>
      </c>
      <c r="Q34" s="18">
        <v>525</v>
      </c>
      <c r="R34" s="18">
        <v>30795</v>
      </c>
    </row>
    <row r="35" spans="1:18">
      <c r="A35" s="21" t="s">
        <v>1506</v>
      </c>
      <c r="B35" s="10" t="s">
        <v>25</v>
      </c>
      <c r="C35" s="11" t="s">
        <v>25</v>
      </c>
      <c r="D35" s="17">
        <v>902</v>
      </c>
      <c r="E35" s="18">
        <v>17</v>
      </c>
      <c r="F35" s="17">
        <v>232</v>
      </c>
      <c r="G35" s="17">
        <v>651</v>
      </c>
      <c r="H35" s="17">
        <v>36587</v>
      </c>
      <c r="I35" s="17">
        <v>505</v>
      </c>
      <c r="J35" s="18">
        <v>11</v>
      </c>
      <c r="K35" s="17">
        <v>80</v>
      </c>
      <c r="L35" s="17">
        <v>414</v>
      </c>
      <c r="M35" s="17">
        <v>22741</v>
      </c>
      <c r="N35" s="17">
        <v>397</v>
      </c>
      <c r="O35" s="18">
        <v>6</v>
      </c>
      <c r="P35" s="17">
        <v>152</v>
      </c>
      <c r="Q35" s="17">
        <v>237</v>
      </c>
      <c r="R35" s="17">
        <v>13846</v>
      </c>
    </row>
    <row r="36" spans="1:18">
      <c r="A36" s="21" t="s">
        <v>1507</v>
      </c>
      <c r="B36" s="10" t="s">
        <v>25</v>
      </c>
      <c r="C36" s="11" t="s">
        <v>25</v>
      </c>
      <c r="D36" s="17">
        <v>1072</v>
      </c>
      <c r="E36" s="17">
        <v>21</v>
      </c>
      <c r="F36" s="17">
        <v>287</v>
      </c>
      <c r="G36" s="17">
        <v>763</v>
      </c>
      <c r="H36" s="17">
        <v>43705</v>
      </c>
      <c r="I36" s="17">
        <v>575</v>
      </c>
      <c r="J36" s="17">
        <v>9</v>
      </c>
      <c r="K36" s="17">
        <v>91</v>
      </c>
      <c r="L36" s="17">
        <v>475</v>
      </c>
      <c r="M36" s="17">
        <v>26756</v>
      </c>
      <c r="N36" s="17">
        <v>497</v>
      </c>
      <c r="O36" s="17">
        <v>12</v>
      </c>
      <c r="P36" s="17">
        <v>196</v>
      </c>
      <c r="Q36" s="17">
        <v>288</v>
      </c>
      <c r="R36" s="17">
        <v>16949</v>
      </c>
    </row>
    <row r="37" spans="1:18">
      <c r="A37" s="21" t="s">
        <v>1508</v>
      </c>
      <c r="B37" s="10" t="s">
        <v>25</v>
      </c>
      <c r="C37" s="11" t="s">
        <v>25</v>
      </c>
      <c r="D37" s="17">
        <v>925</v>
      </c>
      <c r="E37" s="17">
        <v>24</v>
      </c>
      <c r="F37" s="17">
        <v>246</v>
      </c>
      <c r="G37" s="17">
        <v>650</v>
      </c>
      <c r="H37" s="17">
        <v>36907</v>
      </c>
      <c r="I37" s="17">
        <v>495</v>
      </c>
      <c r="J37" s="17">
        <v>11</v>
      </c>
      <c r="K37" s="17">
        <v>83</v>
      </c>
      <c r="L37" s="17">
        <v>396</v>
      </c>
      <c r="M37" s="17">
        <v>21839</v>
      </c>
      <c r="N37" s="17">
        <v>430</v>
      </c>
      <c r="O37" s="17">
        <v>13</v>
      </c>
      <c r="P37" s="17">
        <v>163</v>
      </c>
      <c r="Q37" s="17">
        <v>254</v>
      </c>
      <c r="R37" s="17">
        <v>15068</v>
      </c>
    </row>
    <row r="38" spans="1:18">
      <c r="A38" s="21" t="s">
        <v>1509</v>
      </c>
      <c r="B38" s="10" t="s">
        <v>25</v>
      </c>
      <c r="C38" s="11" t="s">
        <v>25</v>
      </c>
      <c r="D38" s="17">
        <v>383</v>
      </c>
      <c r="E38" s="17">
        <v>6</v>
      </c>
      <c r="F38" s="17">
        <v>80</v>
      </c>
      <c r="G38" s="17">
        <v>295</v>
      </c>
      <c r="H38" s="17">
        <v>15900</v>
      </c>
      <c r="I38" s="17">
        <v>207</v>
      </c>
      <c r="J38" s="17">
        <v>3</v>
      </c>
      <c r="K38" s="17">
        <v>27</v>
      </c>
      <c r="L38" s="17">
        <v>175</v>
      </c>
      <c r="M38" s="17">
        <v>9315</v>
      </c>
      <c r="N38" s="17">
        <v>176</v>
      </c>
      <c r="O38" s="17">
        <v>3</v>
      </c>
      <c r="P38" s="17">
        <v>53</v>
      </c>
      <c r="Q38" s="17">
        <v>120</v>
      </c>
      <c r="R38" s="17">
        <v>6585</v>
      </c>
    </row>
    <row r="39" spans="1:18">
      <c r="A39" s="21" t="s">
        <v>1510</v>
      </c>
      <c r="B39" s="10" t="s">
        <v>25</v>
      </c>
      <c r="C39" s="11" t="s">
        <v>25</v>
      </c>
      <c r="D39" s="17">
        <v>542</v>
      </c>
      <c r="E39" s="17">
        <v>18</v>
      </c>
      <c r="F39" s="17">
        <v>166</v>
      </c>
      <c r="G39" s="17">
        <v>355</v>
      </c>
      <c r="H39" s="17">
        <v>21007</v>
      </c>
      <c r="I39" s="17">
        <v>288</v>
      </c>
      <c r="J39" s="17">
        <v>8</v>
      </c>
      <c r="K39" s="17">
        <v>56</v>
      </c>
      <c r="L39" s="17">
        <v>221</v>
      </c>
      <c r="M39" s="17">
        <v>12524</v>
      </c>
      <c r="N39" s="17">
        <v>254</v>
      </c>
      <c r="O39" s="17">
        <v>10</v>
      </c>
      <c r="P39" s="17">
        <v>110</v>
      </c>
      <c r="Q39" s="17">
        <v>134</v>
      </c>
      <c r="R39" s="17">
        <v>8483</v>
      </c>
    </row>
    <row r="40" spans="1:18">
      <c r="A40" s="21" t="s">
        <v>1511</v>
      </c>
      <c r="B40" s="10" t="s">
        <v>25</v>
      </c>
      <c r="C40" s="11" t="s">
        <v>25</v>
      </c>
      <c r="D40" s="17">
        <v>1736</v>
      </c>
      <c r="E40" s="17">
        <v>28</v>
      </c>
      <c r="F40" s="17">
        <v>401</v>
      </c>
      <c r="G40" s="17">
        <v>1307</v>
      </c>
      <c r="H40" s="17">
        <v>71035</v>
      </c>
      <c r="I40" s="17">
        <v>959</v>
      </c>
      <c r="J40" s="18">
        <v>18</v>
      </c>
      <c r="K40" s="17">
        <v>115</v>
      </c>
      <c r="L40" s="17">
        <v>826</v>
      </c>
      <c r="M40" s="17">
        <v>43623</v>
      </c>
      <c r="N40" s="17">
        <v>777</v>
      </c>
      <c r="O40" s="17">
        <v>10</v>
      </c>
      <c r="P40" s="17">
        <v>286</v>
      </c>
      <c r="Q40" s="17">
        <v>481</v>
      </c>
      <c r="R40" s="17">
        <v>27412</v>
      </c>
    </row>
    <row r="41" spans="1:18">
      <c r="A41" s="21" t="s">
        <v>1512</v>
      </c>
      <c r="B41" s="10" t="s">
        <v>25</v>
      </c>
      <c r="C41" s="11" t="s">
        <v>25</v>
      </c>
      <c r="D41" s="17">
        <v>921</v>
      </c>
      <c r="E41" s="17">
        <v>14</v>
      </c>
      <c r="F41" s="17">
        <v>209</v>
      </c>
      <c r="G41" s="17">
        <v>698</v>
      </c>
      <c r="H41" s="17">
        <v>37654</v>
      </c>
      <c r="I41" s="17">
        <v>520</v>
      </c>
      <c r="J41" s="17">
        <v>8</v>
      </c>
      <c r="K41" s="17">
        <v>57</v>
      </c>
      <c r="L41" s="17">
        <v>455</v>
      </c>
      <c r="M41" s="17">
        <v>23939</v>
      </c>
      <c r="N41" s="17">
        <v>401</v>
      </c>
      <c r="O41" s="17">
        <v>6</v>
      </c>
      <c r="P41" s="17">
        <v>152</v>
      </c>
      <c r="Q41" s="17">
        <v>243</v>
      </c>
      <c r="R41" s="17">
        <v>13715</v>
      </c>
    </row>
    <row r="42" spans="1:18">
      <c r="A42" s="21" t="s">
        <v>1513</v>
      </c>
      <c r="B42" s="10" t="s">
        <v>25</v>
      </c>
      <c r="C42" s="11" t="s">
        <v>25</v>
      </c>
      <c r="D42" s="18">
        <v>815</v>
      </c>
      <c r="E42" s="18">
        <v>14</v>
      </c>
      <c r="F42" s="18">
        <v>192</v>
      </c>
      <c r="G42" s="18">
        <v>609</v>
      </c>
      <c r="H42" s="18">
        <v>33381</v>
      </c>
      <c r="I42" s="18">
        <v>439</v>
      </c>
      <c r="J42" s="18">
        <v>10</v>
      </c>
      <c r="K42" s="18">
        <v>58</v>
      </c>
      <c r="L42" s="18">
        <v>371</v>
      </c>
      <c r="M42" s="18">
        <v>19684</v>
      </c>
      <c r="N42" s="18">
        <v>376</v>
      </c>
      <c r="O42" s="18">
        <v>4</v>
      </c>
      <c r="P42" s="18">
        <v>134</v>
      </c>
      <c r="Q42" s="18">
        <v>238</v>
      </c>
      <c r="R42" s="18">
        <v>13697</v>
      </c>
    </row>
    <row r="43" spans="1:18">
      <c r="A43" s="21" t="s">
        <v>1514</v>
      </c>
      <c r="B43" s="10" t="s">
        <v>25</v>
      </c>
      <c r="C43" s="11" t="s">
        <v>25</v>
      </c>
      <c r="D43" s="17">
        <v>4279</v>
      </c>
      <c r="E43" s="17">
        <v>72</v>
      </c>
      <c r="F43" s="17">
        <v>1168</v>
      </c>
      <c r="G43" s="17">
        <v>3034</v>
      </c>
      <c r="H43" s="17">
        <v>171576</v>
      </c>
      <c r="I43" s="17">
        <v>2420</v>
      </c>
      <c r="J43" s="17">
        <v>40</v>
      </c>
      <c r="K43" s="17">
        <v>393</v>
      </c>
      <c r="L43" s="17">
        <v>1983</v>
      </c>
      <c r="M43" s="17">
        <v>108389</v>
      </c>
      <c r="N43" s="17">
        <v>1859</v>
      </c>
      <c r="O43" s="17">
        <v>32</v>
      </c>
      <c r="P43" s="17">
        <v>775</v>
      </c>
      <c r="Q43" s="17">
        <v>1051</v>
      </c>
      <c r="R43" s="17">
        <v>63187</v>
      </c>
    </row>
    <row r="44" spans="1:18">
      <c r="A44" s="21" t="s">
        <v>1515</v>
      </c>
      <c r="B44" s="10" t="s">
        <v>25</v>
      </c>
      <c r="C44" s="11" t="s">
        <v>25</v>
      </c>
      <c r="D44" s="17">
        <v>692</v>
      </c>
      <c r="E44" s="18">
        <v>10</v>
      </c>
      <c r="F44" s="17">
        <v>181</v>
      </c>
      <c r="G44" s="17">
        <v>501</v>
      </c>
      <c r="H44" s="17">
        <v>28221</v>
      </c>
      <c r="I44" s="17">
        <v>382</v>
      </c>
      <c r="J44" s="18">
        <v>7</v>
      </c>
      <c r="K44" s="17">
        <v>64</v>
      </c>
      <c r="L44" s="17">
        <v>311</v>
      </c>
      <c r="M44" s="17">
        <v>17175</v>
      </c>
      <c r="N44" s="17">
        <v>310</v>
      </c>
      <c r="O44" s="18">
        <v>3</v>
      </c>
      <c r="P44" s="17">
        <v>117</v>
      </c>
      <c r="Q44" s="17">
        <v>190</v>
      </c>
      <c r="R44" s="17">
        <v>11046</v>
      </c>
    </row>
    <row r="45" spans="1:18">
      <c r="A45" s="21" t="s">
        <v>1516</v>
      </c>
      <c r="B45" s="10" t="s">
        <v>25</v>
      </c>
      <c r="C45" s="11" t="s">
        <v>25</v>
      </c>
      <c r="D45" s="17">
        <v>979</v>
      </c>
      <c r="E45" s="17">
        <v>15</v>
      </c>
      <c r="F45" s="17">
        <v>281</v>
      </c>
      <c r="G45" s="17">
        <v>682</v>
      </c>
      <c r="H45" s="17">
        <v>38540</v>
      </c>
      <c r="I45" s="17">
        <v>564</v>
      </c>
      <c r="J45" s="17">
        <v>8</v>
      </c>
      <c r="K45" s="17">
        <v>97</v>
      </c>
      <c r="L45" s="17">
        <v>458</v>
      </c>
      <c r="M45" s="17">
        <v>24864</v>
      </c>
      <c r="N45" s="17">
        <v>415</v>
      </c>
      <c r="O45" s="17">
        <v>7</v>
      </c>
      <c r="P45" s="17">
        <v>184</v>
      </c>
      <c r="Q45" s="17">
        <v>224</v>
      </c>
      <c r="R45" s="17">
        <v>13676</v>
      </c>
    </row>
    <row r="46" spans="1:18">
      <c r="A46" s="21" t="s">
        <v>1517</v>
      </c>
      <c r="B46" s="10" t="s">
        <v>25</v>
      </c>
      <c r="C46" s="11" t="s">
        <v>25</v>
      </c>
      <c r="D46" s="17">
        <v>1068</v>
      </c>
      <c r="E46" s="17">
        <v>17</v>
      </c>
      <c r="F46" s="17">
        <v>312</v>
      </c>
      <c r="G46" s="17">
        <v>738</v>
      </c>
      <c r="H46" s="17">
        <v>41748</v>
      </c>
      <c r="I46" s="17">
        <v>578</v>
      </c>
      <c r="J46" s="17">
        <v>8</v>
      </c>
      <c r="K46" s="17">
        <v>101</v>
      </c>
      <c r="L46" s="17">
        <v>469</v>
      </c>
      <c r="M46" s="17">
        <v>25350</v>
      </c>
      <c r="N46" s="17">
        <v>490</v>
      </c>
      <c r="O46" s="17">
        <v>9</v>
      </c>
      <c r="P46" s="17">
        <v>211</v>
      </c>
      <c r="Q46" s="17">
        <v>269</v>
      </c>
      <c r="R46" s="17">
        <v>16398</v>
      </c>
    </row>
    <row r="47" spans="1:18">
      <c r="A47" s="21" t="s">
        <v>1518</v>
      </c>
      <c r="B47" s="10" t="s">
        <v>25</v>
      </c>
      <c r="C47" s="11" t="s">
        <v>25</v>
      </c>
      <c r="D47" s="17">
        <v>797</v>
      </c>
      <c r="E47" s="17">
        <v>17</v>
      </c>
      <c r="F47" s="17">
        <v>200</v>
      </c>
      <c r="G47" s="17">
        <v>577</v>
      </c>
      <c r="H47" s="17">
        <v>32743</v>
      </c>
      <c r="I47" s="17">
        <v>470</v>
      </c>
      <c r="J47" s="17">
        <v>9</v>
      </c>
      <c r="K47" s="17">
        <v>68</v>
      </c>
      <c r="L47" s="17">
        <v>390</v>
      </c>
      <c r="M47" s="17">
        <v>21531</v>
      </c>
      <c r="N47" s="17">
        <v>327</v>
      </c>
      <c r="O47" s="17">
        <v>8</v>
      </c>
      <c r="P47" s="17">
        <v>132</v>
      </c>
      <c r="Q47" s="17">
        <v>187</v>
      </c>
      <c r="R47" s="17">
        <v>11212</v>
      </c>
    </row>
    <row r="48" spans="1:18">
      <c r="A48" s="21" t="s">
        <v>1519</v>
      </c>
      <c r="B48" s="10" t="s">
        <v>25</v>
      </c>
      <c r="C48" s="11" t="s">
        <v>25</v>
      </c>
      <c r="D48" s="17">
        <v>743</v>
      </c>
      <c r="E48" s="18">
        <v>13</v>
      </c>
      <c r="F48" s="17">
        <v>194</v>
      </c>
      <c r="G48" s="17">
        <v>536</v>
      </c>
      <c r="H48" s="17">
        <v>30324</v>
      </c>
      <c r="I48" s="17">
        <v>426</v>
      </c>
      <c r="J48" s="18">
        <v>8</v>
      </c>
      <c r="K48" s="17">
        <v>63</v>
      </c>
      <c r="L48" s="17">
        <v>355</v>
      </c>
      <c r="M48" s="17">
        <v>19469</v>
      </c>
      <c r="N48" s="17">
        <v>317</v>
      </c>
      <c r="O48" s="18">
        <v>5</v>
      </c>
      <c r="P48" s="17">
        <v>131</v>
      </c>
      <c r="Q48" s="17">
        <v>181</v>
      </c>
      <c r="R48" s="17">
        <v>10855</v>
      </c>
    </row>
    <row r="49" spans="1:18">
      <c r="A49" s="21" t="s">
        <v>1520</v>
      </c>
      <c r="B49" s="10" t="s">
        <v>25</v>
      </c>
      <c r="C49" s="11" t="s">
        <v>25</v>
      </c>
      <c r="D49" s="17">
        <v>7041</v>
      </c>
      <c r="E49" s="18">
        <v>89</v>
      </c>
      <c r="F49" s="17">
        <v>1791</v>
      </c>
      <c r="G49" s="17">
        <v>5145</v>
      </c>
      <c r="H49" s="17">
        <v>285395</v>
      </c>
      <c r="I49" s="17">
        <v>4013</v>
      </c>
      <c r="J49" s="18">
        <v>51</v>
      </c>
      <c r="K49" s="17">
        <v>517</v>
      </c>
      <c r="L49" s="17">
        <v>3436</v>
      </c>
      <c r="M49" s="17">
        <v>183984</v>
      </c>
      <c r="N49" s="17">
        <v>3028</v>
      </c>
      <c r="O49" s="18">
        <v>38</v>
      </c>
      <c r="P49" s="17">
        <v>1274</v>
      </c>
      <c r="Q49" s="17">
        <v>1709</v>
      </c>
      <c r="R49" s="17">
        <v>101411</v>
      </c>
    </row>
    <row r="50" spans="1:18">
      <c r="A50" s="21" t="s">
        <v>1521</v>
      </c>
      <c r="B50" s="10" t="s">
        <v>25</v>
      </c>
      <c r="C50" s="11" t="s">
        <v>25</v>
      </c>
      <c r="D50" s="17">
        <v>1948</v>
      </c>
      <c r="E50" s="18">
        <v>21</v>
      </c>
      <c r="F50" s="17">
        <v>487</v>
      </c>
      <c r="G50" s="17">
        <v>1439</v>
      </c>
      <c r="H50" s="17">
        <v>79090</v>
      </c>
      <c r="I50" s="17">
        <v>1089</v>
      </c>
      <c r="J50" s="18">
        <v>10</v>
      </c>
      <c r="K50" s="17">
        <v>137</v>
      </c>
      <c r="L50" s="17">
        <v>942</v>
      </c>
      <c r="M50" s="17">
        <v>49997</v>
      </c>
      <c r="N50" s="17">
        <v>859</v>
      </c>
      <c r="O50" s="18">
        <v>11</v>
      </c>
      <c r="P50" s="17">
        <v>350</v>
      </c>
      <c r="Q50" s="17">
        <v>497</v>
      </c>
      <c r="R50" s="17">
        <v>29093</v>
      </c>
    </row>
    <row r="51" spans="1:18">
      <c r="A51" s="21" t="s">
        <v>1522</v>
      </c>
      <c r="B51" s="10" t="s">
        <v>25</v>
      </c>
      <c r="C51" s="11" t="s">
        <v>25</v>
      </c>
      <c r="D51" s="17">
        <v>899</v>
      </c>
      <c r="E51" s="17">
        <v>10</v>
      </c>
      <c r="F51" s="17">
        <v>230</v>
      </c>
      <c r="G51" s="17">
        <v>658</v>
      </c>
      <c r="H51" s="17">
        <v>36205</v>
      </c>
      <c r="I51" s="17">
        <v>520</v>
      </c>
      <c r="J51" s="18">
        <v>6</v>
      </c>
      <c r="K51" s="17">
        <v>75</v>
      </c>
      <c r="L51" s="17">
        <v>438</v>
      </c>
      <c r="M51" s="17">
        <v>23702</v>
      </c>
      <c r="N51" s="17">
        <v>379</v>
      </c>
      <c r="O51" s="17">
        <v>4</v>
      </c>
      <c r="P51" s="17">
        <v>155</v>
      </c>
      <c r="Q51" s="17">
        <v>220</v>
      </c>
      <c r="R51" s="17">
        <v>12503</v>
      </c>
    </row>
    <row r="52" spans="1:18">
      <c r="A52" s="21" t="s">
        <v>1523</v>
      </c>
      <c r="B52" s="10" t="s">
        <v>25</v>
      </c>
      <c r="C52" s="11" t="s">
        <v>25</v>
      </c>
      <c r="D52" s="17">
        <v>621</v>
      </c>
      <c r="E52" s="17">
        <v>10</v>
      </c>
      <c r="F52" s="17">
        <v>177</v>
      </c>
      <c r="G52" s="17">
        <v>425</v>
      </c>
      <c r="H52" s="17">
        <v>24307</v>
      </c>
      <c r="I52" s="17">
        <v>330</v>
      </c>
      <c r="J52" s="18">
        <v>7</v>
      </c>
      <c r="K52" s="17">
        <v>51</v>
      </c>
      <c r="L52" s="17">
        <v>268</v>
      </c>
      <c r="M52" s="17">
        <v>14749</v>
      </c>
      <c r="N52" s="17">
        <v>291</v>
      </c>
      <c r="O52" s="17">
        <v>3</v>
      </c>
      <c r="P52" s="17">
        <v>126</v>
      </c>
      <c r="Q52" s="17">
        <v>157</v>
      </c>
      <c r="R52" s="17">
        <v>9558</v>
      </c>
    </row>
    <row r="53" spans="1:18">
      <c r="A53" s="21" t="s">
        <v>1524</v>
      </c>
      <c r="B53" s="10" t="s">
        <v>25</v>
      </c>
      <c r="C53" s="11" t="s">
        <v>25</v>
      </c>
      <c r="D53" s="17">
        <v>1037</v>
      </c>
      <c r="E53" s="18">
        <v>16</v>
      </c>
      <c r="F53" s="17">
        <v>262</v>
      </c>
      <c r="G53" s="17">
        <v>758</v>
      </c>
      <c r="H53" s="17">
        <v>41995</v>
      </c>
      <c r="I53" s="17">
        <v>589</v>
      </c>
      <c r="J53" s="18">
        <v>10</v>
      </c>
      <c r="K53" s="17">
        <v>77</v>
      </c>
      <c r="L53" s="17">
        <v>501</v>
      </c>
      <c r="M53" s="17">
        <v>26923</v>
      </c>
      <c r="N53" s="17">
        <v>448</v>
      </c>
      <c r="O53" s="18">
        <v>6</v>
      </c>
      <c r="P53" s="17">
        <v>185</v>
      </c>
      <c r="Q53" s="17">
        <v>257</v>
      </c>
      <c r="R53" s="17">
        <v>15072</v>
      </c>
    </row>
    <row r="54" spans="1:18">
      <c r="A54" s="21" t="s">
        <v>1525</v>
      </c>
      <c r="B54" s="10" t="s">
        <v>25</v>
      </c>
      <c r="C54" s="11" t="s">
        <v>25</v>
      </c>
      <c r="D54" s="17">
        <v>762</v>
      </c>
      <c r="E54" s="18">
        <v>7</v>
      </c>
      <c r="F54" s="17">
        <v>198</v>
      </c>
      <c r="G54" s="17">
        <v>557</v>
      </c>
      <c r="H54" s="17">
        <v>31500</v>
      </c>
      <c r="I54" s="17">
        <v>441</v>
      </c>
      <c r="J54" s="18">
        <v>5</v>
      </c>
      <c r="K54" s="17">
        <v>60</v>
      </c>
      <c r="L54" s="17">
        <v>376</v>
      </c>
      <c r="M54" s="17">
        <v>20426</v>
      </c>
      <c r="N54" s="17">
        <v>321</v>
      </c>
      <c r="O54" s="18">
        <v>2</v>
      </c>
      <c r="P54" s="17">
        <v>138</v>
      </c>
      <c r="Q54" s="17">
        <v>181</v>
      </c>
      <c r="R54" s="17">
        <v>11074</v>
      </c>
    </row>
    <row r="55" spans="1:18">
      <c r="A55" s="21" t="s">
        <v>1526</v>
      </c>
      <c r="B55" s="10" t="s">
        <v>25</v>
      </c>
      <c r="C55" s="11" t="s">
        <v>25</v>
      </c>
      <c r="D55" s="17">
        <v>670</v>
      </c>
      <c r="E55" s="17">
        <v>10</v>
      </c>
      <c r="F55" s="17">
        <v>152</v>
      </c>
      <c r="G55" s="17">
        <v>507</v>
      </c>
      <c r="H55" s="17">
        <v>27778</v>
      </c>
      <c r="I55" s="17">
        <v>394</v>
      </c>
      <c r="J55" s="17">
        <v>4</v>
      </c>
      <c r="K55" s="17">
        <v>31</v>
      </c>
      <c r="L55" s="17">
        <v>358</v>
      </c>
      <c r="M55" s="17">
        <v>18762</v>
      </c>
      <c r="N55" s="17">
        <v>276</v>
      </c>
      <c r="O55" s="17">
        <v>6</v>
      </c>
      <c r="P55" s="17">
        <v>121</v>
      </c>
      <c r="Q55" s="17">
        <v>149</v>
      </c>
      <c r="R55" s="17">
        <v>9016</v>
      </c>
    </row>
    <row r="56" spans="1:18">
      <c r="A56" s="21" t="s">
        <v>1527</v>
      </c>
      <c r="B56" s="10" t="s">
        <v>25</v>
      </c>
      <c r="C56" s="11" t="s">
        <v>25</v>
      </c>
      <c r="D56" s="17">
        <v>1104</v>
      </c>
      <c r="E56" s="17">
        <v>15</v>
      </c>
      <c r="F56" s="17">
        <v>285</v>
      </c>
      <c r="G56" s="17">
        <v>801</v>
      </c>
      <c r="H56" s="17">
        <v>44520</v>
      </c>
      <c r="I56" s="17">
        <v>650</v>
      </c>
      <c r="J56" s="17">
        <v>9</v>
      </c>
      <c r="K56" s="17">
        <v>86</v>
      </c>
      <c r="L56" s="17">
        <v>553</v>
      </c>
      <c r="M56" s="17">
        <v>29425</v>
      </c>
      <c r="N56" s="17">
        <v>454</v>
      </c>
      <c r="O56" s="17">
        <v>6</v>
      </c>
      <c r="P56" s="17">
        <v>199</v>
      </c>
      <c r="Q56" s="17">
        <v>248</v>
      </c>
      <c r="R56" s="17">
        <v>15095</v>
      </c>
    </row>
    <row r="57" spans="1:18">
      <c r="A57" s="21" t="s">
        <v>1528</v>
      </c>
      <c r="B57" s="10" t="s">
        <v>25</v>
      </c>
      <c r="C57" s="11" t="s">
        <v>25</v>
      </c>
      <c r="D57" s="17">
        <v>8866</v>
      </c>
      <c r="E57" s="17">
        <v>151</v>
      </c>
      <c r="F57" s="17">
        <v>2265</v>
      </c>
      <c r="G57" s="17">
        <v>6432</v>
      </c>
      <c r="H57" s="17">
        <v>355913</v>
      </c>
      <c r="I57" s="17">
        <v>4883</v>
      </c>
      <c r="J57" s="18">
        <v>79</v>
      </c>
      <c r="K57" s="17">
        <v>651</v>
      </c>
      <c r="L57" s="17">
        <v>4143</v>
      </c>
      <c r="M57" s="17">
        <v>221833</v>
      </c>
      <c r="N57" s="17">
        <v>3983</v>
      </c>
      <c r="O57" s="17">
        <v>72</v>
      </c>
      <c r="P57" s="17">
        <v>1614</v>
      </c>
      <c r="Q57" s="17">
        <v>2289</v>
      </c>
      <c r="R57" s="17">
        <v>134080</v>
      </c>
    </row>
    <row r="58" spans="1:18">
      <c r="A58" s="21" t="s">
        <v>1529</v>
      </c>
      <c r="B58" s="10" t="s">
        <v>25</v>
      </c>
      <c r="C58" s="11" t="s">
        <v>25</v>
      </c>
      <c r="D58" s="17">
        <v>684</v>
      </c>
      <c r="E58" s="17">
        <v>14</v>
      </c>
      <c r="F58" s="17">
        <v>151</v>
      </c>
      <c r="G58" s="17">
        <v>518</v>
      </c>
      <c r="H58" s="17">
        <v>28962</v>
      </c>
      <c r="I58" s="17">
        <v>398</v>
      </c>
      <c r="J58" s="17">
        <v>4</v>
      </c>
      <c r="K58" s="17">
        <v>28</v>
      </c>
      <c r="L58" s="17">
        <v>366</v>
      </c>
      <c r="M58" s="17">
        <v>19597</v>
      </c>
      <c r="N58" s="17">
        <v>286</v>
      </c>
      <c r="O58" s="17">
        <v>10</v>
      </c>
      <c r="P58" s="17">
        <v>123</v>
      </c>
      <c r="Q58" s="17">
        <v>152</v>
      </c>
      <c r="R58" s="17">
        <v>9365</v>
      </c>
    </row>
    <row r="59" spans="1:18">
      <c r="A59" s="21" t="s">
        <v>1530</v>
      </c>
      <c r="B59" s="10" t="s">
        <v>25</v>
      </c>
      <c r="C59" s="11" t="s">
        <v>25</v>
      </c>
      <c r="D59" s="17">
        <v>1720</v>
      </c>
      <c r="E59" s="17">
        <v>27</v>
      </c>
      <c r="F59" s="17">
        <v>455</v>
      </c>
      <c r="G59" s="17">
        <v>1235</v>
      </c>
      <c r="H59" s="17">
        <v>68907</v>
      </c>
      <c r="I59" s="17">
        <v>975</v>
      </c>
      <c r="J59" s="17">
        <v>14</v>
      </c>
      <c r="K59" s="17">
        <v>135</v>
      </c>
      <c r="L59" s="17">
        <v>826</v>
      </c>
      <c r="M59" s="17">
        <v>44358</v>
      </c>
      <c r="N59" s="17">
        <v>745</v>
      </c>
      <c r="O59" s="17">
        <v>13</v>
      </c>
      <c r="P59" s="17">
        <v>320</v>
      </c>
      <c r="Q59" s="17">
        <v>409</v>
      </c>
      <c r="R59" s="17">
        <v>24549</v>
      </c>
    </row>
    <row r="60" spans="1:18">
      <c r="A60" s="21" t="s">
        <v>1531</v>
      </c>
      <c r="B60" s="10" t="s">
        <v>25</v>
      </c>
      <c r="C60" s="11" t="s">
        <v>25</v>
      </c>
      <c r="D60" s="17">
        <v>1357</v>
      </c>
      <c r="E60" s="17">
        <v>27</v>
      </c>
      <c r="F60" s="17">
        <v>371</v>
      </c>
      <c r="G60" s="17">
        <v>956</v>
      </c>
      <c r="H60" s="17">
        <v>53449</v>
      </c>
      <c r="I60" s="17">
        <v>755</v>
      </c>
      <c r="J60" s="17">
        <v>13</v>
      </c>
      <c r="K60" s="17">
        <v>106</v>
      </c>
      <c r="L60" s="17">
        <v>634</v>
      </c>
      <c r="M60" s="17">
        <v>33794</v>
      </c>
      <c r="N60" s="17">
        <v>602</v>
      </c>
      <c r="O60" s="17">
        <v>14</v>
      </c>
      <c r="P60" s="17">
        <v>265</v>
      </c>
      <c r="Q60" s="17">
        <v>322</v>
      </c>
      <c r="R60" s="17">
        <v>19655</v>
      </c>
    </row>
    <row r="61" spans="1:18">
      <c r="A61" s="21" t="s">
        <v>1532</v>
      </c>
      <c r="B61" s="10" t="s">
        <v>25</v>
      </c>
      <c r="C61" s="11" t="s">
        <v>25</v>
      </c>
      <c r="D61" s="17">
        <v>1096</v>
      </c>
      <c r="E61" s="17">
        <v>21</v>
      </c>
      <c r="F61" s="17">
        <v>268</v>
      </c>
      <c r="G61" s="17">
        <v>803</v>
      </c>
      <c r="H61" s="17">
        <v>44833</v>
      </c>
      <c r="I61" s="17">
        <v>597</v>
      </c>
      <c r="J61" s="17">
        <v>15</v>
      </c>
      <c r="K61" s="17">
        <v>76</v>
      </c>
      <c r="L61" s="17">
        <v>503</v>
      </c>
      <c r="M61" s="17">
        <v>27438</v>
      </c>
      <c r="N61" s="17">
        <v>499</v>
      </c>
      <c r="O61" s="17">
        <v>6</v>
      </c>
      <c r="P61" s="17">
        <v>192</v>
      </c>
      <c r="Q61" s="17">
        <v>300</v>
      </c>
      <c r="R61" s="17">
        <v>17395</v>
      </c>
    </row>
    <row r="62" spans="1:18">
      <c r="A62" s="21" t="s">
        <v>1533</v>
      </c>
      <c r="B62" s="10" t="s">
        <v>25</v>
      </c>
      <c r="C62" s="11" t="s">
        <v>25</v>
      </c>
      <c r="D62" s="17">
        <v>1204</v>
      </c>
      <c r="E62" s="17">
        <v>14</v>
      </c>
      <c r="F62" s="17">
        <v>304</v>
      </c>
      <c r="G62" s="17">
        <v>886</v>
      </c>
      <c r="H62" s="17">
        <v>47755</v>
      </c>
      <c r="I62" s="17">
        <v>643</v>
      </c>
      <c r="J62" s="17">
        <v>9</v>
      </c>
      <c r="K62" s="17">
        <v>89</v>
      </c>
      <c r="L62" s="17">
        <v>545</v>
      </c>
      <c r="M62" s="17">
        <v>28535</v>
      </c>
      <c r="N62" s="17">
        <v>561</v>
      </c>
      <c r="O62" s="17">
        <v>5</v>
      </c>
      <c r="P62" s="17">
        <v>215</v>
      </c>
      <c r="Q62" s="17">
        <v>341</v>
      </c>
      <c r="R62" s="17">
        <v>19220</v>
      </c>
    </row>
    <row r="63" spans="1:18">
      <c r="A63" s="21" t="s">
        <v>1534</v>
      </c>
      <c r="B63" s="10" t="s">
        <v>25</v>
      </c>
      <c r="C63" s="11" t="s">
        <v>25</v>
      </c>
      <c r="D63" s="17">
        <v>1869</v>
      </c>
      <c r="E63" s="17">
        <v>35</v>
      </c>
      <c r="F63" s="17">
        <v>494</v>
      </c>
      <c r="G63" s="17">
        <v>1336</v>
      </c>
      <c r="H63" s="17">
        <v>73587</v>
      </c>
      <c r="I63" s="17">
        <v>1021</v>
      </c>
      <c r="J63" s="17">
        <v>18</v>
      </c>
      <c r="K63" s="17">
        <v>144</v>
      </c>
      <c r="L63" s="17">
        <v>856</v>
      </c>
      <c r="M63" s="17">
        <v>45664</v>
      </c>
      <c r="N63" s="17">
        <v>848</v>
      </c>
      <c r="O63" s="17">
        <v>17</v>
      </c>
      <c r="P63" s="17">
        <v>350</v>
      </c>
      <c r="Q63" s="17">
        <v>480</v>
      </c>
      <c r="R63" s="17">
        <v>27923</v>
      </c>
    </row>
    <row r="64" spans="1:18">
      <c r="A64" s="21" t="s">
        <v>1535</v>
      </c>
      <c r="B64" s="10" t="s">
        <v>25</v>
      </c>
      <c r="C64" s="11" t="s">
        <v>25</v>
      </c>
      <c r="D64" s="17">
        <v>936</v>
      </c>
      <c r="E64" s="17">
        <v>13</v>
      </c>
      <c r="F64" s="17">
        <v>222</v>
      </c>
      <c r="G64" s="17">
        <v>698</v>
      </c>
      <c r="H64" s="17">
        <v>38420</v>
      </c>
      <c r="I64" s="17">
        <v>494</v>
      </c>
      <c r="J64" s="17">
        <v>6</v>
      </c>
      <c r="K64" s="17">
        <v>73</v>
      </c>
      <c r="L64" s="17">
        <v>413</v>
      </c>
      <c r="M64" s="17">
        <v>22447</v>
      </c>
      <c r="N64" s="17">
        <v>442</v>
      </c>
      <c r="O64" s="18">
        <v>7</v>
      </c>
      <c r="P64" s="17">
        <v>149</v>
      </c>
      <c r="Q64" s="17">
        <v>285</v>
      </c>
      <c r="R64" s="17">
        <v>15973</v>
      </c>
    </row>
    <row r="65" spans="1:18">
      <c r="A65" s="22"/>
      <c r="B65" s="28"/>
      <c r="C65" s="28"/>
      <c r="D65" s="19"/>
      <c r="E65" s="19"/>
      <c r="F65" s="19"/>
      <c r="G65" s="19"/>
      <c r="H65" s="19"/>
      <c r="I65" s="19"/>
      <c r="J65" s="19"/>
      <c r="K65" s="19"/>
      <c r="L65" s="19"/>
      <c r="M65" s="19"/>
      <c r="N65" s="19"/>
      <c r="O65" s="19"/>
      <c r="P65" s="19"/>
      <c r="Q65" s="19"/>
      <c r="R65" s="19"/>
    </row>
    <row r="66" spans="1:18">
      <c r="B66" s="28"/>
      <c r="C66" s="28"/>
    </row>
    <row r="67" spans="1:18">
      <c r="B67" s="28"/>
      <c r="C67" s="28"/>
    </row>
    <row r="68" spans="1:18">
      <c r="B68" s="28"/>
      <c r="C68" s="28"/>
    </row>
    <row r="69" spans="1:18">
      <c r="B69" s="28"/>
      <c r="C69" s="28"/>
    </row>
    <row r="70" spans="1:18">
      <c r="B70" s="28"/>
      <c r="C70" s="28"/>
    </row>
    <row r="71" spans="1:18">
      <c r="B71" s="28"/>
      <c r="C71" s="28"/>
    </row>
    <row r="72" spans="1:18">
      <c r="B72" s="28"/>
      <c r="C72" s="28"/>
    </row>
    <row r="73" spans="1:18">
      <c r="B73" s="28"/>
      <c r="C73" s="28"/>
    </row>
    <row r="74" spans="1:18">
      <c r="B74" s="28"/>
      <c r="C74" s="28"/>
    </row>
    <row r="75" spans="1:18">
      <c r="B75" s="28"/>
      <c r="C75" s="28"/>
    </row>
    <row r="76" spans="1:18">
      <c r="B76" s="28"/>
      <c r="C76" s="28"/>
    </row>
    <row r="77" spans="1:18">
      <c r="B77" s="28"/>
      <c r="C77" s="28"/>
    </row>
    <row r="78" spans="1:18">
      <c r="B78" s="28"/>
      <c r="C78" s="28"/>
    </row>
    <row r="79" spans="1:18">
      <c r="B79" s="28"/>
      <c r="C79" s="28"/>
    </row>
    <row r="80" spans="1:18">
      <c r="B80" s="28"/>
      <c r="C80" s="28"/>
    </row>
    <row r="81" spans="2:3">
      <c r="B81" s="28"/>
      <c r="C81" s="28"/>
    </row>
  </sheetData>
  <mergeCells count="7">
    <mergeCell ref="A1:D1"/>
    <mergeCell ref="A3:R3"/>
    <mergeCell ref="A6:A7"/>
    <mergeCell ref="B6:C7"/>
    <mergeCell ref="D6:H6"/>
    <mergeCell ref="I6:M6"/>
    <mergeCell ref="N6:R6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64" fitToHeight="0" pageOrder="overThenDown" orientation="landscape" horizontalDpi="300" verticalDpi="300" r:id="rId1"/>
  <headerFooter alignWithMargins="0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R120"/>
  <sheetViews>
    <sheetView zoomScaleNormal="100" workbookViewId="0">
      <selection sqref="A1:XFD2"/>
    </sheetView>
  </sheetViews>
  <sheetFormatPr defaultRowHeight="13.5"/>
  <cols>
    <col min="1" max="1" width="25.83203125" style="12" customWidth="1"/>
    <col min="2" max="3" width="4.83203125" style="12" customWidth="1"/>
    <col min="4" max="4" width="22.1640625" style="9" customWidth="1"/>
    <col min="5" max="5" width="13.6640625" style="9" bestFit="1" customWidth="1"/>
    <col min="6" max="7" width="19.5" style="9" bestFit="1" customWidth="1"/>
    <col min="8" max="8" width="30.33203125" style="9" bestFit="1" customWidth="1"/>
    <col min="9" max="9" width="22.1640625" style="9" customWidth="1"/>
    <col min="10" max="10" width="13.6640625" style="9" bestFit="1" customWidth="1"/>
    <col min="11" max="12" width="19.5" style="9" bestFit="1" customWidth="1"/>
    <col min="13" max="13" width="30.33203125" style="9" bestFit="1" customWidth="1"/>
    <col min="14" max="14" width="22.6640625" style="9" customWidth="1"/>
    <col min="15" max="15" width="13.6640625" style="9" bestFit="1" customWidth="1"/>
    <col min="16" max="17" width="19.5" style="9" bestFit="1" customWidth="1"/>
    <col min="18" max="18" width="30.33203125" style="9" bestFit="1" customWidth="1"/>
    <col min="19" max="16384" width="9.33203125" style="9"/>
  </cols>
  <sheetData>
    <row r="1" spans="1:18" s="1" customFormat="1" ht="16.5" customHeight="1">
      <c r="A1" s="37" t="s">
        <v>0</v>
      </c>
      <c r="B1" s="37"/>
      <c r="C1" s="37"/>
      <c r="D1" s="37"/>
      <c r="E1" s="31"/>
      <c r="F1" s="31"/>
      <c r="G1" s="31"/>
      <c r="H1" s="31"/>
      <c r="I1" s="32"/>
      <c r="J1" s="32"/>
      <c r="K1" s="32"/>
      <c r="L1" s="32"/>
      <c r="M1" s="32"/>
      <c r="N1" s="32"/>
      <c r="O1" s="32"/>
      <c r="P1" s="31"/>
      <c r="Q1" s="31"/>
      <c r="R1" s="31"/>
    </row>
    <row r="2" spans="1:18" s="1" customFormat="1" ht="16.5" customHeight="1">
      <c r="D2" s="31"/>
      <c r="E2" s="31"/>
      <c r="F2" s="31"/>
      <c r="G2" s="31"/>
      <c r="H2" s="31"/>
      <c r="I2" s="32"/>
      <c r="J2" s="32"/>
      <c r="K2" s="32"/>
      <c r="L2" s="32"/>
      <c r="M2" s="32"/>
      <c r="N2" s="32"/>
      <c r="O2" s="32"/>
      <c r="P2" s="31"/>
      <c r="Q2" s="31"/>
      <c r="R2" s="31"/>
    </row>
    <row r="3" spans="1:18">
      <c r="A3" s="38" t="s">
        <v>2462</v>
      </c>
      <c r="B3" s="38"/>
      <c r="C3" s="38"/>
      <c r="D3" s="38"/>
      <c r="E3" s="38"/>
      <c r="F3" s="38"/>
      <c r="G3" s="38"/>
      <c r="H3" s="38"/>
      <c r="I3" s="38"/>
      <c r="J3" s="38"/>
      <c r="K3" s="38"/>
      <c r="L3" s="38"/>
      <c r="M3" s="38"/>
      <c r="N3" s="38"/>
      <c r="O3" s="38"/>
      <c r="P3" s="38"/>
      <c r="Q3" s="38"/>
      <c r="R3" s="38"/>
    </row>
    <row r="4" spans="1:18">
      <c r="A4" s="9"/>
      <c r="B4" s="9"/>
      <c r="C4" s="9"/>
    </row>
    <row r="6" spans="1:18" ht="13.5" customHeight="1">
      <c r="A6" s="48" t="s">
        <v>26</v>
      </c>
      <c r="B6" s="41" t="s">
        <v>27</v>
      </c>
      <c r="C6" s="42"/>
      <c r="D6" s="45" t="s">
        <v>2463</v>
      </c>
      <c r="E6" s="46"/>
      <c r="F6" s="46"/>
      <c r="G6" s="46"/>
      <c r="H6" s="47"/>
      <c r="I6" s="45" t="s">
        <v>2464</v>
      </c>
      <c r="J6" s="46"/>
      <c r="K6" s="46"/>
      <c r="L6" s="46"/>
      <c r="M6" s="47"/>
      <c r="N6" s="45" t="s">
        <v>2465</v>
      </c>
      <c r="O6" s="46"/>
      <c r="P6" s="46"/>
      <c r="Q6" s="46"/>
      <c r="R6" s="47"/>
    </row>
    <row r="7" spans="1:18" s="23" customFormat="1">
      <c r="A7" s="49"/>
      <c r="B7" s="43"/>
      <c r="C7" s="44"/>
      <c r="D7" s="29" t="s">
        <v>2466</v>
      </c>
      <c r="E7" s="29" t="s">
        <v>2467</v>
      </c>
      <c r="F7" s="29" t="s">
        <v>2468</v>
      </c>
      <c r="G7" s="29" t="s">
        <v>2469</v>
      </c>
      <c r="H7" s="29" t="s">
        <v>2470</v>
      </c>
      <c r="I7" s="29" t="s">
        <v>2471</v>
      </c>
      <c r="J7" s="29" t="s">
        <v>2467</v>
      </c>
      <c r="K7" s="29" t="s">
        <v>2468</v>
      </c>
      <c r="L7" s="29" t="s">
        <v>2469</v>
      </c>
      <c r="M7" s="29" t="s">
        <v>2470</v>
      </c>
      <c r="N7" s="29" t="s">
        <v>2471</v>
      </c>
      <c r="O7" s="29" t="s">
        <v>2467</v>
      </c>
      <c r="P7" s="29" t="s">
        <v>2468</v>
      </c>
      <c r="Q7" s="29" t="s">
        <v>2469</v>
      </c>
      <c r="R7" s="29" t="s">
        <v>2470</v>
      </c>
    </row>
    <row r="8" spans="1:18" s="15" customFormat="1">
      <c r="A8" s="20" t="s">
        <v>1536</v>
      </c>
      <c r="B8" s="13" t="s">
        <v>25</v>
      </c>
      <c r="C8" s="14" t="s">
        <v>25</v>
      </c>
      <c r="D8" s="16">
        <v>75298</v>
      </c>
      <c r="E8" s="16">
        <v>1204</v>
      </c>
      <c r="F8" s="16">
        <v>18183</v>
      </c>
      <c r="G8" s="16">
        <v>55816</v>
      </c>
      <c r="H8" s="16">
        <v>3083165</v>
      </c>
      <c r="I8" s="16">
        <v>42782</v>
      </c>
      <c r="J8" s="16">
        <v>648</v>
      </c>
      <c r="K8" s="16">
        <v>5243</v>
      </c>
      <c r="L8" s="16">
        <v>36836</v>
      </c>
      <c r="M8" s="16">
        <v>1970659</v>
      </c>
      <c r="N8" s="16">
        <v>32516</v>
      </c>
      <c r="O8" s="16">
        <v>556</v>
      </c>
      <c r="P8" s="16">
        <v>12940</v>
      </c>
      <c r="Q8" s="16">
        <v>18980</v>
      </c>
      <c r="R8" s="16">
        <v>1112506</v>
      </c>
    </row>
    <row r="9" spans="1:18">
      <c r="A9" s="30" t="s">
        <v>1537</v>
      </c>
      <c r="B9" s="10" t="s">
        <v>25</v>
      </c>
      <c r="C9" s="11" t="s">
        <v>25</v>
      </c>
      <c r="D9" s="17">
        <v>4704</v>
      </c>
      <c r="E9" s="17">
        <v>71</v>
      </c>
      <c r="F9" s="17">
        <v>1228</v>
      </c>
      <c r="G9" s="17">
        <v>3399</v>
      </c>
      <c r="H9" s="17">
        <v>190967</v>
      </c>
      <c r="I9" s="17">
        <v>2659</v>
      </c>
      <c r="J9" s="17">
        <v>47</v>
      </c>
      <c r="K9" s="17">
        <v>418</v>
      </c>
      <c r="L9" s="17">
        <v>2190</v>
      </c>
      <c r="M9" s="17">
        <v>120301</v>
      </c>
      <c r="N9" s="17">
        <v>2045</v>
      </c>
      <c r="O9" s="17">
        <v>24</v>
      </c>
      <c r="P9" s="17">
        <v>810</v>
      </c>
      <c r="Q9" s="17">
        <v>1209</v>
      </c>
      <c r="R9" s="17">
        <v>70666</v>
      </c>
    </row>
    <row r="10" spans="1:18">
      <c r="A10" s="21" t="s">
        <v>1538</v>
      </c>
      <c r="B10" s="10" t="s">
        <v>25</v>
      </c>
      <c r="C10" s="11" t="s">
        <v>25</v>
      </c>
      <c r="D10" s="17">
        <v>1419</v>
      </c>
      <c r="E10" s="17">
        <v>15</v>
      </c>
      <c r="F10" s="17">
        <v>365</v>
      </c>
      <c r="G10" s="17">
        <v>1037</v>
      </c>
      <c r="H10" s="17">
        <v>57551</v>
      </c>
      <c r="I10" s="17">
        <v>765</v>
      </c>
      <c r="J10" s="17">
        <v>10</v>
      </c>
      <c r="K10" s="17">
        <v>99</v>
      </c>
      <c r="L10" s="17">
        <v>655</v>
      </c>
      <c r="M10" s="17">
        <v>35057</v>
      </c>
      <c r="N10" s="17">
        <v>654</v>
      </c>
      <c r="O10" s="17">
        <v>5</v>
      </c>
      <c r="P10" s="17">
        <v>266</v>
      </c>
      <c r="Q10" s="17">
        <v>382</v>
      </c>
      <c r="R10" s="17">
        <v>22494</v>
      </c>
    </row>
    <row r="11" spans="1:18">
      <c r="A11" s="21" t="s">
        <v>1539</v>
      </c>
      <c r="B11" s="10" t="s">
        <v>25</v>
      </c>
      <c r="C11" s="11" t="s">
        <v>25</v>
      </c>
      <c r="D11" s="17">
        <v>1275</v>
      </c>
      <c r="E11" s="17">
        <v>22</v>
      </c>
      <c r="F11" s="17">
        <v>319</v>
      </c>
      <c r="G11" s="17">
        <v>933</v>
      </c>
      <c r="H11" s="17">
        <v>52477</v>
      </c>
      <c r="I11" s="17">
        <v>731</v>
      </c>
      <c r="J11" s="17">
        <v>14</v>
      </c>
      <c r="K11" s="17">
        <v>121</v>
      </c>
      <c r="L11" s="17">
        <v>595</v>
      </c>
      <c r="M11" s="17">
        <v>33115</v>
      </c>
      <c r="N11" s="17">
        <v>544</v>
      </c>
      <c r="O11" s="17">
        <v>8</v>
      </c>
      <c r="P11" s="17">
        <v>198</v>
      </c>
      <c r="Q11" s="17">
        <v>338</v>
      </c>
      <c r="R11" s="17">
        <v>19362</v>
      </c>
    </row>
    <row r="12" spans="1:18">
      <c r="A12" s="21" t="s">
        <v>1540</v>
      </c>
      <c r="B12" s="10" t="s">
        <v>25</v>
      </c>
      <c r="C12" s="11" t="s">
        <v>25</v>
      </c>
      <c r="D12" s="17">
        <v>1559</v>
      </c>
      <c r="E12" s="17">
        <v>26</v>
      </c>
      <c r="F12" s="17">
        <v>435</v>
      </c>
      <c r="G12" s="17">
        <v>1095</v>
      </c>
      <c r="H12" s="17">
        <v>62159</v>
      </c>
      <c r="I12" s="17">
        <v>891</v>
      </c>
      <c r="J12" s="17">
        <v>19</v>
      </c>
      <c r="K12" s="17">
        <v>152</v>
      </c>
      <c r="L12" s="17">
        <v>718</v>
      </c>
      <c r="M12" s="17">
        <v>39656</v>
      </c>
      <c r="N12" s="17">
        <v>668</v>
      </c>
      <c r="O12" s="17">
        <v>7</v>
      </c>
      <c r="P12" s="17">
        <v>283</v>
      </c>
      <c r="Q12" s="17">
        <v>377</v>
      </c>
      <c r="R12" s="17">
        <v>22503</v>
      </c>
    </row>
    <row r="13" spans="1:18">
      <c r="A13" s="21" t="s">
        <v>1541</v>
      </c>
      <c r="B13" s="10" t="s">
        <v>25</v>
      </c>
      <c r="C13" s="11" t="s">
        <v>25</v>
      </c>
      <c r="D13" s="17">
        <v>451</v>
      </c>
      <c r="E13" s="17">
        <v>8</v>
      </c>
      <c r="F13" s="17">
        <v>109</v>
      </c>
      <c r="G13" s="17">
        <v>334</v>
      </c>
      <c r="H13" s="17">
        <v>18780</v>
      </c>
      <c r="I13" s="17">
        <v>272</v>
      </c>
      <c r="J13" s="17">
        <v>4</v>
      </c>
      <c r="K13" s="17">
        <v>46</v>
      </c>
      <c r="L13" s="17">
        <v>222</v>
      </c>
      <c r="M13" s="17">
        <v>12473</v>
      </c>
      <c r="N13" s="17">
        <v>179</v>
      </c>
      <c r="O13" s="17">
        <v>4</v>
      </c>
      <c r="P13" s="17">
        <v>63</v>
      </c>
      <c r="Q13" s="17">
        <v>112</v>
      </c>
      <c r="R13" s="17">
        <v>6307</v>
      </c>
    </row>
    <row r="14" spans="1:18">
      <c r="A14" s="21" t="s">
        <v>1542</v>
      </c>
      <c r="B14" s="10" t="s">
        <v>25</v>
      </c>
      <c r="C14" s="11" t="s">
        <v>25</v>
      </c>
      <c r="D14" s="17">
        <v>4529</v>
      </c>
      <c r="E14" s="17">
        <v>78</v>
      </c>
      <c r="F14" s="17">
        <v>1092</v>
      </c>
      <c r="G14" s="17">
        <v>3352</v>
      </c>
      <c r="H14" s="17">
        <v>184512</v>
      </c>
      <c r="I14" s="17">
        <v>2518</v>
      </c>
      <c r="J14" s="17">
        <v>44</v>
      </c>
      <c r="K14" s="17">
        <v>339</v>
      </c>
      <c r="L14" s="17">
        <v>2131</v>
      </c>
      <c r="M14" s="17">
        <v>114605</v>
      </c>
      <c r="N14" s="17">
        <v>2011</v>
      </c>
      <c r="O14" s="18">
        <v>34</v>
      </c>
      <c r="P14" s="17">
        <v>753</v>
      </c>
      <c r="Q14" s="18">
        <v>1221</v>
      </c>
      <c r="R14" s="17">
        <v>69907</v>
      </c>
    </row>
    <row r="15" spans="1:18">
      <c r="A15" s="21" t="s">
        <v>1543</v>
      </c>
      <c r="B15" s="10" t="s">
        <v>25</v>
      </c>
      <c r="C15" s="11" t="s">
        <v>25</v>
      </c>
      <c r="D15" s="17">
        <v>268</v>
      </c>
      <c r="E15" s="17">
        <v>7</v>
      </c>
      <c r="F15" s="18">
        <v>57</v>
      </c>
      <c r="G15" s="17">
        <v>204</v>
      </c>
      <c r="H15" s="17">
        <v>11355</v>
      </c>
      <c r="I15" s="17">
        <v>160</v>
      </c>
      <c r="J15" s="17">
        <v>4</v>
      </c>
      <c r="K15" s="18">
        <v>20</v>
      </c>
      <c r="L15" s="17">
        <v>136</v>
      </c>
      <c r="M15" s="17">
        <v>7481</v>
      </c>
      <c r="N15" s="17">
        <v>108</v>
      </c>
      <c r="O15" s="18">
        <v>3</v>
      </c>
      <c r="P15" s="18">
        <v>37</v>
      </c>
      <c r="Q15" s="17">
        <v>68</v>
      </c>
      <c r="R15" s="17">
        <v>3874</v>
      </c>
    </row>
    <row r="16" spans="1:18">
      <c r="A16" s="21" t="s">
        <v>1544</v>
      </c>
      <c r="B16" s="10" t="s">
        <v>25</v>
      </c>
      <c r="C16" s="11" t="s">
        <v>25</v>
      </c>
      <c r="D16" s="17">
        <v>1336</v>
      </c>
      <c r="E16" s="17">
        <v>11</v>
      </c>
      <c r="F16" s="18">
        <v>342</v>
      </c>
      <c r="G16" s="18">
        <v>980</v>
      </c>
      <c r="H16" s="18">
        <v>54762</v>
      </c>
      <c r="I16" s="18">
        <v>702</v>
      </c>
      <c r="J16" s="18">
        <v>6</v>
      </c>
      <c r="K16" s="18">
        <v>100</v>
      </c>
      <c r="L16" s="18">
        <v>594</v>
      </c>
      <c r="M16" s="18">
        <v>32450</v>
      </c>
      <c r="N16" s="17">
        <v>634</v>
      </c>
      <c r="O16" s="17">
        <v>5</v>
      </c>
      <c r="P16" s="18">
        <v>242</v>
      </c>
      <c r="Q16" s="18">
        <v>386</v>
      </c>
      <c r="R16" s="18">
        <v>22312</v>
      </c>
    </row>
    <row r="17" spans="1:18">
      <c r="A17" s="21" t="s">
        <v>1545</v>
      </c>
      <c r="B17" s="10" t="s">
        <v>25</v>
      </c>
      <c r="C17" s="11" t="s">
        <v>25</v>
      </c>
      <c r="D17" s="17">
        <v>808</v>
      </c>
      <c r="E17" s="17">
        <v>17</v>
      </c>
      <c r="F17" s="17">
        <v>191</v>
      </c>
      <c r="G17" s="17">
        <v>598</v>
      </c>
      <c r="H17" s="17">
        <v>33248</v>
      </c>
      <c r="I17" s="17">
        <v>457</v>
      </c>
      <c r="J17" s="17">
        <v>11</v>
      </c>
      <c r="K17" s="17">
        <v>47</v>
      </c>
      <c r="L17" s="17">
        <v>398</v>
      </c>
      <c r="M17" s="17">
        <v>21160</v>
      </c>
      <c r="N17" s="17">
        <v>351</v>
      </c>
      <c r="O17" s="17">
        <v>6</v>
      </c>
      <c r="P17" s="17">
        <v>144</v>
      </c>
      <c r="Q17" s="17">
        <v>200</v>
      </c>
      <c r="R17" s="17">
        <v>12088</v>
      </c>
    </row>
    <row r="18" spans="1:18">
      <c r="A18" s="21" t="s">
        <v>1546</v>
      </c>
      <c r="B18" s="10" t="s">
        <v>25</v>
      </c>
      <c r="C18" s="11" t="s">
        <v>25</v>
      </c>
      <c r="D18" s="18">
        <v>1424</v>
      </c>
      <c r="E18" s="18">
        <v>29</v>
      </c>
      <c r="F18" s="18">
        <v>344</v>
      </c>
      <c r="G18" s="18">
        <v>1049</v>
      </c>
      <c r="H18" s="18">
        <v>57335</v>
      </c>
      <c r="I18" s="18">
        <v>805</v>
      </c>
      <c r="J18" s="18">
        <v>12</v>
      </c>
      <c r="K18" s="18">
        <v>113</v>
      </c>
      <c r="L18" s="18">
        <v>679</v>
      </c>
      <c r="M18" s="18">
        <v>36445</v>
      </c>
      <c r="N18" s="18">
        <v>619</v>
      </c>
      <c r="O18" s="18">
        <v>17</v>
      </c>
      <c r="P18" s="18">
        <v>231</v>
      </c>
      <c r="Q18" s="18">
        <v>370</v>
      </c>
      <c r="R18" s="18">
        <v>20890</v>
      </c>
    </row>
    <row r="19" spans="1:18">
      <c r="A19" s="21" t="s">
        <v>1547</v>
      </c>
      <c r="B19" s="10" t="s">
        <v>25</v>
      </c>
      <c r="C19" s="11" t="s">
        <v>25</v>
      </c>
      <c r="D19" s="17">
        <v>693</v>
      </c>
      <c r="E19" s="17">
        <v>14</v>
      </c>
      <c r="F19" s="17">
        <v>158</v>
      </c>
      <c r="G19" s="17">
        <v>521</v>
      </c>
      <c r="H19" s="17">
        <v>27812</v>
      </c>
      <c r="I19" s="17">
        <v>394</v>
      </c>
      <c r="J19" s="17">
        <v>11</v>
      </c>
      <c r="K19" s="17">
        <v>59</v>
      </c>
      <c r="L19" s="17">
        <v>324</v>
      </c>
      <c r="M19" s="17">
        <v>17069</v>
      </c>
      <c r="N19" s="17">
        <v>299</v>
      </c>
      <c r="O19" s="17">
        <v>3</v>
      </c>
      <c r="P19" s="17">
        <v>99</v>
      </c>
      <c r="Q19" s="17">
        <v>197</v>
      </c>
      <c r="R19" s="17">
        <v>10743</v>
      </c>
    </row>
    <row r="20" spans="1:18">
      <c r="A20" s="21" t="s">
        <v>1548</v>
      </c>
      <c r="B20" s="10" t="s">
        <v>25</v>
      </c>
      <c r="C20" s="11" t="s">
        <v>25</v>
      </c>
      <c r="D20" s="18">
        <v>3983</v>
      </c>
      <c r="E20" s="18">
        <v>65</v>
      </c>
      <c r="F20" s="18">
        <v>883</v>
      </c>
      <c r="G20" s="18">
        <v>3032</v>
      </c>
      <c r="H20" s="18">
        <v>167411</v>
      </c>
      <c r="I20" s="18">
        <v>2203</v>
      </c>
      <c r="J20" s="18">
        <v>25</v>
      </c>
      <c r="K20" s="18">
        <v>234</v>
      </c>
      <c r="L20" s="18">
        <v>1944</v>
      </c>
      <c r="M20" s="18">
        <v>104954</v>
      </c>
      <c r="N20" s="18">
        <v>1780</v>
      </c>
      <c r="O20" s="18">
        <v>40</v>
      </c>
      <c r="P20" s="18">
        <v>649</v>
      </c>
      <c r="Q20" s="18">
        <v>1088</v>
      </c>
      <c r="R20" s="18">
        <v>62457</v>
      </c>
    </row>
    <row r="21" spans="1:18">
      <c r="A21" s="21" t="s">
        <v>1549</v>
      </c>
      <c r="B21" s="10" t="s">
        <v>25</v>
      </c>
      <c r="C21" s="11" t="s">
        <v>25</v>
      </c>
      <c r="D21" s="17">
        <v>1180</v>
      </c>
      <c r="E21" s="17">
        <v>21</v>
      </c>
      <c r="F21" s="17">
        <v>250</v>
      </c>
      <c r="G21" s="17">
        <v>908</v>
      </c>
      <c r="H21" s="17">
        <v>50384</v>
      </c>
      <c r="I21" s="17">
        <v>640</v>
      </c>
      <c r="J21" s="17">
        <v>8</v>
      </c>
      <c r="K21" s="17">
        <v>69</v>
      </c>
      <c r="L21" s="17">
        <v>563</v>
      </c>
      <c r="M21" s="17">
        <v>30823</v>
      </c>
      <c r="N21" s="17">
        <v>540</v>
      </c>
      <c r="O21" s="17">
        <v>13</v>
      </c>
      <c r="P21" s="17">
        <v>181</v>
      </c>
      <c r="Q21" s="17">
        <v>345</v>
      </c>
      <c r="R21" s="17">
        <v>19561</v>
      </c>
    </row>
    <row r="22" spans="1:18">
      <c r="A22" s="21" t="s">
        <v>1550</v>
      </c>
      <c r="B22" s="10" t="s">
        <v>25</v>
      </c>
      <c r="C22" s="11" t="s">
        <v>25</v>
      </c>
      <c r="D22" s="17">
        <v>1936</v>
      </c>
      <c r="E22" s="17">
        <v>32</v>
      </c>
      <c r="F22" s="17">
        <v>402</v>
      </c>
      <c r="G22" s="17">
        <v>1500</v>
      </c>
      <c r="H22" s="17">
        <v>82314</v>
      </c>
      <c r="I22" s="17">
        <v>1098</v>
      </c>
      <c r="J22" s="17">
        <v>12</v>
      </c>
      <c r="K22" s="17">
        <v>103</v>
      </c>
      <c r="L22" s="17">
        <v>983</v>
      </c>
      <c r="M22" s="17">
        <v>52955</v>
      </c>
      <c r="N22" s="17">
        <v>838</v>
      </c>
      <c r="O22" s="17">
        <v>20</v>
      </c>
      <c r="P22" s="17">
        <v>299</v>
      </c>
      <c r="Q22" s="17">
        <v>517</v>
      </c>
      <c r="R22" s="17">
        <v>29359</v>
      </c>
    </row>
    <row r="23" spans="1:18">
      <c r="A23" s="21" t="s">
        <v>1551</v>
      </c>
      <c r="B23" s="10" t="s">
        <v>25</v>
      </c>
      <c r="C23" s="11" t="s">
        <v>25</v>
      </c>
      <c r="D23" s="17">
        <v>867</v>
      </c>
      <c r="E23" s="18">
        <v>12</v>
      </c>
      <c r="F23" s="17">
        <v>231</v>
      </c>
      <c r="G23" s="17">
        <v>624</v>
      </c>
      <c r="H23" s="17">
        <v>34713</v>
      </c>
      <c r="I23" s="17">
        <v>465</v>
      </c>
      <c r="J23" s="18">
        <v>5</v>
      </c>
      <c r="K23" s="17">
        <v>62</v>
      </c>
      <c r="L23" s="17">
        <v>398</v>
      </c>
      <c r="M23" s="17">
        <v>21176</v>
      </c>
      <c r="N23" s="17">
        <v>402</v>
      </c>
      <c r="O23" s="18">
        <v>7</v>
      </c>
      <c r="P23" s="17">
        <v>169</v>
      </c>
      <c r="Q23" s="17">
        <v>226</v>
      </c>
      <c r="R23" s="17">
        <v>13537</v>
      </c>
    </row>
    <row r="24" spans="1:18">
      <c r="A24" s="21" t="s">
        <v>1552</v>
      </c>
      <c r="B24" s="10" t="s">
        <v>25</v>
      </c>
      <c r="C24" s="11" t="s">
        <v>25</v>
      </c>
      <c r="D24" s="17">
        <v>9075</v>
      </c>
      <c r="E24" s="17">
        <v>162</v>
      </c>
      <c r="F24" s="17">
        <v>2202</v>
      </c>
      <c r="G24" s="17">
        <v>6696</v>
      </c>
      <c r="H24" s="17">
        <v>368976</v>
      </c>
      <c r="I24" s="17">
        <v>5154</v>
      </c>
      <c r="J24" s="17">
        <v>84</v>
      </c>
      <c r="K24" s="17">
        <v>617</v>
      </c>
      <c r="L24" s="17">
        <v>4445</v>
      </c>
      <c r="M24" s="17">
        <v>236775</v>
      </c>
      <c r="N24" s="17">
        <v>3921</v>
      </c>
      <c r="O24" s="17">
        <v>78</v>
      </c>
      <c r="P24" s="17">
        <v>1585</v>
      </c>
      <c r="Q24" s="17">
        <v>2251</v>
      </c>
      <c r="R24" s="17">
        <v>132201</v>
      </c>
    </row>
    <row r="25" spans="1:18">
      <c r="A25" s="21" t="s">
        <v>1553</v>
      </c>
      <c r="B25" s="10" t="s">
        <v>25</v>
      </c>
      <c r="C25" s="11" t="s">
        <v>25</v>
      </c>
      <c r="D25" s="17">
        <v>1409</v>
      </c>
      <c r="E25" s="17">
        <v>23</v>
      </c>
      <c r="F25" s="17">
        <v>317</v>
      </c>
      <c r="G25" s="17">
        <v>1064</v>
      </c>
      <c r="H25" s="17">
        <v>58298</v>
      </c>
      <c r="I25" s="17">
        <v>802</v>
      </c>
      <c r="J25" s="17">
        <v>11</v>
      </c>
      <c r="K25" s="17">
        <v>93</v>
      </c>
      <c r="L25" s="17">
        <v>694</v>
      </c>
      <c r="M25" s="17">
        <v>37251</v>
      </c>
      <c r="N25" s="17">
        <v>607</v>
      </c>
      <c r="O25" s="17">
        <v>12</v>
      </c>
      <c r="P25" s="17">
        <v>224</v>
      </c>
      <c r="Q25" s="17">
        <v>370</v>
      </c>
      <c r="R25" s="17">
        <v>21047</v>
      </c>
    </row>
    <row r="26" spans="1:18">
      <c r="A26" s="21" t="s">
        <v>1554</v>
      </c>
      <c r="B26" s="10" t="s">
        <v>25</v>
      </c>
      <c r="C26" s="11" t="s">
        <v>25</v>
      </c>
      <c r="D26" s="17">
        <v>2094</v>
      </c>
      <c r="E26" s="17">
        <v>40</v>
      </c>
      <c r="F26" s="17">
        <v>545</v>
      </c>
      <c r="G26" s="17">
        <v>1505</v>
      </c>
      <c r="H26" s="17">
        <v>83537</v>
      </c>
      <c r="I26" s="17">
        <v>1208</v>
      </c>
      <c r="J26" s="17">
        <v>22</v>
      </c>
      <c r="K26" s="17">
        <v>152</v>
      </c>
      <c r="L26" s="17">
        <v>1032</v>
      </c>
      <c r="M26" s="17">
        <v>54916</v>
      </c>
      <c r="N26" s="17">
        <v>886</v>
      </c>
      <c r="O26" s="17">
        <v>18</v>
      </c>
      <c r="P26" s="17">
        <v>393</v>
      </c>
      <c r="Q26" s="17">
        <v>473</v>
      </c>
      <c r="R26" s="17">
        <v>28621</v>
      </c>
    </row>
    <row r="27" spans="1:18">
      <c r="A27" s="21" t="s">
        <v>1555</v>
      </c>
      <c r="B27" s="10" t="s">
        <v>25</v>
      </c>
      <c r="C27" s="11" t="s">
        <v>25</v>
      </c>
      <c r="D27" s="17">
        <v>1274</v>
      </c>
      <c r="E27" s="17">
        <v>26</v>
      </c>
      <c r="F27" s="17">
        <v>291</v>
      </c>
      <c r="G27" s="17">
        <v>956</v>
      </c>
      <c r="H27" s="17">
        <v>52958</v>
      </c>
      <c r="I27" s="17">
        <v>732</v>
      </c>
      <c r="J27" s="17">
        <v>16</v>
      </c>
      <c r="K27" s="17">
        <v>87</v>
      </c>
      <c r="L27" s="17">
        <v>629</v>
      </c>
      <c r="M27" s="17">
        <v>33991</v>
      </c>
      <c r="N27" s="17">
        <v>542</v>
      </c>
      <c r="O27" s="17">
        <v>10</v>
      </c>
      <c r="P27" s="17">
        <v>204</v>
      </c>
      <c r="Q27" s="17">
        <v>327</v>
      </c>
      <c r="R27" s="17">
        <v>18967</v>
      </c>
    </row>
    <row r="28" spans="1:18">
      <c r="A28" s="21" t="s">
        <v>1556</v>
      </c>
      <c r="B28" s="10" t="s">
        <v>25</v>
      </c>
      <c r="C28" s="11" t="s">
        <v>25</v>
      </c>
      <c r="D28" s="17">
        <v>1399</v>
      </c>
      <c r="E28" s="17">
        <v>35</v>
      </c>
      <c r="F28" s="17">
        <v>359</v>
      </c>
      <c r="G28" s="17">
        <v>1004</v>
      </c>
      <c r="H28" s="17">
        <v>54921</v>
      </c>
      <c r="I28" s="17">
        <v>781</v>
      </c>
      <c r="J28" s="17">
        <v>15</v>
      </c>
      <c r="K28" s="17">
        <v>102</v>
      </c>
      <c r="L28" s="17">
        <v>664</v>
      </c>
      <c r="M28" s="17">
        <v>34447</v>
      </c>
      <c r="N28" s="17">
        <v>618</v>
      </c>
      <c r="O28" s="17">
        <v>20</v>
      </c>
      <c r="P28" s="17">
        <v>257</v>
      </c>
      <c r="Q28" s="17">
        <v>340</v>
      </c>
      <c r="R28" s="17">
        <v>20474</v>
      </c>
    </row>
    <row r="29" spans="1:18">
      <c r="A29" s="21" t="s">
        <v>1557</v>
      </c>
      <c r="B29" s="10" t="s">
        <v>25</v>
      </c>
      <c r="C29" s="11" t="s">
        <v>25</v>
      </c>
      <c r="D29" s="17">
        <v>1301</v>
      </c>
      <c r="E29" s="17">
        <v>16</v>
      </c>
      <c r="F29" s="17">
        <v>298</v>
      </c>
      <c r="G29" s="17">
        <v>985</v>
      </c>
      <c r="H29" s="17">
        <v>53959</v>
      </c>
      <c r="I29" s="17">
        <v>727</v>
      </c>
      <c r="J29" s="17">
        <v>7</v>
      </c>
      <c r="K29" s="17">
        <v>79</v>
      </c>
      <c r="L29" s="17">
        <v>640</v>
      </c>
      <c r="M29" s="17">
        <v>34065</v>
      </c>
      <c r="N29" s="17">
        <v>574</v>
      </c>
      <c r="O29" s="17">
        <v>9</v>
      </c>
      <c r="P29" s="17">
        <v>219</v>
      </c>
      <c r="Q29" s="17">
        <v>345</v>
      </c>
      <c r="R29" s="17">
        <v>19894</v>
      </c>
    </row>
    <row r="30" spans="1:18">
      <c r="A30" s="21" t="s">
        <v>1558</v>
      </c>
      <c r="B30" s="10" t="s">
        <v>25</v>
      </c>
      <c r="C30" s="11" t="s">
        <v>25</v>
      </c>
      <c r="D30" s="17">
        <v>1598</v>
      </c>
      <c r="E30" s="17">
        <v>22</v>
      </c>
      <c r="F30" s="17">
        <v>392</v>
      </c>
      <c r="G30" s="17">
        <v>1182</v>
      </c>
      <c r="H30" s="17">
        <v>65303</v>
      </c>
      <c r="I30" s="17">
        <v>904</v>
      </c>
      <c r="J30" s="17">
        <v>13</v>
      </c>
      <c r="K30" s="17">
        <v>104</v>
      </c>
      <c r="L30" s="17">
        <v>786</v>
      </c>
      <c r="M30" s="17">
        <v>42105</v>
      </c>
      <c r="N30" s="17">
        <v>694</v>
      </c>
      <c r="O30" s="17">
        <v>9</v>
      </c>
      <c r="P30" s="17">
        <v>288</v>
      </c>
      <c r="Q30" s="17">
        <v>396</v>
      </c>
      <c r="R30" s="17">
        <v>23198</v>
      </c>
    </row>
    <row r="31" spans="1:18">
      <c r="A31" s="21" t="s">
        <v>1559</v>
      </c>
      <c r="B31" s="10" t="s">
        <v>25</v>
      </c>
      <c r="C31" s="11" t="s">
        <v>25</v>
      </c>
      <c r="D31" s="17">
        <v>4648</v>
      </c>
      <c r="E31" s="17">
        <v>66</v>
      </c>
      <c r="F31" s="17">
        <v>1132</v>
      </c>
      <c r="G31" s="17">
        <v>3444</v>
      </c>
      <c r="H31" s="17">
        <v>187979</v>
      </c>
      <c r="I31" s="17">
        <v>2624</v>
      </c>
      <c r="J31" s="17">
        <v>42</v>
      </c>
      <c r="K31" s="17">
        <v>324</v>
      </c>
      <c r="L31" s="17">
        <v>2255</v>
      </c>
      <c r="M31" s="17">
        <v>119027</v>
      </c>
      <c r="N31" s="17">
        <v>2024</v>
      </c>
      <c r="O31" s="17">
        <v>24</v>
      </c>
      <c r="P31" s="17">
        <v>808</v>
      </c>
      <c r="Q31" s="17">
        <v>1189</v>
      </c>
      <c r="R31" s="17">
        <v>68952</v>
      </c>
    </row>
    <row r="32" spans="1:18">
      <c r="A32" s="21" t="s">
        <v>1560</v>
      </c>
      <c r="B32" s="10" t="s">
        <v>25</v>
      </c>
      <c r="C32" s="11" t="s">
        <v>25</v>
      </c>
      <c r="D32" s="17">
        <v>1031</v>
      </c>
      <c r="E32" s="17">
        <v>19</v>
      </c>
      <c r="F32" s="17">
        <v>273</v>
      </c>
      <c r="G32" s="17">
        <v>737</v>
      </c>
      <c r="H32" s="17">
        <v>41226</v>
      </c>
      <c r="I32" s="17">
        <v>565</v>
      </c>
      <c r="J32" s="18">
        <v>12</v>
      </c>
      <c r="K32" s="17">
        <v>83</v>
      </c>
      <c r="L32" s="17">
        <v>469</v>
      </c>
      <c r="M32" s="17">
        <v>25593</v>
      </c>
      <c r="N32" s="17">
        <v>466</v>
      </c>
      <c r="O32" s="17">
        <v>7</v>
      </c>
      <c r="P32" s="17">
        <v>190</v>
      </c>
      <c r="Q32" s="17">
        <v>268</v>
      </c>
      <c r="R32" s="17">
        <v>15633</v>
      </c>
    </row>
    <row r="33" spans="1:18">
      <c r="A33" s="21" t="s">
        <v>1561</v>
      </c>
      <c r="B33" s="10" t="s">
        <v>25</v>
      </c>
      <c r="C33" s="11" t="s">
        <v>25</v>
      </c>
      <c r="D33" s="17">
        <v>1023</v>
      </c>
      <c r="E33" s="17">
        <v>26</v>
      </c>
      <c r="F33" s="17">
        <v>261</v>
      </c>
      <c r="G33" s="17">
        <v>735</v>
      </c>
      <c r="H33" s="17">
        <v>40207</v>
      </c>
      <c r="I33" s="17">
        <v>582</v>
      </c>
      <c r="J33" s="17">
        <v>16</v>
      </c>
      <c r="K33" s="17">
        <v>82</v>
      </c>
      <c r="L33" s="17">
        <v>483</v>
      </c>
      <c r="M33" s="17">
        <v>25671</v>
      </c>
      <c r="N33" s="17">
        <v>441</v>
      </c>
      <c r="O33" s="17">
        <v>10</v>
      </c>
      <c r="P33" s="17">
        <v>179</v>
      </c>
      <c r="Q33" s="17">
        <v>252</v>
      </c>
      <c r="R33" s="17">
        <v>14536</v>
      </c>
    </row>
    <row r="34" spans="1:18">
      <c r="A34" s="21" t="s">
        <v>1562</v>
      </c>
      <c r="B34" s="10" t="s">
        <v>25</v>
      </c>
      <c r="C34" s="11" t="s">
        <v>25</v>
      </c>
      <c r="D34" s="18">
        <v>2594</v>
      </c>
      <c r="E34" s="18">
        <v>21</v>
      </c>
      <c r="F34" s="18">
        <v>598</v>
      </c>
      <c r="G34" s="18">
        <v>1972</v>
      </c>
      <c r="H34" s="18">
        <v>106546</v>
      </c>
      <c r="I34" s="18">
        <v>1477</v>
      </c>
      <c r="J34" s="18">
        <v>14</v>
      </c>
      <c r="K34" s="18">
        <v>159</v>
      </c>
      <c r="L34" s="18">
        <v>1303</v>
      </c>
      <c r="M34" s="18">
        <v>67763</v>
      </c>
      <c r="N34" s="18">
        <v>1117</v>
      </c>
      <c r="O34" s="18">
        <v>7</v>
      </c>
      <c r="P34" s="18">
        <v>439</v>
      </c>
      <c r="Q34" s="18">
        <v>669</v>
      </c>
      <c r="R34" s="18">
        <v>38783</v>
      </c>
    </row>
    <row r="35" spans="1:18">
      <c r="A35" s="21" t="s">
        <v>1563</v>
      </c>
      <c r="B35" s="10" t="s">
        <v>25</v>
      </c>
      <c r="C35" s="11" t="s">
        <v>25</v>
      </c>
      <c r="D35" s="17">
        <v>3962</v>
      </c>
      <c r="E35" s="18">
        <v>55</v>
      </c>
      <c r="F35" s="17">
        <v>1031</v>
      </c>
      <c r="G35" s="17">
        <v>2873</v>
      </c>
      <c r="H35" s="17">
        <v>161095</v>
      </c>
      <c r="I35" s="17">
        <v>2185</v>
      </c>
      <c r="J35" s="18">
        <v>29</v>
      </c>
      <c r="K35" s="17">
        <v>281</v>
      </c>
      <c r="L35" s="17">
        <v>1874</v>
      </c>
      <c r="M35" s="17">
        <v>100668</v>
      </c>
      <c r="N35" s="17">
        <v>1777</v>
      </c>
      <c r="O35" s="18">
        <v>26</v>
      </c>
      <c r="P35" s="17">
        <v>750</v>
      </c>
      <c r="Q35" s="17">
        <v>999</v>
      </c>
      <c r="R35" s="17">
        <v>60427</v>
      </c>
    </row>
    <row r="36" spans="1:18">
      <c r="A36" s="21" t="s">
        <v>1564</v>
      </c>
      <c r="B36" s="10" t="s">
        <v>25</v>
      </c>
      <c r="C36" s="11" t="s">
        <v>25</v>
      </c>
      <c r="D36" s="17">
        <v>1342</v>
      </c>
      <c r="E36" s="17">
        <v>19</v>
      </c>
      <c r="F36" s="17">
        <v>347</v>
      </c>
      <c r="G36" s="17">
        <v>976</v>
      </c>
      <c r="H36" s="17">
        <v>54194</v>
      </c>
      <c r="I36" s="17">
        <v>729</v>
      </c>
      <c r="J36" s="17">
        <v>11</v>
      </c>
      <c r="K36" s="17">
        <v>108</v>
      </c>
      <c r="L36" s="17">
        <v>610</v>
      </c>
      <c r="M36" s="17">
        <v>32780</v>
      </c>
      <c r="N36" s="17">
        <v>613</v>
      </c>
      <c r="O36" s="17">
        <v>8</v>
      </c>
      <c r="P36" s="17">
        <v>239</v>
      </c>
      <c r="Q36" s="17">
        <v>366</v>
      </c>
      <c r="R36" s="17">
        <v>21414</v>
      </c>
    </row>
    <row r="37" spans="1:18">
      <c r="A37" s="21" t="s">
        <v>1565</v>
      </c>
      <c r="B37" s="10" t="s">
        <v>25</v>
      </c>
      <c r="C37" s="11" t="s">
        <v>25</v>
      </c>
      <c r="D37" s="17">
        <v>1133</v>
      </c>
      <c r="E37" s="17">
        <v>16</v>
      </c>
      <c r="F37" s="17">
        <v>285</v>
      </c>
      <c r="G37" s="17">
        <v>830</v>
      </c>
      <c r="H37" s="17">
        <v>46436</v>
      </c>
      <c r="I37" s="17">
        <v>647</v>
      </c>
      <c r="J37" s="17">
        <v>10</v>
      </c>
      <c r="K37" s="17">
        <v>70</v>
      </c>
      <c r="L37" s="17">
        <v>566</v>
      </c>
      <c r="M37" s="17">
        <v>29922</v>
      </c>
      <c r="N37" s="17">
        <v>486</v>
      </c>
      <c r="O37" s="17">
        <v>6</v>
      </c>
      <c r="P37" s="17">
        <v>215</v>
      </c>
      <c r="Q37" s="17">
        <v>264</v>
      </c>
      <c r="R37" s="17">
        <v>16514</v>
      </c>
    </row>
    <row r="38" spans="1:18">
      <c r="A38" s="21" t="s">
        <v>1566</v>
      </c>
      <c r="B38" s="10" t="s">
        <v>25</v>
      </c>
      <c r="C38" s="11" t="s">
        <v>25</v>
      </c>
      <c r="D38" s="17">
        <v>1487</v>
      </c>
      <c r="E38" s="17">
        <v>20</v>
      </c>
      <c r="F38" s="17">
        <v>399</v>
      </c>
      <c r="G38" s="17">
        <v>1067</v>
      </c>
      <c r="H38" s="17">
        <v>60465</v>
      </c>
      <c r="I38" s="17">
        <v>809</v>
      </c>
      <c r="J38" s="17">
        <v>8</v>
      </c>
      <c r="K38" s="17">
        <v>103</v>
      </c>
      <c r="L38" s="17">
        <v>698</v>
      </c>
      <c r="M38" s="17">
        <v>37966</v>
      </c>
      <c r="N38" s="17">
        <v>678</v>
      </c>
      <c r="O38" s="17">
        <v>12</v>
      </c>
      <c r="P38" s="17">
        <v>296</v>
      </c>
      <c r="Q38" s="17">
        <v>369</v>
      </c>
      <c r="R38" s="17">
        <v>22499</v>
      </c>
    </row>
    <row r="39" spans="1:18">
      <c r="A39" s="21" t="s">
        <v>1567</v>
      </c>
      <c r="B39" s="10" t="s">
        <v>25</v>
      </c>
      <c r="C39" s="11" t="s">
        <v>25</v>
      </c>
      <c r="D39" s="17">
        <v>5035</v>
      </c>
      <c r="E39" s="17">
        <v>78</v>
      </c>
      <c r="F39" s="17">
        <v>1129</v>
      </c>
      <c r="G39" s="17">
        <v>3822</v>
      </c>
      <c r="H39" s="17">
        <v>209874</v>
      </c>
      <c r="I39" s="17">
        <v>2848</v>
      </c>
      <c r="J39" s="17">
        <v>38</v>
      </c>
      <c r="K39" s="17">
        <v>290</v>
      </c>
      <c r="L39" s="17">
        <v>2517</v>
      </c>
      <c r="M39" s="17">
        <v>133962</v>
      </c>
      <c r="N39" s="17">
        <v>2187</v>
      </c>
      <c r="O39" s="17">
        <v>40</v>
      </c>
      <c r="P39" s="17">
        <v>839</v>
      </c>
      <c r="Q39" s="17">
        <v>1305</v>
      </c>
      <c r="R39" s="17">
        <v>75912</v>
      </c>
    </row>
    <row r="40" spans="1:18">
      <c r="A40" s="21" t="s">
        <v>1568</v>
      </c>
      <c r="B40" s="10" t="s">
        <v>25</v>
      </c>
      <c r="C40" s="11" t="s">
        <v>25</v>
      </c>
      <c r="D40" s="17">
        <v>971</v>
      </c>
      <c r="E40" s="17">
        <v>14</v>
      </c>
      <c r="F40" s="17">
        <v>206</v>
      </c>
      <c r="G40" s="17">
        <v>748</v>
      </c>
      <c r="H40" s="17">
        <v>41279</v>
      </c>
      <c r="I40" s="17">
        <v>554</v>
      </c>
      <c r="J40" s="18">
        <v>7</v>
      </c>
      <c r="K40" s="17">
        <v>46</v>
      </c>
      <c r="L40" s="17">
        <v>499</v>
      </c>
      <c r="M40" s="17">
        <v>26639</v>
      </c>
      <c r="N40" s="17">
        <v>417</v>
      </c>
      <c r="O40" s="17">
        <v>7</v>
      </c>
      <c r="P40" s="17">
        <v>160</v>
      </c>
      <c r="Q40" s="17">
        <v>249</v>
      </c>
      <c r="R40" s="17">
        <v>14640</v>
      </c>
    </row>
    <row r="41" spans="1:18">
      <c r="A41" s="21" t="s">
        <v>1569</v>
      </c>
      <c r="B41" s="10" t="s">
        <v>25</v>
      </c>
      <c r="C41" s="11" t="s">
        <v>25</v>
      </c>
      <c r="D41" s="17">
        <v>1291</v>
      </c>
      <c r="E41" s="17">
        <v>19</v>
      </c>
      <c r="F41" s="17">
        <v>294</v>
      </c>
      <c r="G41" s="17">
        <v>976</v>
      </c>
      <c r="H41" s="17">
        <v>53028</v>
      </c>
      <c r="I41" s="17">
        <v>743</v>
      </c>
      <c r="J41" s="17">
        <v>11</v>
      </c>
      <c r="K41" s="17">
        <v>71</v>
      </c>
      <c r="L41" s="17">
        <v>660</v>
      </c>
      <c r="M41" s="17">
        <v>34567</v>
      </c>
      <c r="N41" s="17">
        <v>548</v>
      </c>
      <c r="O41" s="17">
        <v>8</v>
      </c>
      <c r="P41" s="17">
        <v>223</v>
      </c>
      <c r="Q41" s="17">
        <v>316</v>
      </c>
      <c r="R41" s="17">
        <v>18461</v>
      </c>
    </row>
    <row r="42" spans="1:18">
      <c r="A42" s="21" t="s">
        <v>1570</v>
      </c>
      <c r="B42" s="10" t="s">
        <v>25</v>
      </c>
      <c r="C42" s="11" t="s">
        <v>25</v>
      </c>
      <c r="D42" s="18">
        <v>767</v>
      </c>
      <c r="E42" s="18">
        <v>14</v>
      </c>
      <c r="F42" s="18">
        <v>170</v>
      </c>
      <c r="G42" s="18">
        <v>582</v>
      </c>
      <c r="H42" s="18">
        <v>32324</v>
      </c>
      <c r="I42" s="18">
        <v>409</v>
      </c>
      <c r="J42" s="18">
        <v>7</v>
      </c>
      <c r="K42" s="18">
        <v>41</v>
      </c>
      <c r="L42" s="18">
        <v>361</v>
      </c>
      <c r="M42" s="18">
        <v>19631</v>
      </c>
      <c r="N42" s="18">
        <v>358</v>
      </c>
      <c r="O42" s="18">
        <v>7</v>
      </c>
      <c r="P42" s="18">
        <v>129</v>
      </c>
      <c r="Q42" s="18">
        <v>221</v>
      </c>
      <c r="R42" s="18">
        <v>12693</v>
      </c>
    </row>
    <row r="43" spans="1:18">
      <c r="A43" s="21" t="s">
        <v>1571</v>
      </c>
      <c r="B43" s="10" t="s">
        <v>25</v>
      </c>
      <c r="C43" s="11" t="s">
        <v>25</v>
      </c>
      <c r="D43" s="17">
        <v>504</v>
      </c>
      <c r="E43" s="17">
        <v>7</v>
      </c>
      <c r="F43" s="17">
        <v>130</v>
      </c>
      <c r="G43" s="17">
        <v>367</v>
      </c>
      <c r="H43" s="17">
        <v>20408</v>
      </c>
      <c r="I43" s="17">
        <v>259</v>
      </c>
      <c r="J43" s="17">
        <v>3</v>
      </c>
      <c r="K43" s="17">
        <v>40</v>
      </c>
      <c r="L43" s="17">
        <v>216</v>
      </c>
      <c r="M43" s="17">
        <v>11555</v>
      </c>
      <c r="N43" s="17">
        <v>245</v>
      </c>
      <c r="O43" s="17">
        <v>4</v>
      </c>
      <c r="P43" s="17">
        <v>90</v>
      </c>
      <c r="Q43" s="17">
        <v>151</v>
      </c>
      <c r="R43" s="17">
        <v>8853</v>
      </c>
    </row>
    <row r="44" spans="1:18">
      <c r="A44" s="21" t="s">
        <v>1572</v>
      </c>
      <c r="B44" s="10" t="s">
        <v>25</v>
      </c>
      <c r="C44" s="11" t="s">
        <v>25</v>
      </c>
      <c r="D44" s="17">
        <v>847</v>
      </c>
      <c r="E44" s="18">
        <v>8</v>
      </c>
      <c r="F44" s="17">
        <v>209</v>
      </c>
      <c r="G44" s="17">
        <v>630</v>
      </c>
      <c r="H44" s="17">
        <v>34900</v>
      </c>
      <c r="I44" s="17">
        <v>481</v>
      </c>
      <c r="J44" s="18">
        <v>5</v>
      </c>
      <c r="K44" s="17">
        <v>61</v>
      </c>
      <c r="L44" s="17">
        <v>415</v>
      </c>
      <c r="M44" s="17">
        <v>22124</v>
      </c>
      <c r="N44" s="17">
        <v>366</v>
      </c>
      <c r="O44" s="18">
        <v>3</v>
      </c>
      <c r="P44" s="17">
        <v>148</v>
      </c>
      <c r="Q44" s="17">
        <v>215</v>
      </c>
      <c r="R44" s="17">
        <v>12776</v>
      </c>
    </row>
    <row r="45" spans="1:18">
      <c r="A45" s="21" t="s">
        <v>1573</v>
      </c>
      <c r="B45" s="10" t="s">
        <v>25</v>
      </c>
      <c r="C45" s="11" t="s">
        <v>25</v>
      </c>
      <c r="D45" s="17">
        <v>655</v>
      </c>
      <c r="E45" s="17">
        <v>16</v>
      </c>
      <c r="F45" s="17">
        <v>120</v>
      </c>
      <c r="G45" s="17">
        <v>519</v>
      </c>
      <c r="H45" s="17">
        <v>27935</v>
      </c>
      <c r="I45" s="17">
        <v>402</v>
      </c>
      <c r="J45" s="17">
        <v>5</v>
      </c>
      <c r="K45" s="17">
        <v>31</v>
      </c>
      <c r="L45" s="17">
        <v>366</v>
      </c>
      <c r="M45" s="17">
        <v>19446</v>
      </c>
      <c r="N45" s="17">
        <v>253</v>
      </c>
      <c r="O45" s="17">
        <v>11</v>
      </c>
      <c r="P45" s="17">
        <v>89</v>
      </c>
      <c r="Q45" s="17">
        <v>153</v>
      </c>
      <c r="R45" s="17">
        <v>8489</v>
      </c>
    </row>
    <row r="46" spans="1:18">
      <c r="A46" s="21" t="s">
        <v>1574</v>
      </c>
      <c r="B46" s="10" t="s">
        <v>25</v>
      </c>
      <c r="C46" s="11" t="s">
        <v>25</v>
      </c>
      <c r="D46" s="17">
        <v>3080</v>
      </c>
      <c r="E46" s="17">
        <v>44</v>
      </c>
      <c r="F46" s="17">
        <v>875</v>
      </c>
      <c r="G46" s="17">
        <v>2157</v>
      </c>
      <c r="H46" s="17">
        <v>120374</v>
      </c>
      <c r="I46" s="17">
        <v>1706</v>
      </c>
      <c r="J46" s="17">
        <v>25</v>
      </c>
      <c r="K46" s="17">
        <v>243</v>
      </c>
      <c r="L46" s="17">
        <v>1434</v>
      </c>
      <c r="M46" s="17">
        <v>75650</v>
      </c>
      <c r="N46" s="17">
        <v>1374</v>
      </c>
      <c r="O46" s="17">
        <v>19</v>
      </c>
      <c r="P46" s="17">
        <v>632</v>
      </c>
      <c r="Q46" s="17">
        <v>723</v>
      </c>
      <c r="R46" s="17">
        <v>44724</v>
      </c>
    </row>
    <row r="47" spans="1:18">
      <c r="A47" s="21" t="s">
        <v>1575</v>
      </c>
      <c r="B47" s="10" t="s">
        <v>25</v>
      </c>
      <c r="C47" s="11" t="s">
        <v>25</v>
      </c>
      <c r="D47" s="17">
        <v>213</v>
      </c>
      <c r="E47" s="17">
        <v>5</v>
      </c>
      <c r="F47" s="17">
        <v>49</v>
      </c>
      <c r="G47" s="17">
        <v>159</v>
      </c>
      <c r="H47" s="17">
        <v>8457</v>
      </c>
      <c r="I47" s="17">
        <v>123</v>
      </c>
      <c r="J47" s="17">
        <v>3</v>
      </c>
      <c r="K47" s="17">
        <v>19</v>
      </c>
      <c r="L47" s="17">
        <v>101</v>
      </c>
      <c r="M47" s="17">
        <v>5326</v>
      </c>
      <c r="N47" s="17">
        <v>90</v>
      </c>
      <c r="O47" s="17">
        <v>2</v>
      </c>
      <c r="P47" s="17">
        <v>30</v>
      </c>
      <c r="Q47" s="17">
        <v>58</v>
      </c>
      <c r="R47" s="17">
        <v>3131</v>
      </c>
    </row>
    <row r="48" spans="1:18">
      <c r="A48" s="21" t="s">
        <v>1576</v>
      </c>
      <c r="B48" s="10" t="s">
        <v>25</v>
      </c>
      <c r="C48" s="11" t="s">
        <v>25</v>
      </c>
      <c r="D48" s="17">
        <v>798</v>
      </c>
      <c r="E48" s="18">
        <v>8</v>
      </c>
      <c r="F48" s="17">
        <v>201</v>
      </c>
      <c r="G48" s="17">
        <v>586</v>
      </c>
      <c r="H48" s="17">
        <v>31745</v>
      </c>
      <c r="I48" s="17">
        <v>456</v>
      </c>
      <c r="J48" s="18">
        <v>4</v>
      </c>
      <c r="K48" s="17">
        <v>62</v>
      </c>
      <c r="L48" s="17">
        <v>387</v>
      </c>
      <c r="M48" s="17">
        <v>20204</v>
      </c>
      <c r="N48" s="17">
        <v>342</v>
      </c>
      <c r="O48" s="18">
        <v>4</v>
      </c>
      <c r="P48" s="17">
        <v>139</v>
      </c>
      <c r="Q48" s="17">
        <v>199</v>
      </c>
      <c r="R48" s="17">
        <v>11541</v>
      </c>
    </row>
    <row r="49" spans="1:18">
      <c r="A49" s="21" t="s">
        <v>1577</v>
      </c>
      <c r="B49" s="10" t="s">
        <v>25</v>
      </c>
      <c r="C49" s="11" t="s">
        <v>25</v>
      </c>
      <c r="D49" s="17">
        <v>155</v>
      </c>
      <c r="E49" s="18" t="s">
        <v>35</v>
      </c>
      <c r="F49" s="17">
        <v>38</v>
      </c>
      <c r="G49" s="17">
        <v>117</v>
      </c>
      <c r="H49" s="17">
        <v>6765</v>
      </c>
      <c r="I49" s="17">
        <v>93</v>
      </c>
      <c r="J49" s="18" t="s">
        <v>35</v>
      </c>
      <c r="K49" s="17">
        <v>7</v>
      </c>
      <c r="L49" s="17">
        <v>86</v>
      </c>
      <c r="M49" s="17">
        <v>4700</v>
      </c>
      <c r="N49" s="17">
        <v>62</v>
      </c>
      <c r="O49" s="18" t="s">
        <v>35</v>
      </c>
      <c r="P49" s="17">
        <v>31</v>
      </c>
      <c r="Q49" s="17">
        <v>31</v>
      </c>
      <c r="R49" s="17">
        <v>2065</v>
      </c>
    </row>
    <row r="50" spans="1:18">
      <c r="A50" s="21" t="s">
        <v>1578</v>
      </c>
      <c r="B50" s="10" t="s">
        <v>25</v>
      </c>
      <c r="C50" s="11" t="s">
        <v>25</v>
      </c>
      <c r="D50" s="17">
        <v>1914</v>
      </c>
      <c r="E50" s="18">
        <v>31</v>
      </c>
      <c r="F50" s="17">
        <v>587</v>
      </c>
      <c r="G50" s="17">
        <v>1295</v>
      </c>
      <c r="H50" s="17">
        <v>73407</v>
      </c>
      <c r="I50" s="17">
        <v>1034</v>
      </c>
      <c r="J50" s="18">
        <v>18</v>
      </c>
      <c r="K50" s="17">
        <v>155</v>
      </c>
      <c r="L50" s="17">
        <v>860</v>
      </c>
      <c r="M50" s="17">
        <v>45420</v>
      </c>
      <c r="N50" s="17">
        <v>880</v>
      </c>
      <c r="O50" s="18">
        <v>13</v>
      </c>
      <c r="P50" s="17">
        <v>432</v>
      </c>
      <c r="Q50" s="17">
        <v>435</v>
      </c>
      <c r="R50" s="17">
        <v>27987</v>
      </c>
    </row>
    <row r="51" spans="1:18">
      <c r="A51" s="21" t="s">
        <v>1579</v>
      </c>
      <c r="B51" s="10" t="s">
        <v>25</v>
      </c>
      <c r="C51" s="11" t="s">
        <v>25</v>
      </c>
      <c r="D51" s="17">
        <v>2045</v>
      </c>
      <c r="E51" s="17">
        <v>41</v>
      </c>
      <c r="F51" s="17">
        <v>521</v>
      </c>
      <c r="G51" s="17">
        <v>1481</v>
      </c>
      <c r="H51" s="17">
        <v>81311</v>
      </c>
      <c r="I51" s="17">
        <v>1154</v>
      </c>
      <c r="J51" s="18">
        <v>25</v>
      </c>
      <c r="K51" s="17">
        <v>175</v>
      </c>
      <c r="L51" s="17">
        <v>953</v>
      </c>
      <c r="M51" s="17">
        <v>51090</v>
      </c>
      <c r="N51" s="17">
        <v>891</v>
      </c>
      <c r="O51" s="17">
        <v>16</v>
      </c>
      <c r="P51" s="17">
        <v>346</v>
      </c>
      <c r="Q51" s="17">
        <v>528</v>
      </c>
      <c r="R51" s="17">
        <v>30221</v>
      </c>
    </row>
    <row r="52" spans="1:18">
      <c r="A52" s="21" t="s">
        <v>1580</v>
      </c>
      <c r="B52" s="10" t="s">
        <v>25</v>
      </c>
      <c r="C52" s="11" t="s">
        <v>25</v>
      </c>
      <c r="D52" s="17">
        <v>406</v>
      </c>
      <c r="E52" s="17">
        <v>19</v>
      </c>
      <c r="F52" s="17">
        <v>82</v>
      </c>
      <c r="G52" s="17">
        <v>305</v>
      </c>
      <c r="H52" s="17">
        <v>16496</v>
      </c>
      <c r="I52" s="17">
        <v>245</v>
      </c>
      <c r="J52" s="18">
        <v>9</v>
      </c>
      <c r="K52" s="17">
        <v>28</v>
      </c>
      <c r="L52" s="17">
        <v>208</v>
      </c>
      <c r="M52" s="17">
        <v>11176</v>
      </c>
      <c r="N52" s="17">
        <v>161</v>
      </c>
      <c r="O52" s="17">
        <v>10</v>
      </c>
      <c r="P52" s="17">
        <v>54</v>
      </c>
      <c r="Q52" s="17">
        <v>97</v>
      </c>
      <c r="R52" s="17">
        <v>5320</v>
      </c>
    </row>
    <row r="53" spans="1:18">
      <c r="A53" s="21" t="s">
        <v>1581</v>
      </c>
      <c r="B53" s="10" t="s">
        <v>25</v>
      </c>
      <c r="C53" s="11" t="s">
        <v>25</v>
      </c>
      <c r="D53" s="17">
        <v>429</v>
      </c>
      <c r="E53" s="18">
        <v>4</v>
      </c>
      <c r="F53" s="17">
        <v>109</v>
      </c>
      <c r="G53" s="17">
        <v>316</v>
      </c>
      <c r="H53" s="17">
        <v>17097</v>
      </c>
      <c r="I53" s="17">
        <v>239</v>
      </c>
      <c r="J53" s="18">
        <v>1</v>
      </c>
      <c r="K53" s="17">
        <v>35</v>
      </c>
      <c r="L53" s="17">
        <v>203</v>
      </c>
      <c r="M53" s="17">
        <v>10566</v>
      </c>
      <c r="N53" s="17">
        <v>190</v>
      </c>
      <c r="O53" s="18">
        <v>3</v>
      </c>
      <c r="P53" s="17">
        <v>74</v>
      </c>
      <c r="Q53" s="17">
        <v>113</v>
      </c>
      <c r="R53" s="17">
        <v>6531</v>
      </c>
    </row>
    <row r="54" spans="1:18">
      <c r="A54" s="21" t="s">
        <v>1582</v>
      </c>
      <c r="B54" s="10" t="s">
        <v>25</v>
      </c>
      <c r="C54" s="11" t="s">
        <v>25</v>
      </c>
      <c r="D54" s="17">
        <v>573</v>
      </c>
      <c r="E54" s="18">
        <v>11</v>
      </c>
      <c r="F54" s="17">
        <v>179</v>
      </c>
      <c r="G54" s="17">
        <v>382</v>
      </c>
      <c r="H54" s="17">
        <v>21891</v>
      </c>
      <c r="I54" s="17">
        <v>309</v>
      </c>
      <c r="J54" s="18">
        <v>8</v>
      </c>
      <c r="K54" s="17">
        <v>62</v>
      </c>
      <c r="L54" s="17">
        <v>238</v>
      </c>
      <c r="M54" s="17">
        <v>13188</v>
      </c>
      <c r="N54" s="17">
        <v>264</v>
      </c>
      <c r="O54" s="18">
        <v>3</v>
      </c>
      <c r="P54" s="17">
        <v>117</v>
      </c>
      <c r="Q54" s="17">
        <v>144</v>
      </c>
      <c r="R54" s="17">
        <v>8703</v>
      </c>
    </row>
    <row r="55" spans="1:18">
      <c r="A55" s="21" t="s">
        <v>1583</v>
      </c>
      <c r="B55" s="10" t="s">
        <v>25</v>
      </c>
      <c r="C55" s="11" t="s">
        <v>25</v>
      </c>
      <c r="D55" s="17">
        <v>637</v>
      </c>
      <c r="E55" s="17">
        <v>7</v>
      </c>
      <c r="F55" s="17">
        <v>151</v>
      </c>
      <c r="G55" s="17">
        <v>478</v>
      </c>
      <c r="H55" s="17">
        <v>25827</v>
      </c>
      <c r="I55" s="17">
        <v>361</v>
      </c>
      <c r="J55" s="17">
        <v>7</v>
      </c>
      <c r="K55" s="17">
        <v>50</v>
      </c>
      <c r="L55" s="17">
        <v>304</v>
      </c>
      <c r="M55" s="17">
        <v>16160</v>
      </c>
      <c r="N55" s="17">
        <v>276</v>
      </c>
      <c r="O55" s="17" t="s">
        <v>35</v>
      </c>
      <c r="P55" s="17">
        <v>101</v>
      </c>
      <c r="Q55" s="17">
        <v>174</v>
      </c>
      <c r="R55" s="17">
        <v>9667</v>
      </c>
    </row>
    <row r="56" spans="1:18">
      <c r="A56" s="21" t="s">
        <v>1584</v>
      </c>
      <c r="B56" s="10" t="s">
        <v>25</v>
      </c>
      <c r="C56" s="11" t="s">
        <v>25</v>
      </c>
      <c r="D56" s="17">
        <v>1318</v>
      </c>
      <c r="E56" s="17">
        <v>18</v>
      </c>
      <c r="F56" s="17">
        <v>311</v>
      </c>
      <c r="G56" s="17">
        <v>987</v>
      </c>
      <c r="H56" s="17">
        <v>53951</v>
      </c>
      <c r="I56" s="17">
        <v>729</v>
      </c>
      <c r="J56" s="17">
        <v>10</v>
      </c>
      <c r="K56" s="17">
        <v>100</v>
      </c>
      <c r="L56" s="17">
        <v>618</v>
      </c>
      <c r="M56" s="17">
        <v>32961</v>
      </c>
      <c r="N56" s="17">
        <v>589</v>
      </c>
      <c r="O56" s="17">
        <v>8</v>
      </c>
      <c r="P56" s="17">
        <v>211</v>
      </c>
      <c r="Q56" s="17">
        <v>369</v>
      </c>
      <c r="R56" s="17">
        <v>20990</v>
      </c>
    </row>
    <row r="57" spans="1:18">
      <c r="A57" s="21" t="s">
        <v>1585</v>
      </c>
      <c r="B57" s="10" t="s">
        <v>25</v>
      </c>
      <c r="C57" s="11" t="s">
        <v>25</v>
      </c>
      <c r="D57" s="17">
        <v>1041</v>
      </c>
      <c r="E57" s="17">
        <v>18</v>
      </c>
      <c r="F57" s="17">
        <v>244</v>
      </c>
      <c r="G57" s="17">
        <v>777</v>
      </c>
      <c r="H57" s="17">
        <v>42344</v>
      </c>
      <c r="I57" s="17">
        <v>557</v>
      </c>
      <c r="J57" s="18">
        <v>10</v>
      </c>
      <c r="K57" s="17">
        <v>82</v>
      </c>
      <c r="L57" s="17">
        <v>464</v>
      </c>
      <c r="M57" s="17">
        <v>24930</v>
      </c>
      <c r="N57" s="17">
        <v>484</v>
      </c>
      <c r="O57" s="17">
        <v>8</v>
      </c>
      <c r="P57" s="17">
        <v>162</v>
      </c>
      <c r="Q57" s="17">
        <v>313</v>
      </c>
      <c r="R57" s="17">
        <v>17414</v>
      </c>
    </row>
    <row r="58" spans="1:18">
      <c r="A58" s="21" t="s">
        <v>1586</v>
      </c>
      <c r="B58" s="10" t="s">
        <v>25</v>
      </c>
      <c r="C58" s="11" t="s">
        <v>25</v>
      </c>
      <c r="D58" s="17">
        <v>277</v>
      </c>
      <c r="E58" s="17" t="s">
        <v>35</v>
      </c>
      <c r="F58" s="17">
        <v>67</v>
      </c>
      <c r="G58" s="17">
        <v>210</v>
      </c>
      <c r="H58" s="17">
        <v>11607</v>
      </c>
      <c r="I58" s="17">
        <v>172</v>
      </c>
      <c r="J58" s="17" t="s">
        <v>35</v>
      </c>
      <c r="K58" s="17">
        <v>18</v>
      </c>
      <c r="L58" s="17">
        <v>154</v>
      </c>
      <c r="M58" s="17">
        <v>8031</v>
      </c>
      <c r="N58" s="17">
        <v>105</v>
      </c>
      <c r="O58" s="17" t="s">
        <v>35</v>
      </c>
      <c r="P58" s="17">
        <v>49</v>
      </c>
      <c r="Q58" s="17">
        <v>56</v>
      </c>
      <c r="R58" s="17">
        <v>3576</v>
      </c>
    </row>
    <row r="59" spans="1:18">
      <c r="A59" s="21" t="s">
        <v>1587</v>
      </c>
      <c r="B59" s="10" t="s">
        <v>25</v>
      </c>
      <c r="C59" s="11" t="s">
        <v>25</v>
      </c>
      <c r="D59" s="17">
        <v>2867</v>
      </c>
      <c r="E59" s="17">
        <v>39</v>
      </c>
      <c r="F59" s="17">
        <v>652</v>
      </c>
      <c r="G59" s="17">
        <v>2175</v>
      </c>
      <c r="H59" s="17">
        <v>121746</v>
      </c>
      <c r="I59" s="17">
        <v>1757</v>
      </c>
      <c r="J59" s="17">
        <v>15</v>
      </c>
      <c r="K59" s="17">
        <v>160</v>
      </c>
      <c r="L59" s="17">
        <v>1581</v>
      </c>
      <c r="M59" s="17">
        <v>85022</v>
      </c>
      <c r="N59" s="17">
        <v>1110</v>
      </c>
      <c r="O59" s="17">
        <v>24</v>
      </c>
      <c r="P59" s="17">
        <v>492</v>
      </c>
      <c r="Q59" s="17">
        <v>594</v>
      </c>
      <c r="R59" s="17">
        <v>36724</v>
      </c>
    </row>
    <row r="60" spans="1:18">
      <c r="A60" s="21" t="s">
        <v>1588</v>
      </c>
      <c r="B60" s="10" t="s">
        <v>25</v>
      </c>
      <c r="C60" s="11" t="s">
        <v>25</v>
      </c>
      <c r="D60" s="17">
        <v>1304</v>
      </c>
      <c r="E60" s="17">
        <v>21</v>
      </c>
      <c r="F60" s="17">
        <v>323</v>
      </c>
      <c r="G60" s="17">
        <v>960</v>
      </c>
      <c r="H60" s="17">
        <v>54233</v>
      </c>
      <c r="I60" s="17">
        <v>796</v>
      </c>
      <c r="J60" s="17">
        <v>6</v>
      </c>
      <c r="K60" s="17">
        <v>87</v>
      </c>
      <c r="L60" s="17">
        <v>703</v>
      </c>
      <c r="M60" s="17">
        <v>38033</v>
      </c>
      <c r="N60" s="17">
        <v>508</v>
      </c>
      <c r="O60" s="17">
        <v>15</v>
      </c>
      <c r="P60" s="17">
        <v>236</v>
      </c>
      <c r="Q60" s="17">
        <v>257</v>
      </c>
      <c r="R60" s="17">
        <v>16200</v>
      </c>
    </row>
    <row r="61" spans="1:18">
      <c r="A61" s="21" t="s">
        <v>1589</v>
      </c>
      <c r="B61" s="10" t="s">
        <v>25</v>
      </c>
      <c r="C61" s="11" t="s">
        <v>25</v>
      </c>
      <c r="D61" s="17">
        <v>1563</v>
      </c>
      <c r="E61" s="17">
        <v>18</v>
      </c>
      <c r="F61" s="17">
        <v>329</v>
      </c>
      <c r="G61" s="17">
        <v>1215</v>
      </c>
      <c r="H61" s="17">
        <v>67513</v>
      </c>
      <c r="I61" s="17">
        <v>961</v>
      </c>
      <c r="J61" s="17">
        <v>9</v>
      </c>
      <c r="K61" s="17">
        <v>73</v>
      </c>
      <c r="L61" s="17">
        <v>878</v>
      </c>
      <c r="M61" s="17">
        <v>46989</v>
      </c>
      <c r="N61" s="17">
        <v>602</v>
      </c>
      <c r="O61" s="17">
        <v>9</v>
      </c>
      <c r="P61" s="17">
        <v>256</v>
      </c>
      <c r="Q61" s="17">
        <v>337</v>
      </c>
      <c r="R61" s="17">
        <v>20524</v>
      </c>
    </row>
    <row r="62" spans="1:18">
      <c r="A62" s="21" t="s">
        <v>1590</v>
      </c>
      <c r="B62" s="10" t="s">
        <v>25</v>
      </c>
      <c r="C62" s="11" t="s">
        <v>25</v>
      </c>
      <c r="D62" s="17">
        <v>2906</v>
      </c>
      <c r="E62" s="17">
        <v>31</v>
      </c>
      <c r="F62" s="17">
        <v>672</v>
      </c>
      <c r="G62" s="17">
        <v>2202</v>
      </c>
      <c r="H62" s="17">
        <v>122007</v>
      </c>
      <c r="I62" s="17">
        <v>1770</v>
      </c>
      <c r="J62" s="17">
        <v>11</v>
      </c>
      <c r="K62" s="17">
        <v>177</v>
      </c>
      <c r="L62" s="17">
        <v>1581</v>
      </c>
      <c r="M62" s="17">
        <v>84680</v>
      </c>
      <c r="N62" s="17">
        <v>1136</v>
      </c>
      <c r="O62" s="17">
        <v>20</v>
      </c>
      <c r="P62" s="17">
        <v>495</v>
      </c>
      <c r="Q62" s="17">
        <v>621</v>
      </c>
      <c r="R62" s="17">
        <v>37327</v>
      </c>
    </row>
    <row r="63" spans="1:18">
      <c r="A63" s="21" t="s">
        <v>1591</v>
      </c>
      <c r="B63" s="10" t="s">
        <v>25</v>
      </c>
      <c r="C63" s="11" t="s">
        <v>25</v>
      </c>
      <c r="D63" s="17">
        <v>958</v>
      </c>
      <c r="E63" s="17">
        <v>8</v>
      </c>
      <c r="F63" s="17">
        <v>247</v>
      </c>
      <c r="G63" s="17">
        <v>703</v>
      </c>
      <c r="H63" s="17">
        <v>39469</v>
      </c>
      <c r="I63" s="17">
        <v>572</v>
      </c>
      <c r="J63" s="17">
        <v>4</v>
      </c>
      <c r="K63" s="17">
        <v>52</v>
      </c>
      <c r="L63" s="17">
        <v>516</v>
      </c>
      <c r="M63" s="17">
        <v>27592</v>
      </c>
      <c r="N63" s="17">
        <v>386</v>
      </c>
      <c r="O63" s="17">
        <v>4</v>
      </c>
      <c r="P63" s="17">
        <v>195</v>
      </c>
      <c r="Q63" s="17">
        <v>187</v>
      </c>
      <c r="R63" s="17">
        <v>11877</v>
      </c>
    </row>
    <row r="64" spans="1:18">
      <c r="A64" s="21" t="s">
        <v>1592</v>
      </c>
      <c r="B64" s="10" t="s">
        <v>25</v>
      </c>
      <c r="C64" s="11" t="s">
        <v>25</v>
      </c>
      <c r="D64" s="17">
        <v>740</v>
      </c>
      <c r="E64" s="17">
        <v>7</v>
      </c>
      <c r="F64" s="17">
        <v>149</v>
      </c>
      <c r="G64" s="17">
        <v>583</v>
      </c>
      <c r="H64" s="17">
        <v>31722</v>
      </c>
      <c r="I64" s="17">
        <v>477</v>
      </c>
      <c r="J64" s="17">
        <v>3</v>
      </c>
      <c r="K64" s="17">
        <v>58</v>
      </c>
      <c r="L64" s="17">
        <v>415</v>
      </c>
      <c r="M64" s="17">
        <v>22457</v>
      </c>
      <c r="N64" s="17">
        <v>263</v>
      </c>
      <c r="O64" s="18">
        <v>4</v>
      </c>
      <c r="P64" s="17">
        <v>91</v>
      </c>
      <c r="Q64" s="17">
        <v>168</v>
      </c>
      <c r="R64" s="17">
        <v>9265</v>
      </c>
    </row>
    <row r="65" spans="1:18">
      <c r="A65" s="21" t="s">
        <v>1593</v>
      </c>
      <c r="B65" s="10" t="s">
        <v>25</v>
      </c>
      <c r="C65" s="11" t="s">
        <v>25</v>
      </c>
      <c r="D65" s="17">
        <v>1208</v>
      </c>
      <c r="E65" s="17">
        <v>16</v>
      </c>
      <c r="F65" s="17">
        <v>276</v>
      </c>
      <c r="G65" s="17">
        <v>916</v>
      </c>
      <c r="H65" s="17">
        <v>50816</v>
      </c>
      <c r="I65" s="17">
        <v>721</v>
      </c>
      <c r="J65" s="17">
        <v>4</v>
      </c>
      <c r="K65" s="17">
        <v>67</v>
      </c>
      <c r="L65" s="17">
        <v>650</v>
      </c>
      <c r="M65" s="17">
        <v>34631</v>
      </c>
      <c r="N65" s="17">
        <v>487</v>
      </c>
      <c r="O65" s="17">
        <v>12</v>
      </c>
      <c r="P65" s="17">
        <v>209</v>
      </c>
      <c r="Q65" s="17">
        <v>266</v>
      </c>
      <c r="R65" s="17">
        <v>16185</v>
      </c>
    </row>
    <row r="66" spans="1:18">
      <c r="A66" s="21" t="s">
        <v>1594</v>
      </c>
      <c r="B66" s="10" t="s">
        <v>25</v>
      </c>
      <c r="C66" s="11" t="s">
        <v>25</v>
      </c>
      <c r="D66" s="17">
        <v>860</v>
      </c>
      <c r="E66" s="17">
        <v>15</v>
      </c>
      <c r="F66" s="17">
        <v>188</v>
      </c>
      <c r="G66" s="17">
        <v>656</v>
      </c>
      <c r="H66" s="17">
        <v>35902</v>
      </c>
      <c r="I66" s="17">
        <v>511</v>
      </c>
      <c r="J66" s="17">
        <v>10</v>
      </c>
      <c r="K66" s="17">
        <v>49</v>
      </c>
      <c r="L66" s="17">
        <v>451</v>
      </c>
      <c r="M66" s="17">
        <v>23737</v>
      </c>
      <c r="N66" s="17">
        <v>349</v>
      </c>
      <c r="O66" s="17">
        <v>5</v>
      </c>
      <c r="P66" s="17">
        <v>139</v>
      </c>
      <c r="Q66" s="17">
        <v>205</v>
      </c>
      <c r="R66" s="17">
        <v>12165</v>
      </c>
    </row>
    <row r="67" spans="1:18">
      <c r="A67" s="21" t="s">
        <v>1595</v>
      </c>
      <c r="B67" s="10" t="s">
        <v>25</v>
      </c>
      <c r="C67" s="11" t="s">
        <v>25</v>
      </c>
      <c r="D67" s="17">
        <v>2081</v>
      </c>
      <c r="E67" s="17">
        <v>34</v>
      </c>
      <c r="F67" s="17">
        <v>525</v>
      </c>
      <c r="G67" s="17">
        <v>1520</v>
      </c>
      <c r="H67" s="17">
        <v>84931</v>
      </c>
      <c r="I67" s="17">
        <v>1207</v>
      </c>
      <c r="J67" s="17">
        <v>25</v>
      </c>
      <c r="K67" s="17">
        <v>171</v>
      </c>
      <c r="L67" s="17">
        <v>1011</v>
      </c>
      <c r="M67" s="17">
        <v>54739</v>
      </c>
      <c r="N67" s="17">
        <v>874</v>
      </c>
      <c r="O67" s="17">
        <v>9</v>
      </c>
      <c r="P67" s="17">
        <v>354</v>
      </c>
      <c r="Q67" s="17">
        <v>509</v>
      </c>
      <c r="R67" s="17">
        <v>30192</v>
      </c>
    </row>
    <row r="68" spans="1:18">
      <c r="A68" s="21" t="s">
        <v>1596</v>
      </c>
      <c r="B68" s="10" t="s">
        <v>25</v>
      </c>
      <c r="C68" s="11" t="s">
        <v>25</v>
      </c>
      <c r="D68" s="17">
        <v>370</v>
      </c>
      <c r="E68" s="17">
        <v>9</v>
      </c>
      <c r="F68" s="17">
        <v>99</v>
      </c>
      <c r="G68" s="17">
        <v>262</v>
      </c>
      <c r="H68" s="17">
        <v>14513</v>
      </c>
      <c r="I68" s="17">
        <v>211</v>
      </c>
      <c r="J68" s="17">
        <v>7</v>
      </c>
      <c r="K68" s="17">
        <v>41</v>
      </c>
      <c r="L68" s="17">
        <v>163</v>
      </c>
      <c r="M68" s="17">
        <v>8997</v>
      </c>
      <c r="N68" s="17">
        <v>159</v>
      </c>
      <c r="O68" s="17">
        <v>2</v>
      </c>
      <c r="P68" s="17">
        <v>58</v>
      </c>
      <c r="Q68" s="17">
        <v>99</v>
      </c>
      <c r="R68" s="17">
        <v>5516</v>
      </c>
    </row>
    <row r="69" spans="1:18">
      <c r="A69" s="21" t="s">
        <v>1597</v>
      </c>
      <c r="B69" s="10" t="s">
        <v>25</v>
      </c>
      <c r="C69" s="11" t="s">
        <v>25</v>
      </c>
      <c r="D69" s="17">
        <v>711</v>
      </c>
      <c r="E69" s="17">
        <v>6</v>
      </c>
      <c r="F69" s="17">
        <v>178</v>
      </c>
      <c r="G69" s="17">
        <v>527</v>
      </c>
      <c r="H69" s="17">
        <v>29475</v>
      </c>
      <c r="I69" s="17">
        <v>425</v>
      </c>
      <c r="J69" s="17">
        <v>4</v>
      </c>
      <c r="K69" s="17">
        <v>47</v>
      </c>
      <c r="L69" s="17">
        <v>374</v>
      </c>
      <c r="M69" s="17">
        <v>19911</v>
      </c>
      <c r="N69" s="17">
        <v>286</v>
      </c>
      <c r="O69" s="17">
        <v>2</v>
      </c>
      <c r="P69" s="17">
        <v>131</v>
      </c>
      <c r="Q69" s="17">
        <v>153</v>
      </c>
      <c r="R69" s="17">
        <v>9564</v>
      </c>
    </row>
    <row r="70" spans="1:18">
      <c r="A70" s="21" t="s">
        <v>1598</v>
      </c>
      <c r="B70" s="10" t="s">
        <v>25</v>
      </c>
      <c r="C70" s="11" t="s">
        <v>25</v>
      </c>
      <c r="D70" s="17">
        <v>1000</v>
      </c>
      <c r="E70" s="17">
        <v>19</v>
      </c>
      <c r="F70" s="17">
        <v>248</v>
      </c>
      <c r="G70" s="17">
        <v>731</v>
      </c>
      <c r="H70" s="17">
        <v>40943</v>
      </c>
      <c r="I70" s="17">
        <v>571</v>
      </c>
      <c r="J70" s="17">
        <v>14</v>
      </c>
      <c r="K70" s="17">
        <v>83</v>
      </c>
      <c r="L70" s="17">
        <v>474</v>
      </c>
      <c r="M70" s="17">
        <v>25831</v>
      </c>
      <c r="N70" s="17">
        <v>429</v>
      </c>
      <c r="O70" s="17">
        <v>5</v>
      </c>
      <c r="P70" s="17">
        <v>165</v>
      </c>
      <c r="Q70" s="17">
        <v>257</v>
      </c>
      <c r="R70" s="17">
        <v>15112</v>
      </c>
    </row>
    <row r="71" spans="1:18">
      <c r="A71" s="21" t="s">
        <v>1599</v>
      </c>
      <c r="B71" s="10" t="s">
        <v>25</v>
      </c>
      <c r="C71" s="11" t="s">
        <v>25</v>
      </c>
      <c r="D71" s="17">
        <v>6989</v>
      </c>
      <c r="E71" s="17">
        <v>118</v>
      </c>
      <c r="F71" s="17">
        <v>1690</v>
      </c>
      <c r="G71" s="17">
        <v>5162</v>
      </c>
      <c r="H71" s="17">
        <v>283638</v>
      </c>
      <c r="I71" s="17">
        <v>3934</v>
      </c>
      <c r="J71" s="17">
        <v>61</v>
      </c>
      <c r="K71" s="17">
        <v>454</v>
      </c>
      <c r="L71" s="17">
        <v>3404</v>
      </c>
      <c r="M71" s="17">
        <v>179700</v>
      </c>
      <c r="N71" s="17">
        <v>3055</v>
      </c>
      <c r="O71" s="17">
        <v>57</v>
      </c>
      <c r="P71" s="17">
        <v>1236</v>
      </c>
      <c r="Q71" s="17">
        <v>1758</v>
      </c>
      <c r="R71" s="17">
        <v>103938</v>
      </c>
    </row>
    <row r="72" spans="1:18">
      <c r="A72" s="21" t="s">
        <v>1600</v>
      </c>
      <c r="B72" s="10" t="s">
        <v>25</v>
      </c>
      <c r="C72" s="11" t="s">
        <v>25</v>
      </c>
      <c r="D72" s="17">
        <v>897</v>
      </c>
      <c r="E72" s="17">
        <v>13</v>
      </c>
      <c r="F72" s="17">
        <v>210</v>
      </c>
      <c r="G72" s="17">
        <v>674</v>
      </c>
      <c r="H72" s="17">
        <v>37315</v>
      </c>
      <c r="I72" s="17">
        <v>489</v>
      </c>
      <c r="J72" s="17">
        <v>9</v>
      </c>
      <c r="K72" s="17">
        <v>58</v>
      </c>
      <c r="L72" s="17">
        <v>422</v>
      </c>
      <c r="M72" s="17">
        <v>22619</v>
      </c>
      <c r="N72" s="17">
        <v>408</v>
      </c>
      <c r="O72" s="17">
        <v>4</v>
      </c>
      <c r="P72" s="17">
        <v>152</v>
      </c>
      <c r="Q72" s="17">
        <v>252</v>
      </c>
      <c r="R72" s="17">
        <v>14696</v>
      </c>
    </row>
    <row r="73" spans="1:18">
      <c r="A73" s="21" t="s">
        <v>1601</v>
      </c>
      <c r="B73" s="10" t="s">
        <v>25</v>
      </c>
      <c r="C73" s="11" t="s">
        <v>25</v>
      </c>
      <c r="D73" s="17">
        <v>1719</v>
      </c>
      <c r="E73" s="17">
        <v>27</v>
      </c>
      <c r="F73" s="17">
        <v>393</v>
      </c>
      <c r="G73" s="17">
        <v>1290</v>
      </c>
      <c r="H73" s="17">
        <v>71055</v>
      </c>
      <c r="I73" s="17">
        <v>973</v>
      </c>
      <c r="J73" s="17">
        <v>10</v>
      </c>
      <c r="K73" s="17">
        <v>97</v>
      </c>
      <c r="L73" s="17">
        <v>859</v>
      </c>
      <c r="M73" s="17">
        <v>45598</v>
      </c>
      <c r="N73" s="17">
        <v>746</v>
      </c>
      <c r="O73" s="17">
        <v>17</v>
      </c>
      <c r="P73" s="17">
        <v>296</v>
      </c>
      <c r="Q73" s="17">
        <v>431</v>
      </c>
      <c r="R73" s="17">
        <v>25457</v>
      </c>
    </row>
    <row r="74" spans="1:18">
      <c r="A74" s="21" t="s">
        <v>1602</v>
      </c>
      <c r="B74" s="10" t="s">
        <v>25</v>
      </c>
      <c r="C74" s="11" t="s">
        <v>25</v>
      </c>
      <c r="D74" s="17">
        <v>1283</v>
      </c>
      <c r="E74" s="17">
        <v>22</v>
      </c>
      <c r="F74" s="17">
        <v>338</v>
      </c>
      <c r="G74" s="17">
        <v>920</v>
      </c>
      <c r="H74" s="17">
        <v>50201</v>
      </c>
      <c r="I74" s="17">
        <v>722</v>
      </c>
      <c r="J74" s="17">
        <v>13</v>
      </c>
      <c r="K74" s="17">
        <v>83</v>
      </c>
      <c r="L74" s="17">
        <v>623</v>
      </c>
      <c r="M74" s="17">
        <v>31978</v>
      </c>
      <c r="N74" s="17">
        <v>561</v>
      </c>
      <c r="O74" s="17">
        <v>9</v>
      </c>
      <c r="P74" s="17">
        <v>255</v>
      </c>
      <c r="Q74" s="17">
        <v>297</v>
      </c>
      <c r="R74" s="17">
        <v>18223</v>
      </c>
    </row>
    <row r="75" spans="1:18">
      <c r="A75" s="21" t="s">
        <v>1603</v>
      </c>
      <c r="B75" s="10" t="s">
        <v>25</v>
      </c>
      <c r="C75" s="11" t="s">
        <v>25</v>
      </c>
      <c r="D75" s="17">
        <v>902</v>
      </c>
      <c r="E75" s="17">
        <v>21</v>
      </c>
      <c r="F75" s="17">
        <v>170</v>
      </c>
      <c r="G75" s="17">
        <v>707</v>
      </c>
      <c r="H75" s="17">
        <v>37851</v>
      </c>
      <c r="I75" s="17">
        <v>529</v>
      </c>
      <c r="J75" s="18">
        <v>8</v>
      </c>
      <c r="K75" s="17">
        <v>46</v>
      </c>
      <c r="L75" s="17">
        <v>472</v>
      </c>
      <c r="M75" s="17">
        <v>24689</v>
      </c>
      <c r="N75" s="17">
        <v>373</v>
      </c>
      <c r="O75" s="17">
        <v>13</v>
      </c>
      <c r="P75" s="17">
        <v>124</v>
      </c>
      <c r="Q75" s="17">
        <v>235</v>
      </c>
      <c r="R75" s="17">
        <v>13162</v>
      </c>
    </row>
    <row r="76" spans="1:18">
      <c r="A76" s="21" t="s">
        <v>1604</v>
      </c>
      <c r="B76" s="10" t="s">
        <v>25</v>
      </c>
      <c r="C76" s="11" t="s">
        <v>25</v>
      </c>
      <c r="D76" s="17">
        <v>2188</v>
      </c>
      <c r="E76" s="17">
        <v>35</v>
      </c>
      <c r="F76" s="17">
        <v>579</v>
      </c>
      <c r="G76" s="17">
        <v>1571</v>
      </c>
      <c r="H76" s="17">
        <v>87216</v>
      </c>
      <c r="I76" s="17">
        <v>1221</v>
      </c>
      <c r="J76" s="17">
        <v>21</v>
      </c>
      <c r="K76" s="17">
        <v>170</v>
      </c>
      <c r="L76" s="17">
        <v>1028</v>
      </c>
      <c r="M76" s="17">
        <v>54816</v>
      </c>
      <c r="N76" s="17">
        <v>967</v>
      </c>
      <c r="O76" s="17">
        <v>14</v>
      </c>
      <c r="P76" s="17">
        <v>409</v>
      </c>
      <c r="Q76" s="17">
        <v>543</v>
      </c>
      <c r="R76" s="17">
        <v>32400</v>
      </c>
    </row>
    <row r="77" spans="1:18">
      <c r="A77" s="21" t="s">
        <v>1605</v>
      </c>
      <c r="B77" s="10" t="s">
        <v>25</v>
      </c>
      <c r="C77" s="11" t="s">
        <v>25</v>
      </c>
      <c r="D77" s="17">
        <v>3011</v>
      </c>
      <c r="E77" s="17">
        <v>60</v>
      </c>
      <c r="F77" s="17">
        <v>635</v>
      </c>
      <c r="G77" s="17">
        <v>2313</v>
      </c>
      <c r="H77" s="17">
        <v>124048</v>
      </c>
      <c r="I77" s="17">
        <v>1633</v>
      </c>
      <c r="J77" s="17">
        <v>36</v>
      </c>
      <c r="K77" s="17">
        <v>205</v>
      </c>
      <c r="L77" s="17">
        <v>1391</v>
      </c>
      <c r="M77" s="17">
        <v>73953</v>
      </c>
      <c r="N77" s="17">
        <v>1378</v>
      </c>
      <c r="O77" s="17">
        <v>24</v>
      </c>
      <c r="P77" s="17">
        <v>430</v>
      </c>
      <c r="Q77" s="17">
        <v>922</v>
      </c>
      <c r="R77" s="17">
        <v>50095</v>
      </c>
    </row>
    <row r="78" spans="1:18">
      <c r="A78" s="21" t="s">
        <v>1606</v>
      </c>
      <c r="B78" s="10" t="s">
        <v>25</v>
      </c>
      <c r="C78" s="11" t="s">
        <v>25</v>
      </c>
      <c r="D78" s="17">
        <v>810</v>
      </c>
      <c r="E78" s="17">
        <v>15</v>
      </c>
      <c r="F78" s="17">
        <v>171</v>
      </c>
      <c r="G78" s="17">
        <v>624</v>
      </c>
      <c r="H78" s="17">
        <v>33206</v>
      </c>
      <c r="I78" s="17">
        <v>414</v>
      </c>
      <c r="J78" s="17">
        <v>8</v>
      </c>
      <c r="K78" s="17">
        <v>48</v>
      </c>
      <c r="L78" s="17">
        <v>358</v>
      </c>
      <c r="M78" s="17">
        <v>18948</v>
      </c>
      <c r="N78" s="17">
        <v>396</v>
      </c>
      <c r="O78" s="17">
        <v>7</v>
      </c>
      <c r="P78" s="17">
        <v>123</v>
      </c>
      <c r="Q78" s="17">
        <v>266</v>
      </c>
      <c r="R78" s="17">
        <v>14258</v>
      </c>
    </row>
    <row r="79" spans="1:18">
      <c r="A79" s="21" t="s">
        <v>1607</v>
      </c>
      <c r="B79" s="10" t="s">
        <v>25</v>
      </c>
      <c r="C79" s="11" t="s">
        <v>25</v>
      </c>
      <c r="D79" s="17">
        <v>2201</v>
      </c>
      <c r="E79" s="17">
        <v>45</v>
      </c>
      <c r="F79" s="17">
        <v>464</v>
      </c>
      <c r="G79" s="17">
        <v>1689</v>
      </c>
      <c r="H79" s="17">
        <v>90842</v>
      </c>
      <c r="I79" s="17">
        <v>1219</v>
      </c>
      <c r="J79" s="17">
        <v>28</v>
      </c>
      <c r="K79" s="17">
        <v>157</v>
      </c>
      <c r="L79" s="17">
        <v>1033</v>
      </c>
      <c r="M79" s="17">
        <v>55005</v>
      </c>
      <c r="N79" s="17">
        <v>982</v>
      </c>
      <c r="O79" s="17">
        <v>17</v>
      </c>
      <c r="P79" s="17">
        <v>307</v>
      </c>
      <c r="Q79" s="17">
        <v>656</v>
      </c>
      <c r="R79" s="17">
        <v>35837</v>
      </c>
    </row>
    <row r="80" spans="1:18">
      <c r="A80" s="21" t="s">
        <v>1608</v>
      </c>
      <c r="B80" s="10" t="s">
        <v>25</v>
      </c>
      <c r="C80" s="11" t="s">
        <v>25</v>
      </c>
      <c r="D80" s="17">
        <v>2346</v>
      </c>
      <c r="E80" s="17">
        <v>41</v>
      </c>
      <c r="F80" s="17">
        <v>542</v>
      </c>
      <c r="G80" s="17">
        <v>1761</v>
      </c>
      <c r="H80" s="17">
        <v>96402</v>
      </c>
      <c r="I80" s="17">
        <v>1353</v>
      </c>
      <c r="J80" s="17">
        <v>24</v>
      </c>
      <c r="K80" s="17">
        <v>163</v>
      </c>
      <c r="L80" s="17">
        <v>1166</v>
      </c>
      <c r="M80" s="17">
        <v>62033</v>
      </c>
      <c r="N80" s="17">
        <v>993</v>
      </c>
      <c r="O80" s="18">
        <v>17</v>
      </c>
      <c r="P80" s="17">
        <v>379</v>
      </c>
      <c r="Q80" s="17">
        <v>595</v>
      </c>
      <c r="R80" s="17">
        <v>34369</v>
      </c>
    </row>
    <row r="81" spans="1:18">
      <c r="A81" s="21" t="s">
        <v>1609</v>
      </c>
      <c r="B81" s="10" t="s">
        <v>25</v>
      </c>
      <c r="C81" s="11" t="s">
        <v>25</v>
      </c>
      <c r="D81" s="17">
        <v>732</v>
      </c>
      <c r="E81" s="17">
        <v>9</v>
      </c>
      <c r="F81" s="17">
        <v>170</v>
      </c>
      <c r="G81" s="17">
        <v>553</v>
      </c>
      <c r="H81" s="17">
        <v>30108</v>
      </c>
      <c r="I81" s="17">
        <v>430</v>
      </c>
      <c r="J81" s="17">
        <v>6</v>
      </c>
      <c r="K81" s="17">
        <v>50</v>
      </c>
      <c r="L81" s="17">
        <v>374</v>
      </c>
      <c r="M81" s="17">
        <v>19762</v>
      </c>
      <c r="N81" s="17">
        <v>302</v>
      </c>
      <c r="O81" s="18">
        <v>3</v>
      </c>
      <c r="P81" s="17">
        <v>120</v>
      </c>
      <c r="Q81" s="17">
        <v>179</v>
      </c>
      <c r="R81" s="17">
        <v>10346</v>
      </c>
    </row>
    <row r="82" spans="1:18">
      <c r="A82" s="21" t="s">
        <v>1610</v>
      </c>
      <c r="B82" s="10" t="s">
        <v>25</v>
      </c>
      <c r="C82" s="11" t="s">
        <v>25</v>
      </c>
      <c r="D82" s="17">
        <v>684</v>
      </c>
      <c r="E82" s="18">
        <v>15</v>
      </c>
      <c r="F82" s="17">
        <v>147</v>
      </c>
      <c r="G82" s="17">
        <v>520</v>
      </c>
      <c r="H82" s="17">
        <v>28226</v>
      </c>
      <c r="I82" s="17">
        <v>391</v>
      </c>
      <c r="J82" s="18">
        <v>10</v>
      </c>
      <c r="K82" s="17">
        <v>45</v>
      </c>
      <c r="L82" s="17">
        <v>336</v>
      </c>
      <c r="M82" s="17">
        <v>17935</v>
      </c>
      <c r="N82" s="17">
        <v>293</v>
      </c>
      <c r="O82" s="18">
        <v>5</v>
      </c>
      <c r="P82" s="17">
        <v>102</v>
      </c>
      <c r="Q82" s="17">
        <v>184</v>
      </c>
      <c r="R82" s="17">
        <v>10291</v>
      </c>
    </row>
    <row r="83" spans="1:18">
      <c r="A83" s="21" t="s">
        <v>1611</v>
      </c>
      <c r="B83" s="10" t="s">
        <v>25</v>
      </c>
      <c r="C83" s="11" t="s">
        <v>25</v>
      </c>
      <c r="D83" s="17">
        <v>930</v>
      </c>
      <c r="E83" s="18">
        <v>17</v>
      </c>
      <c r="F83" s="17">
        <v>225</v>
      </c>
      <c r="G83" s="17">
        <v>688</v>
      </c>
      <c r="H83" s="17">
        <v>38068</v>
      </c>
      <c r="I83" s="17">
        <v>532</v>
      </c>
      <c r="J83" s="18">
        <v>8</v>
      </c>
      <c r="K83" s="17">
        <v>68</v>
      </c>
      <c r="L83" s="17">
        <v>456</v>
      </c>
      <c r="M83" s="17">
        <v>24336</v>
      </c>
      <c r="N83" s="17">
        <v>398</v>
      </c>
      <c r="O83" s="18">
        <v>9</v>
      </c>
      <c r="P83" s="17">
        <v>157</v>
      </c>
      <c r="Q83" s="17">
        <v>232</v>
      </c>
      <c r="R83" s="17">
        <v>13732</v>
      </c>
    </row>
    <row r="84" spans="1:18">
      <c r="A84" s="21" t="s">
        <v>1612</v>
      </c>
      <c r="B84" s="10" t="s">
        <v>25</v>
      </c>
      <c r="C84" s="11" t="s">
        <v>25</v>
      </c>
      <c r="D84" s="18">
        <v>4768</v>
      </c>
      <c r="E84" s="18">
        <v>75</v>
      </c>
      <c r="F84" s="18">
        <v>1174</v>
      </c>
      <c r="G84" s="18">
        <v>3512</v>
      </c>
      <c r="H84" s="18">
        <v>195373</v>
      </c>
      <c r="I84" s="18">
        <v>2723</v>
      </c>
      <c r="J84" s="18">
        <v>42</v>
      </c>
      <c r="K84" s="18">
        <v>333</v>
      </c>
      <c r="L84" s="18">
        <v>2343</v>
      </c>
      <c r="M84" s="18">
        <v>125281</v>
      </c>
      <c r="N84" s="18">
        <v>2045</v>
      </c>
      <c r="O84" s="18">
        <v>33</v>
      </c>
      <c r="P84" s="18">
        <v>841</v>
      </c>
      <c r="Q84" s="18">
        <v>1169</v>
      </c>
      <c r="R84" s="18">
        <v>70092</v>
      </c>
    </row>
    <row r="85" spans="1:18">
      <c r="A85" s="21" t="s">
        <v>1613</v>
      </c>
      <c r="B85" s="10" t="s">
        <v>25</v>
      </c>
      <c r="C85" s="11" t="s">
        <v>25</v>
      </c>
      <c r="D85" s="18">
        <v>462</v>
      </c>
      <c r="E85" s="18">
        <v>10</v>
      </c>
      <c r="F85" s="18">
        <v>121</v>
      </c>
      <c r="G85" s="18">
        <v>330</v>
      </c>
      <c r="H85" s="18">
        <v>18710</v>
      </c>
      <c r="I85" s="18">
        <v>272</v>
      </c>
      <c r="J85" s="18">
        <v>6</v>
      </c>
      <c r="K85" s="18">
        <v>39</v>
      </c>
      <c r="L85" s="18">
        <v>226</v>
      </c>
      <c r="M85" s="18">
        <v>12193</v>
      </c>
      <c r="N85" s="18">
        <v>190</v>
      </c>
      <c r="O85" s="18">
        <v>4</v>
      </c>
      <c r="P85" s="18">
        <v>82</v>
      </c>
      <c r="Q85" s="18">
        <v>104</v>
      </c>
      <c r="R85" s="18">
        <v>6517</v>
      </c>
    </row>
    <row r="86" spans="1:18">
      <c r="A86" s="21" t="s">
        <v>1614</v>
      </c>
      <c r="B86" s="10" t="s">
        <v>25</v>
      </c>
      <c r="C86" s="11" t="s">
        <v>25</v>
      </c>
      <c r="D86" s="18">
        <v>933</v>
      </c>
      <c r="E86" s="18">
        <v>10</v>
      </c>
      <c r="F86" s="18">
        <v>217</v>
      </c>
      <c r="G86" s="18">
        <v>706</v>
      </c>
      <c r="H86" s="18">
        <v>38676</v>
      </c>
      <c r="I86" s="18">
        <v>507</v>
      </c>
      <c r="J86" s="18">
        <v>6</v>
      </c>
      <c r="K86" s="18">
        <v>56</v>
      </c>
      <c r="L86" s="18">
        <v>445</v>
      </c>
      <c r="M86" s="18">
        <v>23394</v>
      </c>
      <c r="N86" s="18">
        <v>426</v>
      </c>
      <c r="O86" s="18">
        <v>4</v>
      </c>
      <c r="P86" s="18">
        <v>161</v>
      </c>
      <c r="Q86" s="18">
        <v>261</v>
      </c>
      <c r="R86" s="18">
        <v>15282</v>
      </c>
    </row>
    <row r="87" spans="1:18">
      <c r="A87" s="21" t="s">
        <v>1615</v>
      </c>
      <c r="B87" s="10" t="s">
        <v>25</v>
      </c>
      <c r="C87" s="11" t="s">
        <v>25</v>
      </c>
      <c r="D87" s="17">
        <v>829</v>
      </c>
      <c r="E87" s="17">
        <v>13</v>
      </c>
      <c r="F87" s="17">
        <v>233</v>
      </c>
      <c r="G87" s="17">
        <v>582</v>
      </c>
      <c r="H87" s="17">
        <v>33239</v>
      </c>
      <c r="I87" s="17">
        <v>442</v>
      </c>
      <c r="J87" s="17">
        <v>7</v>
      </c>
      <c r="K87" s="17">
        <v>65</v>
      </c>
      <c r="L87" s="17">
        <v>369</v>
      </c>
      <c r="M87" s="17">
        <v>20311</v>
      </c>
      <c r="N87" s="17">
        <v>387</v>
      </c>
      <c r="O87" s="17">
        <v>6</v>
      </c>
      <c r="P87" s="17">
        <v>168</v>
      </c>
      <c r="Q87" s="17">
        <v>213</v>
      </c>
      <c r="R87" s="17">
        <v>12928</v>
      </c>
    </row>
    <row r="88" spans="1:18">
      <c r="A88" s="21" t="s">
        <v>1616</v>
      </c>
      <c r="B88" s="10" t="s">
        <v>25</v>
      </c>
      <c r="C88" s="11" t="s">
        <v>25</v>
      </c>
      <c r="D88" s="17">
        <v>260</v>
      </c>
      <c r="E88" s="17">
        <v>6</v>
      </c>
      <c r="F88" s="17">
        <v>52</v>
      </c>
      <c r="G88" s="17">
        <v>202</v>
      </c>
      <c r="H88" s="17">
        <v>11286</v>
      </c>
      <c r="I88" s="17">
        <v>163</v>
      </c>
      <c r="J88" s="17">
        <v>2</v>
      </c>
      <c r="K88" s="17">
        <v>13</v>
      </c>
      <c r="L88" s="17">
        <v>148</v>
      </c>
      <c r="M88" s="17">
        <v>7976</v>
      </c>
      <c r="N88" s="17">
        <v>97</v>
      </c>
      <c r="O88" s="17">
        <v>4</v>
      </c>
      <c r="P88" s="17">
        <v>39</v>
      </c>
      <c r="Q88" s="17">
        <v>54</v>
      </c>
      <c r="R88" s="17">
        <v>3310</v>
      </c>
    </row>
    <row r="89" spans="1:18">
      <c r="A89" s="21" t="s">
        <v>1617</v>
      </c>
      <c r="B89" s="10" t="s">
        <v>25</v>
      </c>
      <c r="C89" s="11" t="s">
        <v>25</v>
      </c>
      <c r="D89" s="17">
        <v>479</v>
      </c>
      <c r="E89" s="17">
        <v>8</v>
      </c>
      <c r="F89" s="17">
        <v>100</v>
      </c>
      <c r="G89" s="17">
        <v>369</v>
      </c>
      <c r="H89" s="17">
        <v>19746</v>
      </c>
      <c r="I89" s="17">
        <v>291</v>
      </c>
      <c r="J89" s="17">
        <v>4</v>
      </c>
      <c r="K89" s="17">
        <v>23</v>
      </c>
      <c r="L89" s="17">
        <v>263</v>
      </c>
      <c r="M89" s="17">
        <v>13532</v>
      </c>
      <c r="N89" s="17">
        <v>188</v>
      </c>
      <c r="O89" s="17">
        <v>4</v>
      </c>
      <c r="P89" s="17">
        <v>77</v>
      </c>
      <c r="Q89" s="17">
        <v>106</v>
      </c>
      <c r="R89" s="17">
        <v>6214</v>
      </c>
    </row>
    <row r="90" spans="1:18">
      <c r="A90" s="21" t="s">
        <v>1618</v>
      </c>
      <c r="B90" s="10" t="s">
        <v>25</v>
      </c>
      <c r="C90" s="11" t="s">
        <v>25</v>
      </c>
      <c r="D90" s="17">
        <v>749</v>
      </c>
      <c r="E90" s="17">
        <v>9</v>
      </c>
      <c r="F90" s="17">
        <v>193</v>
      </c>
      <c r="G90" s="17">
        <v>546</v>
      </c>
      <c r="H90" s="17">
        <v>30060</v>
      </c>
      <c r="I90" s="17">
        <v>425</v>
      </c>
      <c r="J90" s="17">
        <v>6</v>
      </c>
      <c r="K90" s="17">
        <v>61</v>
      </c>
      <c r="L90" s="17">
        <v>357</v>
      </c>
      <c r="M90" s="17">
        <v>18792</v>
      </c>
      <c r="N90" s="17">
        <v>324</v>
      </c>
      <c r="O90" s="17">
        <v>3</v>
      </c>
      <c r="P90" s="17">
        <v>132</v>
      </c>
      <c r="Q90" s="17">
        <v>189</v>
      </c>
      <c r="R90" s="17">
        <v>11268</v>
      </c>
    </row>
    <row r="91" spans="1:18">
      <c r="A91" s="21" t="s">
        <v>1619</v>
      </c>
      <c r="B91" s="10" t="s">
        <v>25</v>
      </c>
      <c r="C91" s="11" t="s">
        <v>25</v>
      </c>
      <c r="D91" s="17">
        <v>101</v>
      </c>
      <c r="E91" s="17">
        <v>1</v>
      </c>
      <c r="F91" s="17">
        <v>24</v>
      </c>
      <c r="G91" s="17">
        <v>76</v>
      </c>
      <c r="H91" s="17">
        <v>4282</v>
      </c>
      <c r="I91" s="17">
        <v>58</v>
      </c>
      <c r="J91" s="17" t="s">
        <v>35</v>
      </c>
      <c r="K91" s="17">
        <v>6</v>
      </c>
      <c r="L91" s="17">
        <v>52</v>
      </c>
      <c r="M91" s="17">
        <v>2844</v>
      </c>
      <c r="N91" s="17">
        <v>43</v>
      </c>
      <c r="O91" s="18">
        <v>1</v>
      </c>
      <c r="P91" s="17">
        <v>18</v>
      </c>
      <c r="Q91" s="17">
        <v>24</v>
      </c>
      <c r="R91" s="17">
        <v>1438</v>
      </c>
    </row>
    <row r="92" spans="1:18">
      <c r="A92" s="21" t="s">
        <v>1620</v>
      </c>
      <c r="B92" s="10" t="s">
        <v>25</v>
      </c>
      <c r="C92" s="11" t="s">
        <v>25</v>
      </c>
      <c r="D92" s="17">
        <v>383</v>
      </c>
      <c r="E92" s="17">
        <v>7</v>
      </c>
      <c r="F92" s="17">
        <v>110</v>
      </c>
      <c r="G92" s="17">
        <v>266</v>
      </c>
      <c r="H92" s="17">
        <v>15569</v>
      </c>
      <c r="I92" s="17">
        <v>225</v>
      </c>
      <c r="J92" s="17">
        <v>3</v>
      </c>
      <c r="K92" s="17">
        <v>32</v>
      </c>
      <c r="L92" s="17">
        <v>190</v>
      </c>
      <c r="M92" s="17">
        <v>10521</v>
      </c>
      <c r="N92" s="17">
        <v>158</v>
      </c>
      <c r="O92" s="17">
        <v>4</v>
      </c>
      <c r="P92" s="17">
        <v>78</v>
      </c>
      <c r="Q92" s="17">
        <v>76</v>
      </c>
      <c r="R92" s="17">
        <v>5048</v>
      </c>
    </row>
    <row r="93" spans="1:18">
      <c r="A93" s="21" t="s">
        <v>1621</v>
      </c>
      <c r="B93" s="10" t="s">
        <v>25</v>
      </c>
      <c r="C93" s="11" t="s">
        <v>25</v>
      </c>
      <c r="D93" s="17">
        <v>572</v>
      </c>
      <c r="E93" s="17">
        <v>11</v>
      </c>
      <c r="F93" s="17">
        <v>124</v>
      </c>
      <c r="G93" s="17">
        <v>435</v>
      </c>
      <c r="H93" s="17">
        <v>23805</v>
      </c>
      <c r="I93" s="17">
        <v>340</v>
      </c>
      <c r="J93" s="17">
        <v>8</v>
      </c>
      <c r="K93" s="17">
        <v>38</v>
      </c>
      <c r="L93" s="17">
        <v>293</v>
      </c>
      <c r="M93" s="17">
        <v>15718</v>
      </c>
      <c r="N93" s="17">
        <v>232</v>
      </c>
      <c r="O93" s="17">
        <v>3</v>
      </c>
      <c r="P93" s="17">
        <v>86</v>
      </c>
      <c r="Q93" s="17">
        <v>142</v>
      </c>
      <c r="R93" s="17">
        <v>8087</v>
      </c>
    </row>
    <row r="94" spans="1:18">
      <c r="A94" s="21" t="s">
        <v>1622</v>
      </c>
      <c r="B94" s="10" t="s">
        <v>25</v>
      </c>
      <c r="C94" s="11" t="s">
        <v>25</v>
      </c>
      <c r="D94" s="17">
        <v>2908</v>
      </c>
      <c r="E94" s="17">
        <v>43</v>
      </c>
      <c r="F94" s="17">
        <v>677</v>
      </c>
      <c r="G94" s="17">
        <v>2185</v>
      </c>
      <c r="H94" s="17">
        <v>120244</v>
      </c>
      <c r="I94" s="17">
        <v>1724</v>
      </c>
      <c r="J94" s="17">
        <v>15</v>
      </c>
      <c r="K94" s="17">
        <v>214</v>
      </c>
      <c r="L94" s="17">
        <v>1494</v>
      </c>
      <c r="M94" s="17">
        <v>80222</v>
      </c>
      <c r="N94" s="17">
        <v>1184</v>
      </c>
      <c r="O94" s="17">
        <v>28</v>
      </c>
      <c r="P94" s="17">
        <v>463</v>
      </c>
      <c r="Q94" s="17">
        <v>691</v>
      </c>
      <c r="R94" s="17">
        <v>40022</v>
      </c>
    </row>
    <row r="95" spans="1:18">
      <c r="A95" s="21" t="s">
        <v>1623</v>
      </c>
      <c r="B95" s="10" t="s">
        <v>25</v>
      </c>
      <c r="C95" s="11" t="s">
        <v>25</v>
      </c>
      <c r="D95" s="17">
        <v>307</v>
      </c>
      <c r="E95" s="17">
        <v>4</v>
      </c>
      <c r="F95" s="17">
        <v>70</v>
      </c>
      <c r="G95" s="17">
        <v>233</v>
      </c>
      <c r="H95" s="17">
        <v>12809</v>
      </c>
      <c r="I95" s="17">
        <v>186</v>
      </c>
      <c r="J95" s="17" t="s">
        <v>35</v>
      </c>
      <c r="K95" s="17">
        <v>17</v>
      </c>
      <c r="L95" s="17">
        <v>169</v>
      </c>
      <c r="M95" s="17">
        <v>8852</v>
      </c>
      <c r="N95" s="17">
        <v>121</v>
      </c>
      <c r="O95" s="17">
        <v>4</v>
      </c>
      <c r="P95" s="17">
        <v>53</v>
      </c>
      <c r="Q95" s="17">
        <v>64</v>
      </c>
      <c r="R95" s="17">
        <v>3957</v>
      </c>
    </row>
    <row r="96" spans="1:18">
      <c r="A96" s="21" t="s">
        <v>1624</v>
      </c>
      <c r="B96" s="10" t="s">
        <v>25</v>
      </c>
      <c r="C96" s="11" t="s">
        <v>25</v>
      </c>
      <c r="D96" s="17">
        <v>1051</v>
      </c>
      <c r="E96" s="17">
        <v>16</v>
      </c>
      <c r="F96" s="17">
        <v>246</v>
      </c>
      <c r="G96" s="17">
        <v>789</v>
      </c>
      <c r="H96" s="17">
        <v>43138</v>
      </c>
      <c r="I96" s="17">
        <v>614</v>
      </c>
      <c r="J96" s="17">
        <v>9</v>
      </c>
      <c r="K96" s="17">
        <v>68</v>
      </c>
      <c r="L96" s="17">
        <v>537</v>
      </c>
      <c r="M96" s="17">
        <v>28706</v>
      </c>
      <c r="N96" s="17">
        <v>437</v>
      </c>
      <c r="O96" s="17">
        <v>7</v>
      </c>
      <c r="P96" s="17">
        <v>178</v>
      </c>
      <c r="Q96" s="17">
        <v>252</v>
      </c>
      <c r="R96" s="17">
        <v>14432</v>
      </c>
    </row>
    <row r="97" spans="1:18">
      <c r="A97" s="21" t="s">
        <v>1625</v>
      </c>
      <c r="B97" s="10" t="s">
        <v>25</v>
      </c>
      <c r="C97" s="11" t="s">
        <v>25</v>
      </c>
      <c r="D97" s="17">
        <v>969</v>
      </c>
      <c r="E97" s="17">
        <v>15</v>
      </c>
      <c r="F97" s="17">
        <v>217</v>
      </c>
      <c r="G97" s="17">
        <v>736</v>
      </c>
      <c r="H97" s="17">
        <v>40658</v>
      </c>
      <c r="I97" s="17">
        <v>599</v>
      </c>
      <c r="J97" s="17">
        <v>4</v>
      </c>
      <c r="K97" s="17">
        <v>76</v>
      </c>
      <c r="L97" s="17">
        <v>519</v>
      </c>
      <c r="M97" s="17">
        <v>27996</v>
      </c>
      <c r="N97" s="17">
        <v>370</v>
      </c>
      <c r="O97" s="17">
        <v>11</v>
      </c>
      <c r="P97" s="17">
        <v>141</v>
      </c>
      <c r="Q97" s="17">
        <v>217</v>
      </c>
      <c r="R97" s="17">
        <v>12662</v>
      </c>
    </row>
    <row r="98" spans="1:18">
      <c r="A98" s="21" t="s">
        <v>1626</v>
      </c>
      <c r="B98" s="10" t="s">
        <v>25</v>
      </c>
      <c r="C98" s="11" t="s">
        <v>25</v>
      </c>
      <c r="D98" s="17">
        <v>581</v>
      </c>
      <c r="E98" s="17">
        <v>8</v>
      </c>
      <c r="F98" s="17">
        <v>144</v>
      </c>
      <c r="G98" s="17">
        <v>427</v>
      </c>
      <c r="H98" s="17">
        <v>23639</v>
      </c>
      <c r="I98" s="17">
        <v>325</v>
      </c>
      <c r="J98" s="17">
        <v>2</v>
      </c>
      <c r="K98" s="17">
        <v>53</v>
      </c>
      <c r="L98" s="17">
        <v>269</v>
      </c>
      <c r="M98" s="17">
        <v>14668</v>
      </c>
      <c r="N98" s="17">
        <v>256</v>
      </c>
      <c r="O98" s="17">
        <v>6</v>
      </c>
      <c r="P98" s="17">
        <v>91</v>
      </c>
      <c r="Q98" s="17">
        <v>158</v>
      </c>
      <c r="R98" s="17">
        <v>8971</v>
      </c>
    </row>
    <row r="99" spans="1:18">
      <c r="A99" s="21" t="s">
        <v>1627</v>
      </c>
      <c r="B99" s="10" t="s">
        <v>25</v>
      </c>
      <c r="C99" s="11" t="s">
        <v>25</v>
      </c>
      <c r="D99" s="17">
        <v>4183</v>
      </c>
      <c r="E99" s="17">
        <v>70</v>
      </c>
      <c r="F99" s="17">
        <v>1024</v>
      </c>
      <c r="G99" s="17">
        <v>3087</v>
      </c>
      <c r="H99" s="17">
        <v>172424</v>
      </c>
      <c r="I99" s="17">
        <v>2390</v>
      </c>
      <c r="J99" s="17">
        <v>40</v>
      </c>
      <c r="K99" s="17">
        <v>296</v>
      </c>
      <c r="L99" s="17">
        <v>2053</v>
      </c>
      <c r="M99" s="17">
        <v>111299</v>
      </c>
      <c r="N99" s="17">
        <v>1793</v>
      </c>
      <c r="O99" s="17">
        <v>30</v>
      </c>
      <c r="P99" s="17">
        <v>728</v>
      </c>
      <c r="Q99" s="17">
        <v>1034</v>
      </c>
      <c r="R99" s="17">
        <v>61125</v>
      </c>
    </row>
    <row r="100" spans="1:18">
      <c r="A100" s="21" t="s">
        <v>1628</v>
      </c>
      <c r="B100" s="10" t="s">
        <v>25</v>
      </c>
      <c r="C100" s="11" t="s">
        <v>25</v>
      </c>
      <c r="D100" s="17">
        <v>832</v>
      </c>
      <c r="E100" s="17">
        <v>13</v>
      </c>
      <c r="F100" s="17">
        <v>206</v>
      </c>
      <c r="G100" s="17">
        <v>613</v>
      </c>
      <c r="H100" s="17">
        <v>34528</v>
      </c>
      <c r="I100" s="17">
        <v>465</v>
      </c>
      <c r="J100" s="17">
        <v>8</v>
      </c>
      <c r="K100" s="17">
        <v>47</v>
      </c>
      <c r="L100" s="17">
        <v>410</v>
      </c>
      <c r="M100" s="17">
        <v>21742</v>
      </c>
      <c r="N100" s="17">
        <v>367</v>
      </c>
      <c r="O100" s="17">
        <v>5</v>
      </c>
      <c r="P100" s="17">
        <v>159</v>
      </c>
      <c r="Q100" s="17">
        <v>203</v>
      </c>
      <c r="R100" s="17">
        <v>12786</v>
      </c>
    </row>
    <row r="101" spans="1:18">
      <c r="A101" s="21" t="s">
        <v>1629</v>
      </c>
      <c r="B101" s="10" t="s">
        <v>25</v>
      </c>
      <c r="C101" s="11" t="s">
        <v>25</v>
      </c>
      <c r="D101" s="17">
        <v>878</v>
      </c>
      <c r="E101" s="17">
        <v>10</v>
      </c>
      <c r="F101" s="17">
        <v>227</v>
      </c>
      <c r="G101" s="17">
        <v>641</v>
      </c>
      <c r="H101" s="17">
        <v>35667</v>
      </c>
      <c r="I101" s="17">
        <v>503</v>
      </c>
      <c r="J101" s="17">
        <v>5</v>
      </c>
      <c r="K101" s="17">
        <v>64</v>
      </c>
      <c r="L101" s="17">
        <v>434</v>
      </c>
      <c r="M101" s="17">
        <v>23277</v>
      </c>
      <c r="N101" s="17">
        <v>375</v>
      </c>
      <c r="O101" s="17">
        <v>5</v>
      </c>
      <c r="P101" s="17">
        <v>163</v>
      </c>
      <c r="Q101" s="17">
        <v>207</v>
      </c>
      <c r="R101" s="17">
        <v>12390</v>
      </c>
    </row>
    <row r="102" spans="1:18">
      <c r="A102" s="21" t="s">
        <v>1630</v>
      </c>
      <c r="B102" s="10" t="s">
        <v>25</v>
      </c>
      <c r="C102" s="11" t="s">
        <v>25</v>
      </c>
      <c r="D102" s="17">
        <v>937</v>
      </c>
      <c r="E102" s="18">
        <v>21</v>
      </c>
      <c r="F102" s="17">
        <v>199</v>
      </c>
      <c r="G102" s="17">
        <v>717</v>
      </c>
      <c r="H102" s="17">
        <v>39441</v>
      </c>
      <c r="I102" s="17">
        <v>573</v>
      </c>
      <c r="J102" s="18">
        <v>11</v>
      </c>
      <c r="K102" s="17">
        <v>64</v>
      </c>
      <c r="L102" s="17">
        <v>498</v>
      </c>
      <c r="M102" s="17">
        <v>27050</v>
      </c>
      <c r="N102" s="17">
        <v>364</v>
      </c>
      <c r="O102" s="18">
        <v>10</v>
      </c>
      <c r="P102" s="17">
        <v>135</v>
      </c>
      <c r="Q102" s="17">
        <v>219</v>
      </c>
      <c r="R102" s="17">
        <v>12391</v>
      </c>
    </row>
    <row r="103" spans="1:18">
      <c r="A103" s="21" t="s">
        <v>1631</v>
      </c>
      <c r="B103" s="10" t="s">
        <v>25</v>
      </c>
      <c r="C103" s="11" t="s">
        <v>25</v>
      </c>
      <c r="D103" s="17">
        <v>1536</v>
      </c>
      <c r="E103" s="17">
        <v>26</v>
      </c>
      <c r="F103" s="17">
        <v>392</v>
      </c>
      <c r="G103" s="17">
        <v>1116</v>
      </c>
      <c r="H103" s="17">
        <v>62788</v>
      </c>
      <c r="I103" s="17">
        <v>849</v>
      </c>
      <c r="J103" s="17">
        <v>16</v>
      </c>
      <c r="K103" s="17">
        <v>121</v>
      </c>
      <c r="L103" s="17">
        <v>711</v>
      </c>
      <c r="M103" s="17">
        <v>39230</v>
      </c>
      <c r="N103" s="17">
        <v>687</v>
      </c>
      <c r="O103" s="17">
        <v>10</v>
      </c>
      <c r="P103" s="17">
        <v>271</v>
      </c>
      <c r="Q103" s="17">
        <v>405</v>
      </c>
      <c r="R103" s="17">
        <v>23558</v>
      </c>
    </row>
    <row r="104" spans="1:18">
      <c r="A104" s="22"/>
      <c r="B104" s="28"/>
      <c r="C104" s="28"/>
      <c r="D104" s="19"/>
      <c r="E104" s="19"/>
      <c r="F104" s="19"/>
      <c r="G104" s="19"/>
      <c r="H104" s="19"/>
      <c r="I104" s="19"/>
      <c r="J104" s="19"/>
      <c r="K104" s="19"/>
      <c r="L104" s="19"/>
      <c r="M104" s="19"/>
      <c r="N104" s="19"/>
      <c r="O104" s="19"/>
      <c r="P104" s="19"/>
      <c r="Q104" s="19"/>
      <c r="R104" s="19"/>
    </row>
    <row r="105" spans="1:18">
      <c r="B105" s="28"/>
      <c r="C105" s="28"/>
    </row>
    <row r="106" spans="1:18">
      <c r="B106" s="28"/>
      <c r="C106" s="28"/>
    </row>
    <row r="107" spans="1:18">
      <c r="B107" s="28"/>
      <c r="C107" s="28"/>
    </row>
    <row r="108" spans="1:18">
      <c r="B108" s="28"/>
      <c r="C108" s="28"/>
    </row>
    <row r="109" spans="1:18">
      <c r="B109" s="28"/>
      <c r="C109" s="28"/>
    </row>
    <row r="110" spans="1:18">
      <c r="B110" s="28"/>
      <c r="C110" s="28"/>
    </row>
    <row r="111" spans="1:18">
      <c r="B111" s="28"/>
      <c r="C111" s="28"/>
    </row>
    <row r="112" spans="1:18">
      <c r="B112" s="28"/>
      <c r="C112" s="28"/>
    </row>
    <row r="113" spans="2:3">
      <c r="B113" s="28"/>
      <c r="C113" s="28"/>
    </row>
    <row r="114" spans="2:3">
      <c r="B114" s="28"/>
      <c r="C114" s="28"/>
    </row>
    <row r="115" spans="2:3">
      <c r="B115" s="28"/>
      <c r="C115" s="28"/>
    </row>
    <row r="116" spans="2:3">
      <c r="B116" s="28"/>
      <c r="C116" s="28"/>
    </row>
    <row r="117" spans="2:3">
      <c r="B117" s="28"/>
      <c r="C117" s="28"/>
    </row>
    <row r="118" spans="2:3">
      <c r="B118" s="28"/>
      <c r="C118" s="28"/>
    </row>
    <row r="119" spans="2:3">
      <c r="B119" s="28"/>
      <c r="C119" s="28"/>
    </row>
    <row r="120" spans="2:3">
      <c r="B120" s="28"/>
      <c r="C120" s="28"/>
    </row>
  </sheetData>
  <mergeCells count="7">
    <mergeCell ref="A3:R3"/>
    <mergeCell ref="A1:D1"/>
    <mergeCell ref="A6:A7"/>
    <mergeCell ref="B6:C7"/>
    <mergeCell ref="D6:H6"/>
    <mergeCell ref="I6:M6"/>
    <mergeCell ref="N6:R6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65" fitToHeight="0" pageOrder="overThenDown" orientation="landscape" horizontalDpi="300" verticalDpi="300" r:id="rId1"/>
  <headerFooter alignWithMargins="0"/>
  <rowBreaks count="1" manualBreakCount="1">
    <brk id="93" max="17" man="1"/>
  </rowBreaks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R98"/>
  <sheetViews>
    <sheetView zoomScaleNormal="100" workbookViewId="0">
      <selection sqref="A1:XFD2"/>
    </sheetView>
  </sheetViews>
  <sheetFormatPr defaultRowHeight="13.5"/>
  <cols>
    <col min="1" max="1" width="25.83203125" style="12" customWidth="1"/>
    <col min="2" max="3" width="4.83203125" style="12" customWidth="1"/>
    <col min="4" max="4" width="22.1640625" style="9" customWidth="1"/>
    <col min="5" max="5" width="13.6640625" style="9" bestFit="1" customWidth="1"/>
    <col min="6" max="7" width="19.5" style="9" bestFit="1" customWidth="1"/>
    <col min="8" max="8" width="30.33203125" style="9" bestFit="1" customWidth="1"/>
    <col min="9" max="9" width="22.1640625" style="9" customWidth="1"/>
    <col min="10" max="10" width="13.6640625" style="9" bestFit="1" customWidth="1"/>
    <col min="11" max="12" width="19.5" style="9" bestFit="1" customWidth="1"/>
    <col min="13" max="13" width="30.33203125" style="9" bestFit="1" customWidth="1"/>
    <col min="14" max="14" width="22.6640625" style="9" customWidth="1"/>
    <col min="15" max="15" width="13.6640625" style="9" bestFit="1" customWidth="1"/>
    <col min="16" max="17" width="19.5" style="9" bestFit="1" customWidth="1"/>
    <col min="18" max="18" width="30.33203125" style="9" bestFit="1" customWidth="1"/>
    <col min="19" max="16384" width="9.33203125" style="9"/>
  </cols>
  <sheetData>
    <row r="1" spans="1:18" s="1" customFormat="1" ht="16.5" customHeight="1">
      <c r="A1" s="37" t="s">
        <v>0</v>
      </c>
      <c r="B1" s="37"/>
      <c r="C1" s="37"/>
      <c r="D1" s="37"/>
      <c r="E1" s="31"/>
      <c r="F1" s="31"/>
      <c r="G1" s="31"/>
      <c r="H1" s="31"/>
      <c r="I1" s="32"/>
      <c r="J1" s="32"/>
      <c r="K1" s="32"/>
      <c r="L1" s="32"/>
      <c r="M1" s="32"/>
      <c r="N1" s="32"/>
      <c r="O1" s="32"/>
      <c r="P1" s="31"/>
      <c r="Q1" s="31"/>
      <c r="R1" s="31"/>
    </row>
    <row r="2" spans="1:18" s="1" customFormat="1" ht="16.5" customHeight="1">
      <c r="D2" s="31"/>
      <c r="E2" s="31"/>
      <c r="F2" s="31"/>
      <c r="G2" s="31"/>
      <c r="H2" s="31"/>
      <c r="I2" s="32"/>
      <c r="J2" s="32"/>
      <c r="K2" s="32"/>
      <c r="L2" s="32"/>
      <c r="M2" s="32"/>
      <c r="N2" s="32"/>
      <c r="O2" s="32"/>
      <c r="P2" s="31"/>
      <c r="Q2" s="31"/>
      <c r="R2" s="31"/>
    </row>
    <row r="3" spans="1:18">
      <c r="A3" s="38" t="s">
        <v>2462</v>
      </c>
      <c r="B3" s="38"/>
      <c r="C3" s="38"/>
      <c r="D3" s="38"/>
      <c r="E3" s="38"/>
      <c r="F3" s="38"/>
      <c r="G3" s="38"/>
      <c r="H3" s="38"/>
      <c r="I3" s="38"/>
      <c r="J3" s="38"/>
      <c r="K3" s="38"/>
      <c r="L3" s="38"/>
      <c r="M3" s="38"/>
      <c r="N3" s="38"/>
      <c r="O3" s="38"/>
      <c r="P3" s="38"/>
      <c r="Q3" s="38"/>
      <c r="R3" s="38"/>
    </row>
    <row r="4" spans="1:18">
      <c r="A4" s="9"/>
      <c r="B4" s="9"/>
      <c r="C4" s="9"/>
    </row>
    <row r="6" spans="1:18" ht="13.5" customHeight="1">
      <c r="A6" s="48" t="s">
        <v>26</v>
      </c>
      <c r="B6" s="41" t="s">
        <v>27</v>
      </c>
      <c r="C6" s="42"/>
      <c r="D6" s="45" t="s">
        <v>2463</v>
      </c>
      <c r="E6" s="46"/>
      <c r="F6" s="46"/>
      <c r="G6" s="46"/>
      <c r="H6" s="47"/>
      <c r="I6" s="45" t="s">
        <v>2464</v>
      </c>
      <c r="J6" s="46"/>
      <c r="K6" s="46"/>
      <c r="L6" s="46"/>
      <c r="M6" s="47"/>
      <c r="N6" s="45" t="s">
        <v>2465</v>
      </c>
      <c r="O6" s="46"/>
      <c r="P6" s="46"/>
      <c r="Q6" s="46"/>
      <c r="R6" s="47"/>
    </row>
    <row r="7" spans="1:18" s="23" customFormat="1">
      <c r="A7" s="49"/>
      <c r="B7" s="43"/>
      <c r="C7" s="44"/>
      <c r="D7" s="29" t="s">
        <v>2466</v>
      </c>
      <c r="E7" s="29" t="s">
        <v>2467</v>
      </c>
      <c r="F7" s="29" t="s">
        <v>2468</v>
      </c>
      <c r="G7" s="29" t="s">
        <v>2469</v>
      </c>
      <c r="H7" s="29" t="s">
        <v>2470</v>
      </c>
      <c r="I7" s="29" t="s">
        <v>2471</v>
      </c>
      <c r="J7" s="29" t="s">
        <v>2467</v>
      </c>
      <c r="K7" s="29" t="s">
        <v>2468</v>
      </c>
      <c r="L7" s="29" t="s">
        <v>2469</v>
      </c>
      <c r="M7" s="29" t="s">
        <v>2470</v>
      </c>
      <c r="N7" s="29" t="s">
        <v>2471</v>
      </c>
      <c r="O7" s="29" t="s">
        <v>2467</v>
      </c>
      <c r="P7" s="29" t="s">
        <v>2468</v>
      </c>
      <c r="Q7" s="29" t="s">
        <v>2469</v>
      </c>
      <c r="R7" s="29" t="s">
        <v>2470</v>
      </c>
    </row>
    <row r="8" spans="1:18" s="15" customFormat="1">
      <c r="A8" s="20" t="s">
        <v>1632</v>
      </c>
      <c r="B8" s="13" t="s">
        <v>25</v>
      </c>
      <c r="C8" s="14" t="s">
        <v>25</v>
      </c>
      <c r="D8" s="16">
        <v>48574</v>
      </c>
      <c r="E8" s="16">
        <v>720</v>
      </c>
      <c r="F8" s="16">
        <v>11534</v>
      </c>
      <c r="G8" s="16">
        <v>36208</v>
      </c>
      <c r="H8" s="16">
        <v>2005477</v>
      </c>
      <c r="I8" s="16">
        <v>28870</v>
      </c>
      <c r="J8" s="16">
        <v>399</v>
      </c>
      <c r="K8" s="16">
        <v>3024</v>
      </c>
      <c r="L8" s="16">
        <v>25373</v>
      </c>
      <c r="M8" s="16">
        <v>1352254</v>
      </c>
      <c r="N8" s="16">
        <v>19704</v>
      </c>
      <c r="O8" s="16">
        <v>321</v>
      </c>
      <c r="P8" s="16">
        <v>8510</v>
      </c>
      <c r="Q8" s="16">
        <v>10835</v>
      </c>
      <c r="R8" s="16">
        <v>653223</v>
      </c>
    </row>
    <row r="9" spans="1:18">
      <c r="A9" s="30" t="s">
        <v>1633</v>
      </c>
      <c r="B9" s="10" t="s">
        <v>25</v>
      </c>
      <c r="C9" s="11" t="s">
        <v>25</v>
      </c>
      <c r="D9" s="17">
        <v>2885</v>
      </c>
      <c r="E9" s="17">
        <v>48</v>
      </c>
      <c r="F9" s="17">
        <v>716</v>
      </c>
      <c r="G9" s="17">
        <v>2110</v>
      </c>
      <c r="H9" s="17">
        <v>119290</v>
      </c>
      <c r="I9" s="17">
        <v>1718</v>
      </c>
      <c r="J9" s="17">
        <v>22</v>
      </c>
      <c r="K9" s="17">
        <v>218</v>
      </c>
      <c r="L9" s="17">
        <v>1468</v>
      </c>
      <c r="M9" s="17">
        <v>79588</v>
      </c>
      <c r="N9" s="17">
        <v>1167</v>
      </c>
      <c r="O9" s="17">
        <v>26</v>
      </c>
      <c r="P9" s="17">
        <v>498</v>
      </c>
      <c r="Q9" s="17">
        <v>642</v>
      </c>
      <c r="R9" s="17">
        <v>39702</v>
      </c>
    </row>
    <row r="10" spans="1:18">
      <c r="A10" s="21" t="s">
        <v>1634</v>
      </c>
      <c r="B10" s="10" t="s">
        <v>25</v>
      </c>
      <c r="C10" s="11" t="s">
        <v>25</v>
      </c>
      <c r="D10" s="17">
        <v>1372</v>
      </c>
      <c r="E10" s="17">
        <v>25</v>
      </c>
      <c r="F10" s="17">
        <v>355</v>
      </c>
      <c r="G10" s="17">
        <v>986</v>
      </c>
      <c r="H10" s="17">
        <v>55923</v>
      </c>
      <c r="I10" s="17">
        <v>815</v>
      </c>
      <c r="J10" s="17">
        <v>8</v>
      </c>
      <c r="K10" s="17">
        <v>97</v>
      </c>
      <c r="L10" s="17">
        <v>704</v>
      </c>
      <c r="M10" s="17">
        <v>37724</v>
      </c>
      <c r="N10" s="17">
        <v>557</v>
      </c>
      <c r="O10" s="17">
        <v>17</v>
      </c>
      <c r="P10" s="17">
        <v>258</v>
      </c>
      <c r="Q10" s="17">
        <v>282</v>
      </c>
      <c r="R10" s="17">
        <v>18199</v>
      </c>
    </row>
    <row r="11" spans="1:18">
      <c r="A11" s="21" t="s">
        <v>1635</v>
      </c>
      <c r="B11" s="10" t="s">
        <v>25</v>
      </c>
      <c r="C11" s="11" t="s">
        <v>25</v>
      </c>
      <c r="D11" s="17">
        <v>454</v>
      </c>
      <c r="E11" s="17">
        <v>4</v>
      </c>
      <c r="F11" s="17">
        <v>90</v>
      </c>
      <c r="G11" s="17">
        <v>358</v>
      </c>
      <c r="H11" s="17">
        <v>19714</v>
      </c>
      <c r="I11" s="17">
        <v>291</v>
      </c>
      <c r="J11" s="17">
        <v>4</v>
      </c>
      <c r="K11" s="17">
        <v>23</v>
      </c>
      <c r="L11" s="17">
        <v>262</v>
      </c>
      <c r="M11" s="17">
        <v>14033</v>
      </c>
      <c r="N11" s="17">
        <v>163</v>
      </c>
      <c r="O11" s="17" t="s">
        <v>35</v>
      </c>
      <c r="P11" s="17">
        <v>67</v>
      </c>
      <c r="Q11" s="17">
        <v>96</v>
      </c>
      <c r="R11" s="17">
        <v>5681</v>
      </c>
    </row>
    <row r="12" spans="1:18">
      <c r="A12" s="21" t="s">
        <v>1636</v>
      </c>
      <c r="B12" s="10" t="s">
        <v>25</v>
      </c>
      <c r="C12" s="11" t="s">
        <v>25</v>
      </c>
      <c r="D12" s="17">
        <v>834</v>
      </c>
      <c r="E12" s="17">
        <v>19</v>
      </c>
      <c r="F12" s="17">
        <v>218</v>
      </c>
      <c r="G12" s="17">
        <v>595</v>
      </c>
      <c r="H12" s="17">
        <v>33932</v>
      </c>
      <c r="I12" s="17">
        <v>484</v>
      </c>
      <c r="J12" s="17">
        <v>10</v>
      </c>
      <c r="K12" s="17">
        <v>82</v>
      </c>
      <c r="L12" s="17">
        <v>390</v>
      </c>
      <c r="M12" s="17">
        <v>21584</v>
      </c>
      <c r="N12" s="17">
        <v>350</v>
      </c>
      <c r="O12" s="17">
        <v>9</v>
      </c>
      <c r="P12" s="17">
        <v>136</v>
      </c>
      <c r="Q12" s="17">
        <v>205</v>
      </c>
      <c r="R12" s="17">
        <v>12348</v>
      </c>
    </row>
    <row r="13" spans="1:18">
      <c r="A13" s="21" t="s">
        <v>1637</v>
      </c>
      <c r="B13" s="10" t="s">
        <v>25</v>
      </c>
      <c r="C13" s="11" t="s">
        <v>25</v>
      </c>
      <c r="D13" s="17">
        <v>225</v>
      </c>
      <c r="E13" s="17" t="s">
        <v>35</v>
      </c>
      <c r="F13" s="17">
        <v>53</v>
      </c>
      <c r="G13" s="17">
        <v>171</v>
      </c>
      <c r="H13" s="17">
        <v>9721</v>
      </c>
      <c r="I13" s="17">
        <v>128</v>
      </c>
      <c r="J13" s="17" t="s">
        <v>35</v>
      </c>
      <c r="K13" s="17">
        <v>16</v>
      </c>
      <c r="L13" s="17">
        <v>112</v>
      </c>
      <c r="M13" s="17">
        <v>6247</v>
      </c>
      <c r="N13" s="17">
        <v>97</v>
      </c>
      <c r="O13" s="17" t="s">
        <v>35</v>
      </c>
      <c r="P13" s="17">
        <v>37</v>
      </c>
      <c r="Q13" s="17">
        <v>59</v>
      </c>
      <c r="R13" s="17">
        <v>3474</v>
      </c>
    </row>
    <row r="14" spans="1:18">
      <c r="A14" s="21" t="s">
        <v>1638</v>
      </c>
      <c r="B14" s="10" t="s">
        <v>25</v>
      </c>
      <c r="C14" s="11" t="s">
        <v>25</v>
      </c>
      <c r="D14" s="17">
        <v>6973</v>
      </c>
      <c r="E14" s="17">
        <v>87</v>
      </c>
      <c r="F14" s="17">
        <v>1686</v>
      </c>
      <c r="G14" s="17">
        <v>5177</v>
      </c>
      <c r="H14" s="17">
        <v>285299</v>
      </c>
      <c r="I14" s="17">
        <v>3957</v>
      </c>
      <c r="J14" s="17">
        <v>43</v>
      </c>
      <c r="K14" s="17">
        <v>415</v>
      </c>
      <c r="L14" s="17">
        <v>3487</v>
      </c>
      <c r="M14" s="17">
        <v>184976</v>
      </c>
      <c r="N14" s="17">
        <v>3016</v>
      </c>
      <c r="O14" s="18">
        <v>44</v>
      </c>
      <c r="P14" s="17">
        <v>1271</v>
      </c>
      <c r="Q14" s="18">
        <v>1690</v>
      </c>
      <c r="R14" s="17">
        <v>100323</v>
      </c>
    </row>
    <row r="15" spans="1:18">
      <c r="A15" s="21" t="s">
        <v>1639</v>
      </c>
      <c r="B15" s="10" t="s">
        <v>25</v>
      </c>
      <c r="C15" s="11" t="s">
        <v>25</v>
      </c>
      <c r="D15" s="17">
        <v>774</v>
      </c>
      <c r="E15" s="17">
        <v>17</v>
      </c>
      <c r="F15" s="18">
        <v>210</v>
      </c>
      <c r="G15" s="17">
        <v>543</v>
      </c>
      <c r="H15" s="17">
        <v>30210</v>
      </c>
      <c r="I15" s="17">
        <v>433</v>
      </c>
      <c r="J15" s="17">
        <v>11</v>
      </c>
      <c r="K15" s="18">
        <v>53</v>
      </c>
      <c r="L15" s="17">
        <v>366</v>
      </c>
      <c r="M15" s="17">
        <v>19216</v>
      </c>
      <c r="N15" s="17">
        <v>341</v>
      </c>
      <c r="O15" s="18">
        <v>6</v>
      </c>
      <c r="P15" s="18">
        <v>157</v>
      </c>
      <c r="Q15" s="17">
        <v>177</v>
      </c>
      <c r="R15" s="17">
        <v>10994</v>
      </c>
    </row>
    <row r="16" spans="1:18">
      <c r="A16" s="21" t="s">
        <v>1640</v>
      </c>
      <c r="B16" s="10" t="s">
        <v>25</v>
      </c>
      <c r="C16" s="11" t="s">
        <v>25</v>
      </c>
      <c r="D16" s="17">
        <v>1150</v>
      </c>
      <c r="E16" s="17">
        <v>15</v>
      </c>
      <c r="F16" s="18">
        <v>295</v>
      </c>
      <c r="G16" s="18">
        <v>838</v>
      </c>
      <c r="H16" s="18">
        <v>46341</v>
      </c>
      <c r="I16" s="18">
        <v>624</v>
      </c>
      <c r="J16" s="18">
        <v>10</v>
      </c>
      <c r="K16" s="18">
        <v>70</v>
      </c>
      <c r="L16" s="18">
        <v>542</v>
      </c>
      <c r="M16" s="18">
        <v>29063</v>
      </c>
      <c r="N16" s="17">
        <v>526</v>
      </c>
      <c r="O16" s="17">
        <v>5</v>
      </c>
      <c r="P16" s="18">
        <v>225</v>
      </c>
      <c r="Q16" s="18">
        <v>296</v>
      </c>
      <c r="R16" s="18">
        <v>17278</v>
      </c>
    </row>
    <row r="17" spans="1:18">
      <c r="A17" s="21" t="s">
        <v>1641</v>
      </c>
      <c r="B17" s="10" t="s">
        <v>25</v>
      </c>
      <c r="C17" s="11" t="s">
        <v>25</v>
      </c>
      <c r="D17" s="17">
        <v>1792</v>
      </c>
      <c r="E17" s="17">
        <v>26</v>
      </c>
      <c r="F17" s="17">
        <v>440</v>
      </c>
      <c r="G17" s="17">
        <v>1323</v>
      </c>
      <c r="H17" s="17">
        <v>73398</v>
      </c>
      <c r="I17" s="17">
        <v>1032</v>
      </c>
      <c r="J17" s="17">
        <v>9</v>
      </c>
      <c r="K17" s="17">
        <v>112</v>
      </c>
      <c r="L17" s="17">
        <v>909</v>
      </c>
      <c r="M17" s="17">
        <v>48196</v>
      </c>
      <c r="N17" s="17">
        <v>760</v>
      </c>
      <c r="O17" s="17">
        <v>17</v>
      </c>
      <c r="P17" s="17">
        <v>328</v>
      </c>
      <c r="Q17" s="17">
        <v>414</v>
      </c>
      <c r="R17" s="17">
        <v>25202</v>
      </c>
    </row>
    <row r="18" spans="1:18">
      <c r="A18" s="21" t="s">
        <v>1642</v>
      </c>
      <c r="B18" s="10" t="s">
        <v>25</v>
      </c>
      <c r="C18" s="11" t="s">
        <v>25</v>
      </c>
      <c r="D18" s="18">
        <v>1374</v>
      </c>
      <c r="E18" s="18">
        <v>16</v>
      </c>
      <c r="F18" s="18">
        <v>275</v>
      </c>
      <c r="G18" s="18">
        <v>1077</v>
      </c>
      <c r="H18" s="18">
        <v>57958</v>
      </c>
      <c r="I18" s="18">
        <v>794</v>
      </c>
      <c r="J18" s="18">
        <v>4</v>
      </c>
      <c r="K18" s="18">
        <v>56</v>
      </c>
      <c r="L18" s="18">
        <v>732</v>
      </c>
      <c r="M18" s="18">
        <v>38275</v>
      </c>
      <c r="N18" s="18">
        <v>580</v>
      </c>
      <c r="O18" s="18">
        <v>12</v>
      </c>
      <c r="P18" s="18">
        <v>219</v>
      </c>
      <c r="Q18" s="18">
        <v>345</v>
      </c>
      <c r="R18" s="18">
        <v>19683</v>
      </c>
    </row>
    <row r="19" spans="1:18">
      <c r="A19" s="21" t="s">
        <v>1643</v>
      </c>
      <c r="B19" s="10" t="s">
        <v>25</v>
      </c>
      <c r="C19" s="11" t="s">
        <v>25</v>
      </c>
      <c r="D19" s="17">
        <v>1436</v>
      </c>
      <c r="E19" s="17">
        <v>9</v>
      </c>
      <c r="F19" s="17">
        <v>373</v>
      </c>
      <c r="G19" s="17">
        <v>1048</v>
      </c>
      <c r="H19" s="17">
        <v>58553</v>
      </c>
      <c r="I19" s="17">
        <v>788</v>
      </c>
      <c r="J19" s="17">
        <v>5</v>
      </c>
      <c r="K19" s="17">
        <v>92</v>
      </c>
      <c r="L19" s="17">
        <v>689</v>
      </c>
      <c r="M19" s="17">
        <v>36966</v>
      </c>
      <c r="N19" s="17">
        <v>648</v>
      </c>
      <c r="O19" s="17">
        <v>4</v>
      </c>
      <c r="P19" s="17">
        <v>281</v>
      </c>
      <c r="Q19" s="17">
        <v>359</v>
      </c>
      <c r="R19" s="17">
        <v>21587</v>
      </c>
    </row>
    <row r="20" spans="1:18">
      <c r="A20" s="21" t="s">
        <v>1644</v>
      </c>
      <c r="B20" s="10" t="s">
        <v>25</v>
      </c>
      <c r="C20" s="11" t="s">
        <v>25</v>
      </c>
      <c r="D20" s="18">
        <v>447</v>
      </c>
      <c r="E20" s="18">
        <v>4</v>
      </c>
      <c r="F20" s="18">
        <v>93</v>
      </c>
      <c r="G20" s="18">
        <v>348</v>
      </c>
      <c r="H20" s="18">
        <v>18839</v>
      </c>
      <c r="I20" s="18">
        <v>286</v>
      </c>
      <c r="J20" s="18">
        <v>4</v>
      </c>
      <c r="K20" s="18">
        <v>32</v>
      </c>
      <c r="L20" s="18">
        <v>249</v>
      </c>
      <c r="M20" s="18">
        <v>13260</v>
      </c>
      <c r="N20" s="18">
        <v>161</v>
      </c>
      <c r="O20" s="18" t="s">
        <v>35</v>
      </c>
      <c r="P20" s="18">
        <v>61</v>
      </c>
      <c r="Q20" s="18">
        <v>99</v>
      </c>
      <c r="R20" s="18">
        <v>5579</v>
      </c>
    </row>
    <row r="21" spans="1:18">
      <c r="A21" s="21" t="s">
        <v>1645</v>
      </c>
      <c r="B21" s="10" t="s">
        <v>25</v>
      </c>
      <c r="C21" s="11" t="s">
        <v>25</v>
      </c>
      <c r="D21" s="17">
        <v>4259</v>
      </c>
      <c r="E21" s="17">
        <v>55</v>
      </c>
      <c r="F21" s="17">
        <v>1084</v>
      </c>
      <c r="G21" s="17">
        <v>3117</v>
      </c>
      <c r="H21" s="17">
        <v>173146</v>
      </c>
      <c r="I21" s="17">
        <v>2421</v>
      </c>
      <c r="J21" s="17">
        <v>35</v>
      </c>
      <c r="K21" s="17">
        <v>306</v>
      </c>
      <c r="L21" s="17">
        <v>2077</v>
      </c>
      <c r="M21" s="17">
        <v>111340</v>
      </c>
      <c r="N21" s="17">
        <v>1838</v>
      </c>
      <c r="O21" s="17">
        <v>20</v>
      </c>
      <c r="P21" s="17">
        <v>778</v>
      </c>
      <c r="Q21" s="17">
        <v>1040</v>
      </c>
      <c r="R21" s="17">
        <v>61806</v>
      </c>
    </row>
    <row r="22" spans="1:18">
      <c r="A22" s="21" t="s">
        <v>1646</v>
      </c>
      <c r="B22" s="10" t="s">
        <v>25</v>
      </c>
      <c r="C22" s="11" t="s">
        <v>25</v>
      </c>
      <c r="D22" s="17">
        <v>924</v>
      </c>
      <c r="E22" s="17">
        <v>12</v>
      </c>
      <c r="F22" s="17">
        <v>243</v>
      </c>
      <c r="G22" s="17">
        <v>669</v>
      </c>
      <c r="H22" s="17">
        <v>37412</v>
      </c>
      <c r="I22" s="17">
        <v>530</v>
      </c>
      <c r="J22" s="17">
        <v>8</v>
      </c>
      <c r="K22" s="17">
        <v>64</v>
      </c>
      <c r="L22" s="17">
        <v>458</v>
      </c>
      <c r="M22" s="17">
        <v>24401</v>
      </c>
      <c r="N22" s="17">
        <v>394</v>
      </c>
      <c r="O22" s="17">
        <v>4</v>
      </c>
      <c r="P22" s="17">
        <v>179</v>
      </c>
      <c r="Q22" s="17">
        <v>211</v>
      </c>
      <c r="R22" s="17">
        <v>13011</v>
      </c>
    </row>
    <row r="23" spans="1:18">
      <c r="A23" s="21" t="s">
        <v>1647</v>
      </c>
      <c r="B23" s="10" t="s">
        <v>25</v>
      </c>
      <c r="C23" s="11" t="s">
        <v>25</v>
      </c>
      <c r="D23" s="17">
        <v>1488</v>
      </c>
      <c r="E23" s="18">
        <v>13</v>
      </c>
      <c r="F23" s="17">
        <v>399</v>
      </c>
      <c r="G23" s="17">
        <v>1074</v>
      </c>
      <c r="H23" s="17">
        <v>60402</v>
      </c>
      <c r="I23" s="17">
        <v>863</v>
      </c>
      <c r="J23" s="18">
        <v>9</v>
      </c>
      <c r="K23" s="17">
        <v>118</v>
      </c>
      <c r="L23" s="17">
        <v>734</v>
      </c>
      <c r="M23" s="17">
        <v>39612</v>
      </c>
      <c r="N23" s="17">
        <v>625</v>
      </c>
      <c r="O23" s="18">
        <v>4</v>
      </c>
      <c r="P23" s="17">
        <v>281</v>
      </c>
      <c r="Q23" s="17">
        <v>340</v>
      </c>
      <c r="R23" s="17">
        <v>20790</v>
      </c>
    </row>
    <row r="24" spans="1:18">
      <c r="A24" s="21" t="s">
        <v>1648</v>
      </c>
      <c r="B24" s="10" t="s">
        <v>25</v>
      </c>
      <c r="C24" s="11" t="s">
        <v>25</v>
      </c>
      <c r="D24" s="17">
        <v>1847</v>
      </c>
      <c r="E24" s="17">
        <v>30</v>
      </c>
      <c r="F24" s="17">
        <v>442</v>
      </c>
      <c r="G24" s="17">
        <v>1374</v>
      </c>
      <c r="H24" s="17">
        <v>75332</v>
      </c>
      <c r="I24" s="17">
        <v>1028</v>
      </c>
      <c r="J24" s="17">
        <v>18</v>
      </c>
      <c r="K24" s="17">
        <v>124</v>
      </c>
      <c r="L24" s="17">
        <v>885</v>
      </c>
      <c r="M24" s="17">
        <v>47327</v>
      </c>
      <c r="N24" s="17">
        <v>819</v>
      </c>
      <c r="O24" s="17">
        <v>12</v>
      </c>
      <c r="P24" s="17">
        <v>318</v>
      </c>
      <c r="Q24" s="17">
        <v>489</v>
      </c>
      <c r="R24" s="17">
        <v>28005</v>
      </c>
    </row>
    <row r="25" spans="1:18">
      <c r="A25" s="21" t="s">
        <v>1649</v>
      </c>
      <c r="B25" s="10" t="s">
        <v>25</v>
      </c>
      <c r="C25" s="11" t="s">
        <v>25</v>
      </c>
      <c r="D25" s="17">
        <v>2830</v>
      </c>
      <c r="E25" s="17">
        <v>41</v>
      </c>
      <c r="F25" s="17">
        <v>670</v>
      </c>
      <c r="G25" s="17">
        <v>2113</v>
      </c>
      <c r="H25" s="17">
        <v>117603</v>
      </c>
      <c r="I25" s="17">
        <v>1693</v>
      </c>
      <c r="J25" s="17">
        <v>26</v>
      </c>
      <c r="K25" s="17">
        <v>149</v>
      </c>
      <c r="L25" s="17">
        <v>1513</v>
      </c>
      <c r="M25" s="17">
        <v>79983</v>
      </c>
      <c r="N25" s="17">
        <v>1137</v>
      </c>
      <c r="O25" s="17">
        <v>15</v>
      </c>
      <c r="P25" s="17">
        <v>521</v>
      </c>
      <c r="Q25" s="17">
        <v>600</v>
      </c>
      <c r="R25" s="17">
        <v>37620</v>
      </c>
    </row>
    <row r="26" spans="1:18">
      <c r="A26" s="21" t="s">
        <v>1650</v>
      </c>
      <c r="B26" s="10" t="s">
        <v>25</v>
      </c>
      <c r="C26" s="11" t="s">
        <v>25</v>
      </c>
      <c r="D26" s="17">
        <v>631</v>
      </c>
      <c r="E26" s="17">
        <v>6</v>
      </c>
      <c r="F26" s="17">
        <v>148</v>
      </c>
      <c r="G26" s="17">
        <v>477</v>
      </c>
      <c r="H26" s="17">
        <v>26221</v>
      </c>
      <c r="I26" s="17">
        <v>382</v>
      </c>
      <c r="J26" s="17">
        <v>3</v>
      </c>
      <c r="K26" s="17">
        <v>33</v>
      </c>
      <c r="L26" s="17">
        <v>346</v>
      </c>
      <c r="M26" s="17">
        <v>18130</v>
      </c>
      <c r="N26" s="17">
        <v>249</v>
      </c>
      <c r="O26" s="17">
        <v>3</v>
      </c>
      <c r="P26" s="17">
        <v>115</v>
      </c>
      <c r="Q26" s="17">
        <v>131</v>
      </c>
      <c r="R26" s="17">
        <v>8091</v>
      </c>
    </row>
    <row r="27" spans="1:18">
      <c r="A27" s="21" t="s">
        <v>1651</v>
      </c>
      <c r="B27" s="10" t="s">
        <v>25</v>
      </c>
      <c r="C27" s="11" t="s">
        <v>25</v>
      </c>
      <c r="D27" s="17">
        <v>710</v>
      </c>
      <c r="E27" s="17">
        <v>14</v>
      </c>
      <c r="F27" s="17">
        <v>192</v>
      </c>
      <c r="G27" s="17">
        <v>502</v>
      </c>
      <c r="H27" s="17">
        <v>28280</v>
      </c>
      <c r="I27" s="17">
        <v>411</v>
      </c>
      <c r="J27" s="17">
        <v>8</v>
      </c>
      <c r="K27" s="17">
        <v>40</v>
      </c>
      <c r="L27" s="17">
        <v>361</v>
      </c>
      <c r="M27" s="17">
        <v>18962</v>
      </c>
      <c r="N27" s="17">
        <v>299</v>
      </c>
      <c r="O27" s="17">
        <v>6</v>
      </c>
      <c r="P27" s="17">
        <v>152</v>
      </c>
      <c r="Q27" s="17">
        <v>141</v>
      </c>
      <c r="R27" s="17">
        <v>9318</v>
      </c>
    </row>
    <row r="28" spans="1:18">
      <c r="A28" s="21" t="s">
        <v>1652</v>
      </c>
      <c r="B28" s="10" t="s">
        <v>25</v>
      </c>
      <c r="C28" s="11" t="s">
        <v>25</v>
      </c>
      <c r="D28" s="17">
        <v>178</v>
      </c>
      <c r="E28" s="17" t="s">
        <v>35</v>
      </c>
      <c r="F28" s="17">
        <v>49</v>
      </c>
      <c r="G28" s="17">
        <v>129</v>
      </c>
      <c r="H28" s="17">
        <v>7325</v>
      </c>
      <c r="I28" s="17">
        <v>113</v>
      </c>
      <c r="J28" s="17" t="s">
        <v>35</v>
      </c>
      <c r="K28" s="17">
        <v>6</v>
      </c>
      <c r="L28" s="17">
        <v>107</v>
      </c>
      <c r="M28" s="17">
        <v>5519</v>
      </c>
      <c r="N28" s="17">
        <v>65</v>
      </c>
      <c r="O28" s="17" t="s">
        <v>35</v>
      </c>
      <c r="P28" s="17">
        <v>43</v>
      </c>
      <c r="Q28" s="17">
        <v>22</v>
      </c>
      <c r="R28" s="17">
        <v>1806</v>
      </c>
    </row>
    <row r="29" spans="1:18">
      <c r="A29" s="21" t="s">
        <v>1653</v>
      </c>
      <c r="B29" s="10" t="s">
        <v>25</v>
      </c>
      <c r="C29" s="11" t="s">
        <v>25</v>
      </c>
      <c r="D29" s="17">
        <v>717</v>
      </c>
      <c r="E29" s="17">
        <v>12</v>
      </c>
      <c r="F29" s="17">
        <v>150</v>
      </c>
      <c r="G29" s="17">
        <v>553</v>
      </c>
      <c r="H29" s="17">
        <v>30866</v>
      </c>
      <c r="I29" s="17">
        <v>429</v>
      </c>
      <c r="J29" s="17">
        <v>7</v>
      </c>
      <c r="K29" s="17">
        <v>36</v>
      </c>
      <c r="L29" s="17">
        <v>385</v>
      </c>
      <c r="M29" s="17">
        <v>20899</v>
      </c>
      <c r="N29" s="17">
        <v>288</v>
      </c>
      <c r="O29" s="17">
        <v>5</v>
      </c>
      <c r="P29" s="17">
        <v>114</v>
      </c>
      <c r="Q29" s="17">
        <v>168</v>
      </c>
      <c r="R29" s="17">
        <v>9967</v>
      </c>
    </row>
    <row r="30" spans="1:18">
      <c r="A30" s="21" t="s">
        <v>1654</v>
      </c>
      <c r="B30" s="10" t="s">
        <v>25</v>
      </c>
      <c r="C30" s="11" t="s">
        <v>25</v>
      </c>
      <c r="D30" s="17">
        <v>594</v>
      </c>
      <c r="E30" s="17">
        <v>9</v>
      </c>
      <c r="F30" s="17">
        <v>131</v>
      </c>
      <c r="G30" s="17">
        <v>452</v>
      </c>
      <c r="H30" s="17">
        <v>24911</v>
      </c>
      <c r="I30" s="17">
        <v>358</v>
      </c>
      <c r="J30" s="17">
        <v>8</v>
      </c>
      <c r="K30" s="17">
        <v>34</v>
      </c>
      <c r="L30" s="17">
        <v>314</v>
      </c>
      <c r="M30" s="17">
        <v>16473</v>
      </c>
      <c r="N30" s="17">
        <v>236</v>
      </c>
      <c r="O30" s="17">
        <v>1</v>
      </c>
      <c r="P30" s="17">
        <v>97</v>
      </c>
      <c r="Q30" s="17">
        <v>138</v>
      </c>
      <c r="R30" s="17">
        <v>8438</v>
      </c>
    </row>
    <row r="31" spans="1:18">
      <c r="A31" s="21" t="s">
        <v>1655</v>
      </c>
      <c r="B31" s="10" t="s">
        <v>25</v>
      </c>
      <c r="C31" s="11" t="s">
        <v>25</v>
      </c>
      <c r="D31" s="17">
        <v>3343</v>
      </c>
      <c r="E31" s="17">
        <v>55</v>
      </c>
      <c r="F31" s="17">
        <v>753</v>
      </c>
      <c r="G31" s="17">
        <v>2531</v>
      </c>
      <c r="H31" s="17">
        <v>139284</v>
      </c>
      <c r="I31" s="17">
        <v>1942</v>
      </c>
      <c r="J31" s="17">
        <v>27</v>
      </c>
      <c r="K31" s="17">
        <v>200</v>
      </c>
      <c r="L31" s="17">
        <v>1713</v>
      </c>
      <c r="M31" s="17">
        <v>91052</v>
      </c>
      <c r="N31" s="17">
        <v>1401</v>
      </c>
      <c r="O31" s="17">
        <v>28</v>
      </c>
      <c r="P31" s="17">
        <v>553</v>
      </c>
      <c r="Q31" s="17">
        <v>818</v>
      </c>
      <c r="R31" s="17">
        <v>48232</v>
      </c>
    </row>
    <row r="32" spans="1:18">
      <c r="A32" s="21" t="s">
        <v>1656</v>
      </c>
      <c r="B32" s="10" t="s">
        <v>25</v>
      </c>
      <c r="C32" s="11" t="s">
        <v>25</v>
      </c>
      <c r="D32" s="17">
        <v>961</v>
      </c>
      <c r="E32" s="17">
        <v>15</v>
      </c>
      <c r="F32" s="17">
        <v>217</v>
      </c>
      <c r="G32" s="17">
        <v>727</v>
      </c>
      <c r="H32" s="17">
        <v>40064</v>
      </c>
      <c r="I32" s="17">
        <v>558</v>
      </c>
      <c r="J32" s="18">
        <v>9</v>
      </c>
      <c r="K32" s="17">
        <v>60</v>
      </c>
      <c r="L32" s="17">
        <v>488</v>
      </c>
      <c r="M32" s="17">
        <v>26151</v>
      </c>
      <c r="N32" s="17">
        <v>403</v>
      </c>
      <c r="O32" s="17">
        <v>6</v>
      </c>
      <c r="P32" s="17">
        <v>157</v>
      </c>
      <c r="Q32" s="17">
        <v>239</v>
      </c>
      <c r="R32" s="17">
        <v>13913</v>
      </c>
    </row>
    <row r="33" spans="1:18">
      <c r="A33" s="21" t="s">
        <v>1657</v>
      </c>
      <c r="B33" s="10" t="s">
        <v>25</v>
      </c>
      <c r="C33" s="11" t="s">
        <v>25</v>
      </c>
      <c r="D33" s="17">
        <v>265</v>
      </c>
      <c r="E33" s="17">
        <v>1</v>
      </c>
      <c r="F33" s="17">
        <v>50</v>
      </c>
      <c r="G33" s="17">
        <v>214</v>
      </c>
      <c r="H33" s="17">
        <v>11444</v>
      </c>
      <c r="I33" s="17">
        <v>163</v>
      </c>
      <c r="J33" s="17">
        <v>1</v>
      </c>
      <c r="K33" s="17">
        <v>13</v>
      </c>
      <c r="L33" s="17">
        <v>149</v>
      </c>
      <c r="M33" s="17">
        <v>7779</v>
      </c>
      <c r="N33" s="17">
        <v>102</v>
      </c>
      <c r="O33" s="17" t="s">
        <v>35</v>
      </c>
      <c r="P33" s="17">
        <v>37</v>
      </c>
      <c r="Q33" s="17">
        <v>65</v>
      </c>
      <c r="R33" s="17">
        <v>3665</v>
      </c>
    </row>
    <row r="34" spans="1:18">
      <c r="A34" s="21" t="s">
        <v>1658</v>
      </c>
      <c r="B34" s="10" t="s">
        <v>25</v>
      </c>
      <c r="C34" s="11" t="s">
        <v>25</v>
      </c>
      <c r="D34" s="18">
        <v>1172</v>
      </c>
      <c r="E34" s="18">
        <v>23</v>
      </c>
      <c r="F34" s="18">
        <v>264</v>
      </c>
      <c r="G34" s="18">
        <v>883</v>
      </c>
      <c r="H34" s="18">
        <v>48710</v>
      </c>
      <c r="I34" s="18">
        <v>670</v>
      </c>
      <c r="J34" s="18">
        <v>11</v>
      </c>
      <c r="K34" s="18">
        <v>69</v>
      </c>
      <c r="L34" s="18">
        <v>589</v>
      </c>
      <c r="M34" s="18">
        <v>31282</v>
      </c>
      <c r="N34" s="18">
        <v>502</v>
      </c>
      <c r="O34" s="18">
        <v>12</v>
      </c>
      <c r="P34" s="18">
        <v>195</v>
      </c>
      <c r="Q34" s="18">
        <v>294</v>
      </c>
      <c r="R34" s="18">
        <v>17428</v>
      </c>
    </row>
    <row r="35" spans="1:18">
      <c r="A35" s="21" t="s">
        <v>1659</v>
      </c>
      <c r="B35" s="10" t="s">
        <v>25</v>
      </c>
      <c r="C35" s="11" t="s">
        <v>25</v>
      </c>
      <c r="D35" s="17">
        <v>542</v>
      </c>
      <c r="E35" s="18">
        <v>11</v>
      </c>
      <c r="F35" s="17">
        <v>118</v>
      </c>
      <c r="G35" s="17">
        <v>413</v>
      </c>
      <c r="H35" s="17">
        <v>22575</v>
      </c>
      <c r="I35" s="17">
        <v>327</v>
      </c>
      <c r="J35" s="18">
        <v>4</v>
      </c>
      <c r="K35" s="17">
        <v>27</v>
      </c>
      <c r="L35" s="17">
        <v>296</v>
      </c>
      <c r="M35" s="17">
        <v>15481</v>
      </c>
      <c r="N35" s="17">
        <v>215</v>
      </c>
      <c r="O35" s="18">
        <v>7</v>
      </c>
      <c r="P35" s="17">
        <v>91</v>
      </c>
      <c r="Q35" s="17">
        <v>117</v>
      </c>
      <c r="R35" s="17">
        <v>7094</v>
      </c>
    </row>
    <row r="36" spans="1:18">
      <c r="A36" s="21" t="s">
        <v>1660</v>
      </c>
      <c r="B36" s="10" t="s">
        <v>25</v>
      </c>
      <c r="C36" s="11" t="s">
        <v>25</v>
      </c>
      <c r="D36" s="17">
        <v>403</v>
      </c>
      <c r="E36" s="17">
        <v>5</v>
      </c>
      <c r="F36" s="17">
        <v>104</v>
      </c>
      <c r="G36" s="17">
        <v>294</v>
      </c>
      <c r="H36" s="17">
        <v>16491</v>
      </c>
      <c r="I36" s="17">
        <v>224</v>
      </c>
      <c r="J36" s="17">
        <v>2</v>
      </c>
      <c r="K36" s="17">
        <v>31</v>
      </c>
      <c r="L36" s="17">
        <v>191</v>
      </c>
      <c r="M36" s="17">
        <v>10359</v>
      </c>
      <c r="N36" s="17">
        <v>179</v>
      </c>
      <c r="O36" s="17">
        <v>3</v>
      </c>
      <c r="P36" s="17">
        <v>73</v>
      </c>
      <c r="Q36" s="17">
        <v>103</v>
      </c>
      <c r="R36" s="17">
        <v>6132</v>
      </c>
    </row>
    <row r="37" spans="1:18">
      <c r="A37" s="21" t="s">
        <v>1661</v>
      </c>
      <c r="B37" s="10" t="s">
        <v>25</v>
      </c>
      <c r="C37" s="11" t="s">
        <v>25</v>
      </c>
      <c r="D37" s="17">
        <v>2863</v>
      </c>
      <c r="E37" s="17">
        <v>34</v>
      </c>
      <c r="F37" s="17">
        <v>654</v>
      </c>
      <c r="G37" s="17">
        <v>2175</v>
      </c>
      <c r="H37" s="17">
        <v>119345</v>
      </c>
      <c r="I37" s="17">
        <v>1708</v>
      </c>
      <c r="J37" s="17">
        <v>19</v>
      </c>
      <c r="K37" s="17">
        <v>166</v>
      </c>
      <c r="L37" s="17">
        <v>1523</v>
      </c>
      <c r="M37" s="17">
        <v>80344</v>
      </c>
      <c r="N37" s="17">
        <v>1155</v>
      </c>
      <c r="O37" s="17">
        <v>15</v>
      </c>
      <c r="P37" s="17">
        <v>488</v>
      </c>
      <c r="Q37" s="17">
        <v>652</v>
      </c>
      <c r="R37" s="17">
        <v>39001</v>
      </c>
    </row>
    <row r="38" spans="1:18">
      <c r="A38" s="21" t="s">
        <v>1662</v>
      </c>
      <c r="B38" s="10" t="s">
        <v>25</v>
      </c>
      <c r="C38" s="11" t="s">
        <v>25</v>
      </c>
      <c r="D38" s="17">
        <v>902</v>
      </c>
      <c r="E38" s="17">
        <v>16</v>
      </c>
      <c r="F38" s="17">
        <v>217</v>
      </c>
      <c r="G38" s="17">
        <v>669</v>
      </c>
      <c r="H38" s="17">
        <v>37308</v>
      </c>
      <c r="I38" s="17">
        <v>519</v>
      </c>
      <c r="J38" s="17">
        <v>9</v>
      </c>
      <c r="K38" s="17">
        <v>59</v>
      </c>
      <c r="L38" s="17">
        <v>451</v>
      </c>
      <c r="M38" s="17">
        <v>24283</v>
      </c>
      <c r="N38" s="17">
        <v>383</v>
      </c>
      <c r="O38" s="17">
        <v>7</v>
      </c>
      <c r="P38" s="17">
        <v>158</v>
      </c>
      <c r="Q38" s="17">
        <v>218</v>
      </c>
      <c r="R38" s="17">
        <v>13025</v>
      </c>
    </row>
    <row r="39" spans="1:18">
      <c r="A39" s="21" t="s">
        <v>1663</v>
      </c>
      <c r="B39" s="10" t="s">
        <v>25</v>
      </c>
      <c r="C39" s="11" t="s">
        <v>25</v>
      </c>
      <c r="D39" s="17">
        <v>753</v>
      </c>
      <c r="E39" s="17">
        <v>6</v>
      </c>
      <c r="F39" s="17">
        <v>146</v>
      </c>
      <c r="G39" s="17">
        <v>601</v>
      </c>
      <c r="H39" s="17">
        <v>32162</v>
      </c>
      <c r="I39" s="17">
        <v>475</v>
      </c>
      <c r="J39" s="17">
        <v>3</v>
      </c>
      <c r="K39" s="17">
        <v>37</v>
      </c>
      <c r="L39" s="17">
        <v>435</v>
      </c>
      <c r="M39" s="17">
        <v>22579</v>
      </c>
      <c r="N39" s="17">
        <v>278</v>
      </c>
      <c r="O39" s="17">
        <v>3</v>
      </c>
      <c r="P39" s="17">
        <v>109</v>
      </c>
      <c r="Q39" s="17">
        <v>166</v>
      </c>
      <c r="R39" s="17">
        <v>9583</v>
      </c>
    </row>
    <row r="40" spans="1:18">
      <c r="A40" s="21" t="s">
        <v>1664</v>
      </c>
      <c r="B40" s="10" t="s">
        <v>25</v>
      </c>
      <c r="C40" s="11" t="s">
        <v>25</v>
      </c>
      <c r="D40" s="17">
        <v>650</v>
      </c>
      <c r="E40" s="17">
        <v>3</v>
      </c>
      <c r="F40" s="17">
        <v>152</v>
      </c>
      <c r="G40" s="17">
        <v>495</v>
      </c>
      <c r="H40" s="17">
        <v>27578</v>
      </c>
      <c r="I40" s="17">
        <v>375</v>
      </c>
      <c r="J40" s="18">
        <v>2</v>
      </c>
      <c r="K40" s="17">
        <v>27</v>
      </c>
      <c r="L40" s="17">
        <v>346</v>
      </c>
      <c r="M40" s="17">
        <v>18267</v>
      </c>
      <c r="N40" s="17">
        <v>275</v>
      </c>
      <c r="O40" s="17">
        <v>1</v>
      </c>
      <c r="P40" s="17">
        <v>125</v>
      </c>
      <c r="Q40" s="17">
        <v>149</v>
      </c>
      <c r="R40" s="17">
        <v>9311</v>
      </c>
    </row>
    <row r="41" spans="1:18">
      <c r="A41" s="21" t="s">
        <v>1665</v>
      </c>
      <c r="B41" s="10" t="s">
        <v>25</v>
      </c>
      <c r="C41" s="11" t="s">
        <v>25</v>
      </c>
      <c r="D41" s="17">
        <v>558</v>
      </c>
      <c r="E41" s="17">
        <v>9</v>
      </c>
      <c r="F41" s="17">
        <v>139</v>
      </c>
      <c r="G41" s="17">
        <v>410</v>
      </c>
      <c r="H41" s="17">
        <v>22297</v>
      </c>
      <c r="I41" s="17">
        <v>339</v>
      </c>
      <c r="J41" s="17">
        <v>5</v>
      </c>
      <c r="K41" s="17">
        <v>43</v>
      </c>
      <c r="L41" s="17">
        <v>291</v>
      </c>
      <c r="M41" s="17">
        <v>15215</v>
      </c>
      <c r="N41" s="17">
        <v>219</v>
      </c>
      <c r="O41" s="17">
        <v>4</v>
      </c>
      <c r="P41" s="17">
        <v>96</v>
      </c>
      <c r="Q41" s="17">
        <v>119</v>
      </c>
      <c r="R41" s="17">
        <v>7082</v>
      </c>
    </row>
    <row r="42" spans="1:18">
      <c r="A42" s="21" t="s">
        <v>1666</v>
      </c>
      <c r="B42" s="10" t="s">
        <v>25</v>
      </c>
      <c r="C42" s="11" t="s">
        <v>25</v>
      </c>
      <c r="D42" s="18">
        <v>6966</v>
      </c>
      <c r="E42" s="18">
        <v>93</v>
      </c>
      <c r="F42" s="18">
        <v>1646</v>
      </c>
      <c r="G42" s="18">
        <v>5214</v>
      </c>
      <c r="H42" s="18">
        <v>290676</v>
      </c>
      <c r="I42" s="18">
        <v>4210</v>
      </c>
      <c r="J42" s="18">
        <v>53</v>
      </c>
      <c r="K42" s="18">
        <v>394</v>
      </c>
      <c r="L42" s="18">
        <v>3754</v>
      </c>
      <c r="M42" s="18">
        <v>200866</v>
      </c>
      <c r="N42" s="18">
        <v>2756</v>
      </c>
      <c r="O42" s="18">
        <v>40</v>
      </c>
      <c r="P42" s="18">
        <v>1252</v>
      </c>
      <c r="Q42" s="18">
        <v>1460</v>
      </c>
      <c r="R42" s="18">
        <v>89810</v>
      </c>
    </row>
    <row r="43" spans="1:18">
      <c r="A43" s="21" t="s">
        <v>1667</v>
      </c>
      <c r="B43" s="10" t="s">
        <v>25</v>
      </c>
      <c r="C43" s="11" t="s">
        <v>25</v>
      </c>
      <c r="D43" s="17">
        <v>1407</v>
      </c>
      <c r="E43" s="17">
        <v>20</v>
      </c>
      <c r="F43" s="17">
        <v>371</v>
      </c>
      <c r="G43" s="17">
        <v>1013</v>
      </c>
      <c r="H43" s="17">
        <v>57233</v>
      </c>
      <c r="I43" s="17">
        <v>832</v>
      </c>
      <c r="J43" s="17">
        <v>11</v>
      </c>
      <c r="K43" s="17">
        <v>88</v>
      </c>
      <c r="L43" s="17">
        <v>731</v>
      </c>
      <c r="M43" s="17">
        <v>39048</v>
      </c>
      <c r="N43" s="17">
        <v>575</v>
      </c>
      <c r="O43" s="17">
        <v>9</v>
      </c>
      <c r="P43" s="17">
        <v>283</v>
      </c>
      <c r="Q43" s="17">
        <v>282</v>
      </c>
      <c r="R43" s="17">
        <v>18185</v>
      </c>
    </row>
    <row r="44" spans="1:18">
      <c r="A44" s="21" t="s">
        <v>1668</v>
      </c>
      <c r="B44" s="10" t="s">
        <v>25</v>
      </c>
      <c r="C44" s="11" t="s">
        <v>25</v>
      </c>
      <c r="D44" s="17">
        <v>1506</v>
      </c>
      <c r="E44" s="18">
        <v>15</v>
      </c>
      <c r="F44" s="17">
        <v>389</v>
      </c>
      <c r="G44" s="17">
        <v>1096</v>
      </c>
      <c r="H44" s="17">
        <v>62111</v>
      </c>
      <c r="I44" s="17">
        <v>902</v>
      </c>
      <c r="J44" s="18">
        <v>7</v>
      </c>
      <c r="K44" s="17">
        <v>84</v>
      </c>
      <c r="L44" s="17">
        <v>806</v>
      </c>
      <c r="M44" s="17">
        <v>43291</v>
      </c>
      <c r="N44" s="17">
        <v>604</v>
      </c>
      <c r="O44" s="18">
        <v>8</v>
      </c>
      <c r="P44" s="17">
        <v>305</v>
      </c>
      <c r="Q44" s="17">
        <v>290</v>
      </c>
      <c r="R44" s="17">
        <v>18820</v>
      </c>
    </row>
    <row r="45" spans="1:18">
      <c r="A45" s="21" t="s">
        <v>1669</v>
      </c>
      <c r="B45" s="10" t="s">
        <v>25</v>
      </c>
      <c r="C45" s="11" t="s">
        <v>25</v>
      </c>
      <c r="D45" s="17">
        <v>1133</v>
      </c>
      <c r="E45" s="17">
        <v>13</v>
      </c>
      <c r="F45" s="17">
        <v>239</v>
      </c>
      <c r="G45" s="17">
        <v>881</v>
      </c>
      <c r="H45" s="17">
        <v>48241</v>
      </c>
      <c r="I45" s="17">
        <v>688</v>
      </c>
      <c r="J45" s="17">
        <v>12</v>
      </c>
      <c r="K45" s="17">
        <v>61</v>
      </c>
      <c r="L45" s="17">
        <v>615</v>
      </c>
      <c r="M45" s="17">
        <v>32693</v>
      </c>
      <c r="N45" s="17">
        <v>445</v>
      </c>
      <c r="O45" s="17">
        <v>1</v>
      </c>
      <c r="P45" s="17">
        <v>178</v>
      </c>
      <c r="Q45" s="17">
        <v>266</v>
      </c>
      <c r="R45" s="17">
        <v>15548</v>
      </c>
    </row>
    <row r="46" spans="1:18">
      <c r="A46" s="21" t="s">
        <v>1670</v>
      </c>
      <c r="B46" s="10" t="s">
        <v>25</v>
      </c>
      <c r="C46" s="11" t="s">
        <v>25</v>
      </c>
      <c r="D46" s="17">
        <v>1096</v>
      </c>
      <c r="E46" s="17">
        <v>18</v>
      </c>
      <c r="F46" s="17">
        <v>238</v>
      </c>
      <c r="G46" s="17">
        <v>840</v>
      </c>
      <c r="H46" s="17">
        <v>46332</v>
      </c>
      <c r="I46" s="17">
        <v>668</v>
      </c>
      <c r="J46" s="17">
        <v>13</v>
      </c>
      <c r="K46" s="17">
        <v>63</v>
      </c>
      <c r="L46" s="17">
        <v>592</v>
      </c>
      <c r="M46" s="17">
        <v>31946</v>
      </c>
      <c r="N46" s="17">
        <v>428</v>
      </c>
      <c r="O46" s="17">
        <v>5</v>
      </c>
      <c r="P46" s="17">
        <v>175</v>
      </c>
      <c r="Q46" s="17">
        <v>248</v>
      </c>
      <c r="R46" s="17">
        <v>14386</v>
      </c>
    </row>
    <row r="47" spans="1:18">
      <c r="A47" s="21" t="s">
        <v>1671</v>
      </c>
      <c r="B47" s="10" t="s">
        <v>25</v>
      </c>
      <c r="C47" s="11" t="s">
        <v>25</v>
      </c>
      <c r="D47" s="17">
        <v>395</v>
      </c>
      <c r="E47" s="17">
        <v>6</v>
      </c>
      <c r="F47" s="17">
        <v>101</v>
      </c>
      <c r="G47" s="17">
        <v>285</v>
      </c>
      <c r="H47" s="17">
        <v>16338</v>
      </c>
      <c r="I47" s="17">
        <v>236</v>
      </c>
      <c r="J47" s="17">
        <v>5</v>
      </c>
      <c r="K47" s="17">
        <v>26</v>
      </c>
      <c r="L47" s="17">
        <v>204</v>
      </c>
      <c r="M47" s="17">
        <v>10904</v>
      </c>
      <c r="N47" s="17">
        <v>159</v>
      </c>
      <c r="O47" s="17">
        <v>1</v>
      </c>
      <c r="P47" s="17">
        <v>75</v>
      </c>
      <c r="Q47" s="17">
        <v>81</v>
      </c>
      <c r="R47" s="17">
        <v>5434</v>
      </c>
    </row>
    <row r="48" spans="1:18">
      <c r="A48" s="21" t="s">
        <v>1672</v>
      </c>
      <c r="B48" s="10" t="s">
        <v>25</v>
      </c>
      <c r="C48" s="11" t="s">
        <v>25</v>
      </c>
      <c r="D48" s="17">
        <v>1429</v>
      </c>
      <c r="E48" s="18">
        <v>21</v>
      </c>
      <c r="F48" s="17">
        <v>308</v>
      </c>
      <c r="G48" s="17">
        <v>1099</v>
      </c>
      <c r="H48" s="17">
        <v>60421</v>
      </c>
      <c r="I48" s="17">
        <v>884</v>
      </c>
      <c r="J48" s="18">
        <v>5</v>
      </c>
      <c r="K48" s="17">
        <v>72</v>
      </c>
      <c r="L48" s="17">
        <v>806</v>
      </c>
      <c r="M48" s="17">
        <v>42984</v>
      </c>
      <c r="N48" s="17">
        <v>545</v>
      </c>
      <c r="O48" s="18">
        <v>16</v>
      </c>
      <c r="P48" s="17">
        <v>236</v>
      </c>
      <c r="Q48" s="17">
        <v>293</v>
      </c>
      <c r="R48" s="17">
        <v>17437</v>
      </c>
    </row>
    <row r="49" spans="1:18">
      <c r="A49" s="21" t="s">
        <v>1673</v>
      </c>
      <c r="B49" s="10" t="s">
        <v>25</v>
      </c>
      <c r="C49" s="11" t="s">
        <v>25</v>
      </c>
      <c r="D49" s="17">
        <v>964</v>
      </c>
      <c r="E49" s="18">
        <v>20</v>
      </c>
      <c r="F49" s="17">
        <v>221</v>
      </c>
      <c r="G49" s="17">
        <v>711</v>
      </c>
      <c r="H49" s="17">
        <v>39752</v>
      </c>
      <c r="I49" s="17">
        <v>581</v>
      </c>
      <c r="J49" s="18">
        <v>12</v>
      </c>
      <c r="K49" s="17">
        <v>65</v>
      </c>
      <c r="L49" s="17">
        <v>503</v>
      </c>
      <c r="M49" s="17">
        <v>27468</v>
      </c>
      <c r="N49" s="17">
        <v>383</v>
      </c>
      <c r="O49" s="18">
        <v>8</v>
      </c>
      <c r="P49" s="17">
        <v>156</v>
      </c>
      <c r="Q49" s="17">
        <v>208</v>
      </c>
      <c r="R49" s="17">
        <v>12284</v>
      </c>
    </row>
    <row r="50" spans="1:18">
      <c r="A50" s="21" t="s">
        <v>1674</v>
      </c>
      <c r="B50" s="10" t="s">
        <v>25</v>
      </c>
      <c r="C50" s="11" t="s">
        <v>25</v>
      </c>
      <c r="D50" s="17">
        <v>675</v>
      </c>
      <c r="E50" s="18">
        <v>17</v>
      </c>
      <c r="F50" s="17">
        <v>142</v>
      </c>
      <c r="G50" s="17">
        <v>513</v>
      </c>
      <c r="H50" s="17">
        <v>28457</v>
      </c>
      <c r="I50" s="17">
        <v>430</v>
      </c>
      <c r="J50" s="18">
        <v>9</v>
      </c>
      <c r="K50" s="17">
        <v>40</v>
      </c>
      <c r="L50" s="17">
        <v>380</v>
      </c>
      <c r="M50" s="17">
        <v>20533</v>
      </c>
      <c r="N50" s="17">
        <v>245</v>
      </c>
      <c r="O50" s="18">
        <v>8</v>
      </c>
      <c r="P50" s="17">
        <v>102</v>
      </c>
      <c r="Q50" s="17">
        <v>133</v>
      </c>
      <c r="R50" s="17">
        <v>7924</v>
      </c>
    </row>
    <row r="51" spans="1:18">
      <c r="A51" s="21" t="s">
        <v>1675</v>
      </c>
      <c r="B51" s="10" t="s">
        <v>25</v>
      </c>
      <c r="C51" s="11" t="s">
        <v>25</v>
      </c>
      <c r="D51" s="17">
        <v>289</v>
      </c>
      <c r="E51" s="17">
        <v>3</v>
      </c>
      <c r="F51" s="17">
        <v>79</v>
      </c>
      <c r="G51" s="17">
        <v>198</v>
      </c>
      <c r="H51" s="17">
        <v>11295</v>
      </c>
      <c r="I51" s="17">
        <v>151</v>
      </c>
      <c r="J51" s="18">
        <v>3</v>
      </c>
      <c r="K51" s="17">
        <v>25</v>
      </c>
      <c r="L51" s="17">
        <v>123</v>
      </c>
      <c r="M51" s="17">
        <v>6935</v>
      </c>
      <c r="N51" s="17">
        <v>138</v>
      </c>
      <c r="O51" s="17" t="s">
        <v>35</v>
      </c>
      <c r="P51" s="17">
        <v>54</v>
      </c>
      <c r="Q51" s="17">
        <v>75</v>
      </c>
      <c r="R51" s="17">
        <v>4360</v>
      </c>
    </row>
    <row r="52" spans="1:18">
      <c r="A52" s="21" t="s">
        <v>1676</v>
      </c>
      <c r="B52" s="10" t="s">
        <v>25</v>
      </c>
      <c r="C52" s="11" t="s">
        <v>25</v>
      </c>
      <c r="D52" s="17">
        <v>835</v>
      </c>
      <c r="E52" s="17">
        <v>8</v>
      </c>
      <c r="F52" s="17">
        <v>204</v>
      </c>
      <c r="G52" s="17">
        <v>623</v>
      </c>
      <c r="H52" s="17">
        <v>34509</v>
      </c>
      <c r="I52" s="17">
        <v>503</v>
      </c>
      <c r="J52" s="18">
        <v>7</v>
      </c>
      <c r="K52" s="17">
        <v>54</v>
      </c>
      <c r="L52" s="17">
        <v>442</v>
      </c>
      <c r="M52" s="17">
        <v>23301</v>
      </c>
      <c r="N52" s="17">
        <v>332</v>
      </c>
      <c r="O52" s="17">
        <v>1</v>
      </c>
      <c r="P52" s="17">
        <v>150</v>
      </c>
      <c r="Q52" s="17">
        <v>181</v>
      </c>
      <c r="R52" s="17">
        <v>11208</v>
      </c>
    </row>
    <row r="53" spans="1:18">
      <c r="A53" s="21" t="s">
        <v>1677</v>
      </c>
      <c r="B53" s="10" t="s">
        <v>25</v>
      </c>
      <c r="C53" s="11" t="s">
        <v>25</v>
      </c>
      <c r="D53" s="17">
        <v>756</v>
      </c>
      <c r="E53" s="18">
        <v>6</v>
      </c>
      <c r="F53" s="17">
        <v>190</v>
      </c>
      <c r="G53" s="17">
        <v>560</v>
      </c>
      <c r="H53" s="17">
        <v>31100</v>
      </c>
      <c r="I53" s="17">
        <v>448</v>
      </c>
      <c r="J53" s="18">
        <v>5</v>
      </c>
      <c r="K53" s="17">
        <v>51</v>
      </c>
      <c r="L53" s="17">
        <v>392</v>
      </c>
      <c r="M53" s="17">
        <v>20660</v>
      </c>
      <c r="N53" s="17">
        <v>308</v>
      </c>
      <c r="O53" s="18">
        <v>1</v>
      </c>
      <c r="P53" s="17">
        <v>139</v>
      </c>
      <c r="Q53" s="17">
        <v>168</v>
      </c>
      <c r="R53" s="17">
        <v>10440</v>
      </c>
    </row>
    <row r="54" spans="1:18">
      <c r="A54" s="21" t="s">
        <v>1678</v>
      </c>
      <c r="B54" s="10" t="s">
        <v>25</v>
      </c>
      <c r="C54" s="11" t="s">
        <v>25</v>
      </c>
      <c r="D54" s="17">
        <v>79</v>
      </c>
      <c r="E54" s="18">
        <v>2</v>
      </c>
      <c r="F54" s="17">
        <v>14</v>
      </c>
      <c r="G54" s="17">
        <v>63</v>
      </c>
      <c r="H54" s="17">
        <v>3409</v>
      </c>
      <c r="I54" s="17">
        <v>55</v>
      </c>
      <c r="J54" s="18">
        <v>2</v>
      </c>
      <c r="K54" s="17">
        <v>3</v>
      </c>
      <c r="L54" s="17">
        <v>50</v>
      </c>
      <c r="M54" s="17">
        <v>2641</v>
      </c>
      <c r="N54" s="17">
        <v>24</v>
      </c>
      <c r="O54" s="18" t="s">
        <v>35</v>
      </c>
      <c r="P54" s="17">
        <v>11</v>
      </c>
      <c r="Q54" s="17">
        <v>13</v>
      </c>
      <c r="R54" s="17">
        <v>768</v>
      </c>
    </row>
    <row r="55" spans="1:18">
      <c r="A55" s="21" t="s">
        <v>1679</v>
      </c>
      <c r="B55" s="10" t="s">
        <v>25</v>
      </c>
      <c r="C55" s="11" t="s">
        <v>25</v>
      </c>
      <c r="D55" s="17">
        <v>3657</v>
      </c>
      <c r="E55" s="17">
        <v>55</v>
      </c>
      <c r="F55" s="17">
        <v>946</v>
      </c>
      <c r="G55" s="17">
        <v>2654</v>
      </c>
      <c r="H55" s="17">
        <v>148251</v>
      </c>
      <c r="I55" s="17">
        <v>2136</v>
      </c>
      <c r="J55" s="17">
        <v>31</v>
      </c>
      <c r="K55" s="17">
        <v>269</v>
      </c>
      <c r="L55" s="17">
        <v>1835</v>
      </c>
      <c r="M55" s="17">
        <v>98253</v>
      </c>
      <c r="N55" s="17">
        <v>1521</v>
      </c>
      <c r="O55" s="17">
        <v>24</v>
      </c>
      <c r="P55" s="17">
        <v>677</v>
      </c>
      <c r="Q55" s="17">
        <v>819</v>
      </c>
      <c r="R55" s="17">
        <v>49998</v>
      </c>
    </row>
    <row r="56" spans="1:18">
      <c r="A56" s="21" t="s">
        <v>1680</v>
      </c>
      <c r="B56" s="10" t="s">
        <v>25</v>
      </c>
      <c r="C56" s="11" t="s">
        <v>25</v>
      </c>
      <c r="D56" s="17">
        <v>739</v>
      </c>
      <c r="E56" s="17">
        <v>17</v>
      </c>
      <c r="F56" s="17">
        <v>175</v>
      </c>
      <c r="G56" s="17">
        <v>546</v>
      </c>
      <c r="H56" s="17">
        <v>30443</v>
      </c>
      <c r="I56" s="17">
        <v>459</v>
      </c>
      <c r="J56" s="17">
        <v>8</v>
      </c>
      <c r="K56" s="17">
        <v>57</v>
      </c>
      <c r="L56" s="17">
        <v>393</v>
      </c>
      <c r="M56" s="17">
        <v>21208</v>
      </c>
      <c r="N56" s="17">
        <v>280</v>
      </c>
      <c r="O56" s="17">
        <v>9</v>
      </c>
      <c r="P56" s="17">
        <v>118</v>
      </c>
      <c r="Q56" s="17">
        <v>153</v>
      </c>
      <c r="R56" s="17">
        <v>9235</v>
      </c>
    </row>
    <row r="57" spans="1:18">
      <c r="A57" s="21" t="s">
        <v>1681</v>
      </c>
      <c r="B57" s="10" t="s">
        <v>25</v>
      </c>
      <c r="C57" s="11" t="s">
        <v>25</v>
      </c>
      <c r="D57" s="17">
        <v>411</v>
      </c>
      <c r="E57" s="17">
        <v>7</v>
      </c>
      <c r="F57" s="17">
        <v>80</v>
      </c>
      <c r="G57" s="17">
        <v>324</v>
      </c>
      <c r="H57" s="17">
        <v>17537</v>
      </c>
      <c r="I57" s="17">
        <v>251</v>
      </c>
      <c r="J57" s="18">
        <v>5</v>
      </c>
      <c r="K57" s="17">
        <v>25</v>
      </c>
      <c r="L57" s="17">
        <v>221</v>
      </c>
      <c r="M57" s="17">
        <v>11910</v>
      </c>
      <c r="N57" s="17">
        <v>160</v>
      </c>
      <c r="O57" s="17">
        <v>2</v>
      </c>
      <c r="P57" s="17">
        <v>55</v>
      </c>
      <c r="Q57" s="17">
        <v>103</v>
      </c>
      <c r="R57" s="17">
        <v>5627</v>
      </c>
    </row>
    <row r="58" spans="1:18">
      <c r="A58" s="21" t="s">
        <v>1682</v>
      </c>
      <c r="B58" s="10" t="s">
        <v>25</v>
      </c>
      <c r="C58" s="11" t="s">
        <v>25</v>
      </c>
      <c r="D58" s="17">
        <v>788</v>
      </c>
      <c r="E58" s="17">
        <v>9</v>
      </c>
      <c r="F58" s="17">
        <v>216</v>
      </c>
      <c r="G58" s="17">
        <v>562</v>
      </c>
      <c r="H58" s="17">
        <v>30908</v>
      </c>
      <c r="I58" s="17">
        <v>442</v>
      </c>
      <c r="J58" s="17">
        <v>6</v>
      </c>
      <c r="K58" s="17">
        <v>58</v>
      </c>
      <c r="L58" s="17">
        <v>378</v>
      </c>
      <c r="M58" s="17">
        <v>19608</v>
      </c>
      <c r="N58" s="17">
        <v>346</v>
      </c>
      <c r="O58" s="17">
        <v>3</v>
      </c>
      <c r="P58" s="17">
        <v>158</v>
      </c>
      <c r="Q58" s="17">
        <v>184</v>
      </c>
      <c r="R58" s="17">
        <v>11300</v>
      </c>
    </row>
    <row r="59" spans="1:18">
      <c r="A59" s="21" t="s">
        <v>1683</v>
      </c>
      <c r="B59" s="10" t="s">
        <v>25</v>
      </c>
      <c r="C59" s="11" t="s">
        <v>25</v>
      </c>
      <c r="D59" s="17">
        <v>1719</v>
      </c>
      <c r="E59" s="17">
        <v>22</v>
      </c>
      <c r="F59" s="17">
        <v>475</v>
      </c>
      <c r="G59" s="17">
        <v>1222</v>
      </c>
      <c r="H59" s="17">
        <v>69363</v>
      </c>
      <c r="I59" s="17">
        <v>984</v>
      </c>
      <c r="J59" s="17">
        <v>12</v>
      </c>
      <c r="K59" s="17">
        <v>129</v>
      </c>
      <c r="L59" s="17">
        <v>843</v>
      </c>
      <c r="M59" s="17">
        <v>45527</v>
      </c>
      <c r="N59" s="17">
        <v>735</v>
      </c>
      <c r="O59" s="17">
        <v>10</v>
      </c>
      <c r="P59" s="17">
        <v>346</v>
      </c>
      <c r="Q59" s="17">
        <v>379</v>
      </c>
      <c r="R59" s="17">
        <v>23836</v>
      </c>
    </row>
    <row r="60" spans="1:18">
      <c r="A60" s="21" t="s">
        <v>1684</v>
      </c>
      <c r="B60" s="10" t="s">
        <v>25</v>
      </c>
      <c r="C60" s="11" t="s">
        <v>25</v>
      </c>
      <c r="D60" s="17">
        <v>988</v>
      </c>
      <c r="E60" s="17">
        <v>32</v>
      </c>
      <c r="F60" s="17">
        <v>240</v>
      </c>
      <c r="G60" s="17">
        <v>711</v>
      </c>
      <c r="H60" s="17">
        <v>39925</v>
      </c>
      <c r="I60" s="17">
        <v>600</v>
      </c>
      <c r="J60" s="17">
        <v>18</v>
      </c>
      <c r="K60" s="17">
        <v>79</v>
      </c>
      <c r="L60" s="17">
        <v>499</v>
      </c>
      <c r="M60" s="17">
        <v>27332</v>
      </c>
      <c r="N60" s="17">
        <v>388</v>
      </c>
      <c r="O60" s="17">
        <v>14</v>
      </c>
      <c r="P60" s="17">
        <v>161</v>
      </c>
      <c r="Q60" s="17">
        <v>212</v>
      </c>
      <c r="R60" s="17">
        <v>12593</v>
      </c>
    </row>
    <row r="61" spans="1:18">
      <c r="A61" s="21" t="s">
        <v>1685</v>
      </c>
      <c r="B61" s="10" t="s">
        <v>25</v>
      </c>
      <c r="C61" s="11" t="s">
        <v>25</v>
      </c>
      <c r="D61" s="17">
        <v>578</v>
      </c>
      <c r="E61" s="17">
        <v>22</v>
      </c>
      <c r="F61" s="17">
        <v>132</v>
      </c>
      <c r="G61" s="17">
        <v>423</v>
      </c>
      <c r="H61" s="17">
        <v>23681</v>
      </c>
      <c r="I61" s="17">
        <v>337</v>
      </c>
      <c r="J61" s="17">
        <v>13</v>
      </c>
      <c r="K61" s="17">
        <v>35</v>
      </c>
      <c r="L61" s="17">
        <v>288</v>
      </c>
      <c r="M61" s="17">
        <v>15718</v>
      </c>
      <c r="N61" s="17">
        <v>241</v>
      </c>
      <c r="O61" s="17">
        <v>9</v>
      </c>
      <c r="P61" s="17">
        <v>97</v>
      </c>
      <c r="Q61" s="17">
        <v>135</v>
      </c>
      <c r="R61" s="17">
        <v>7963</v>
      </c>
    </row>
    <row r="62" spans="1:18">
      <c r="A62" s="21" t="s">
        <v>1686</v>
      </c>
      <c r="B62" s="10" t="s">
        <v>25</v>
      </c>
      <c r="C62" s="11" t="s">
        <v>25</v>
      </c>
      <c r="D62" s="17">
        <v>394</v>
      </c>
      <c r="E62" s="17">
        <v>9</v>
      </c>
      <c r="F62" s="17">
        <v>108</v>
      </c>
      <c r="G62" s="17">
        <v>273</v>
      </c>
      <c r="H62" s="17">
        <v>15429</v>
      </c>
      <c r="I62" s="17">
        <v>250</v>
      </c>
      <c r="J62" s="17">
        <v>5</v>
      </c>
      <c r="K62" s="17">
        <v>44</v>
      </c>
      <c r="L62" s="17">
        <v>198</v>
      </c>
      <c r="M62" s="17">
        <v>10877</v>
      </c>
      <c r="N62" s="17">
        <v>144</v>
      </c>
      <c r="O62" s="17">
        <v>4</v>
      </c>
      <c r="P62" s="17">
        <v>64</v>
      </c>
      <c r="Q62" s="17">
        <v>75</v>
      </c>
      <c r="R62" s="17">
        <v>4552</v>
      </c>
    </row>
    <row r="63" spans="1:18">
      <c r="A63" s="21" t="s">
        <v>1687</v>
      </c>
      <c r="B63" s="10" t="s">
        <v>25</v>
      </c>
      <c r="C63" s="11" t="s">
        <v>25</v>
      </c>
      <c r="D63" s="17">
        <v>16</v>
      </c>
      <c r="E63" s="17">
        <v>1</v>
      </c>
      <c r="F63" s="17" t="s">
        <v>35</v>
      </c>
      <c r="G63" s="17">
        <v>15</v>
      </c>
      <c r="H63" s="17">
        <v>815</v>
      </c>
      <c r="I63" s="17">
        <v>13</v>
      </c>
      <c r="J63" s="17" t="s">
        <v>35</v>
      </c>
      <c r="K63" s="17" t="s">
        <v>35</v>
      </c>
      <c r="L63" s="17">
        <v>13</v>
      </c>
      <c r="M63" s="17">
        <v>737</v>
      </c>
      <c r="N63" s="17">
        <v>3</v>
      </c>
      <c r="O63" s="17">
        <v>1</v>
      </c>
      <c r="P63" s="17" t="s">
        <v>35</v>
      </c>
      <c r="Q63" s="17">
        <v>2</v>
      </c>
      <c r="R63" s="17">
        <v>78</v>
      </c>
    </row>
    <row r="64" spans="1:18">
      <c r="A64" s="21" t="s">
        <v>1688</v>
      </c>
      <c r="B64" s="10" t="s">
        <v>25</v>
      </c>
      <c r="C64" s="11" t="s">
        <v>25</v>
      </c>
      <c r="D64" s="17">
        <v>2973</v>
      </c>
      <c r="E64" s="17">
        <v>63</v>
      </c>
      <c r="F64" s="17">
        <v>641</v>
      </c>
      <c r="G64" s="17">
        <v>2256</v>
      </c>
      <c r="H64" s="17">
        <v>124162</v>
      </c>
      <c r="I64" s="17">
        <v>1899</v>
      </c>
      <c r="J64" s="17">
        <v>35</v>
      </c>
      <c r="K64" s="17">
        <v>171</v>
      </c>
      <c r="L64" s="17">
        <v>1682</v>
      </c>
      <c r="M64" s="17">
        <v>90251</v>
      </c>
      <c r="N64" s="17">
        <v>1074</v>
      </c>
      <c r="O64" s="18">
        <v>28</v>
      </c>
      <c r="P64" s="17">
        <v>470</v>
      </c>
      <c r="Q64" s="17">
        <v>574</v>
      </c>
      <c r="R64" s="17">
        <v>33911</v>
      </c>
    </row>
    <row r="65" spans="1:18">
      <c r="A65" s="21" t="s">
        <v>1689</v>
      </c>
      <c r="B65" s="10" t="s">
        <v>25</v>
      </c>
      <c r="C65" s="11" t="s">
        <v>25</v>
      </c>
      <c r="D65" s="17" t="s">
        <v>35</v>
      </c>
      <c r="E65" s="17" t="s">
        <v>35</v>
      </c>
      <c r="F65" s="17" t="s">
        <v>35</v>
      </c>
      <c r="G65" s="17" t="s">
        <v>35</v>
      </c>
      <c r="H65" s="17" t="s">
        <v>35</v>
      </c>
      <c r="I65" s="17" t="s">
        <v>35</v>
      </c>
      <c r="J65" s="17" t="s">
        <v>35</v>
      </c>
      <c r="K65" s="17" t="s">
        <v>35</v>
      </c>
      <c r="L65" s="17" t="s">
        <v>35</v>
      </c>
      <c r="M65" s="17" t="s">
        <v>35</v>
      </c>
      <c r="N65" s="17" t="s">
        <v>35</v>
      </c>
      <c r="O65" s="17" t="s">
        <v>35</v>
      </c>
      <c r="P65" s="17" t="s">
        <v>35</v>
      </c>
      <c r="Q65" s="17" t="s">
        <v>35</v>
      </c>
      <c r="R65" s="17" t="s">
        <v>35</v>
      </c>
    </row>
    <row r="66" spans="1:18">
      <c r="A66" s="21" t="s">
        <v>1690</v>
      </c>
      <c r="B66" s="10" t="s">
        <v>25</v>
      </c>
      <c r="C66" s="11" t="s">
        <v>25</v>
      </c>
      <c r="D66" s="17">
        <v>685</v>
      </c>
      <c r="E66" s="17">
        <v>8</v>
      </c>
      <c r="F66" s="17">
        <v>112</v>
      </c>
      <c r="G66" s="17">
        <v>562</v>
      </c>
      <c r="H66" s="17">
        <v>30789</v>
      </c>
      <c r="I66" s="17">
        <v>458</v>
      </c>
      <c r="J66" s="17">
        <v>6</v>
      </c>
      <c r="K66" s="17">
        <v>27</v>
      </c>
      <c r="L66" s="17">
        <v>422</v>
      </c>
      <c r="M66" s="17">
        <v>23029</v>
      </c>
      <c r="N66" s="17">
        <v>227</v>
      </c>
      <c r="O66" s="17">
        <v>2</v>
      </c>
      <c r="P66" s="17">
        <v>85</v>
      </c>
      <c r="Q66" s="17">
        <v>140</v>
      </c>
      <c r="R66" s="17">
        <v>7760</v>
      </c>
    </row>
    <row r="67" spans="1:18">
      <c r="A67" s="21" t="s">
        <v>1691</v>
      </c>
      <c r="B67" s="10" t="s">
        <v>25</v>
      </c>
      <c r="C67" s="11" t="s">
        <v>25</v>
      </c>
      <c r="D67" s="17">
        <v>1003</v>
      </c>
      <c r="E67" s="17">
        <v>22</v>
      </c>
      <c r="F67" s="17">
        <v>259</v>
      </c>
      <c r="G67" s="17">
        <v>715</v>
      </c>
      <c r="H67" s="17">
        <v>40611</v>
      </c>
      <c r="I67" s="17">
        <v>639</v>
      </c>
      <c r="J67" s="17">
        <v>12</v>
      </c>
      <c r="K67" s="17">
        <v>77</v>
      </c>
      <c r="L67" s="17">
        <v>545</v>
      </c>
      <c r="M67" s="17">
        <v>29600</v>
      </c>
      <c r="N67" s="17">
        <v>364</v>
      </c>
      <c r="O67" s="17">
        <v>10</v>
      </c>
      <c r="P67" s="17">
        <v>182</v>
      </c>
      <c r="Q67" s="17">
        <v>170</v>
      </c>
      <c r="R67" s="17">
        <v>11011</v>
      </c>
    </row>
    <row r="68" spans="1:18">
      <c r="A68" s="21" t="s">
        <v>1692</v>
      </c>
      <c r="B68" s="10" t="s">
        <v>25</v>
      </c>
      <c r="C68" s="11" t="s">
        <v>25</v>
      </c>
      <c r="D68" s="17">
        <v>880</v>
      </c>
      <c r="E68" s="17">
        <v>22</v>
      </c>
      <c r="F68" s="17">
        <v>193</v>
      </c>
      <c r="G68" s="17">
        <v>662</v>
      </c>
      <c r="H68" s="17">
        <v>35960</v>
      </c>
      <c r="I68" s="17">
        <v>548</v>
      </c>
      <c r="J68" s="17">
        <v>11</v>
      </c>
      <c r="K68" s="17">
        <v>43</v>
      </c>
      <c r="L68" s="17">
        <v>491</v>
      </c>
      <c r="M68" s="17">
        <v>25867</v>
      </c>
      <c r="N68" s="17">
        <v>332</v>
      </c>
      <c r="O68" s="17">
        <v>11</v>
      </c>
      <c r="P68" s="17">
        <v>150</v>
      </c>
      <c r="Q68" s="17">
        <v>171</v>
      </c>
      <c r="R68" s="17">
        <v>10093</v>
      </c>
    </row>
    <row r="69" spans="1:18">
      <c r="A69" s="21" t="s">
        <v>1693</v>
      </c>
      <c r="B69" s="10" t="s">
        <v>25</v>
      </c>
      <c r="C69" s="11" t="s">
        <v>25</v>
      </c>
      <c r="D69" s="17">
        <v>405</v>
      </c>
      <c r="E69" s="17">
        <v>11</v>
      </c>
      <c r="F69" s="17">
        <v>77</v>
      </c>
      <c r="G69" s="17">
        <v>317</v>
      </c>
      <c r="H69" s="17">
        <v>16802</v>
      </c>
      <c r="I69" s="17">
        <v>254</v>
      </c>
      <c r="J69" s="17">
        <v>6</v>
      </c>
      <c r="K69" s="17">
        <v>24</v>
      </c>
      <c r="L69" s="17">
        <v>224</v>
      </c>
      <c r="M69" s="17">
        <v>11755</v>
      </c>
      <c r="N69" s="17">
        <v>151</v>
      </c>
      <c r="O69" s="17">
        <v>5</v>
      </c>
      <c r="P69" s="17">
        <v>53</v>
      </c>
      <c r="Q69" s="17">
        <v>93</v>
      </c>
      <c r="R69" s="17">
        <v>5047</v>
      </c>
    </row>
    <row r="70" spans="1:18">
      <c r="A70" s="21" t="s">
        <v>1694</v>
      </c>
      <c r="B70" s="10" t="s">
        <v>25</v>
      </c>
      <c r="C70" s="11" t="s">
        <v>25</v>
      </c>
      <c r="D70" s="17">
        <v>1747</v>
      </c>
      <c r="E70" s="17">
        <v>31</v>
      </c>
      <c r="F70" s="17">
        <v>408</v>
      </c>
      <c r="G70" s="17">
        <v>1302</v>
      </c>
      <c r="H70" s="17">
        <v>72496</v>
      </c>
      <c r="I70" s="17">
        <v>1091</v>
      </c>
      <c r="J70" s="17">
        <v>19</v>
      </c>
      <c r="K70" s="17">
        <v>131</v>
      </c>
      <c r="L70" s="17">
        <v>937</v>
      </c>
      <c r="M70" s="17">
        <v>50950</v>
      </c>
      <c r="N70" s="17">
        <v>656</v>
      </c>
      <c r="O70" s="17">
        <v>12</v>
      </c>
      <c r="P70" s="17">
        <v>277</v>
      </c>
      <c r="Q70" s="17">
        <v>365</v>
      </c>
      <c r="R70" s="17">
        <v>21546</v>
      </c>
    </row>
    <row r="71" spans="1:18">
      <c r="A71" s="21" t="s">
        <v>1695</v>
      </c>
      <c r="B71" s="10" t="s">
        <v>25</v>
      </c>
      <c r="C71" s="11" t="s">
        <v>25</v>
      </c>
      <c r="D71" s="17">
        <v>542</v>
      </c>
      <c r="E71" s="17">
        <v>7</v>
      </c>
      <c r="F71" s="17">
        <v>125</v>
      </c>
      <c r="G71" s="17">
        <v>408</v>
      </c>
      <c r="H71" s="17">
        <v>22598</v>
      </c>
      <c r="I71" s="17">
        <v>326</v>
      </c>
      <c r="J71" s="17">
        <v>5</v>
      </c>
      <c r="K71" s="17">
        <v>34</v>
      </c>
      <c r="L71" s="17">
        <v>287</v>
      </c>
      <c r="M71" s="17">
        <v>15527</v>
      </c>
      <c r="N71" s="17">
        <v>216</v>
      </c>
      <c r="O71" s="17">
        <v>2</v>
      </c>
      <c r="P71" s="17">
        <v>91</v>
      </c>
      <c r="Q71" s="17">
        <v>121</v>
      </c>
      <c r="R71" s="17">
        <v>7071</v>
      </c>
    </row>
    <row r="72" spans="1:18">
      <c r="A72" s="21" t="s">
        <v>1696</v>
      </c>
      <c r="B72" s="10" t="s">
        <v>25</v>
      </c>
      <c r="C72" s="11" t="s">
        <v>25</v>
      </c>
      <c r="D72" s="17">
        <v>137</v>
      </c>
      <c r="E72" s="17">
        <v>1</v>
      </c>
      <c r="F72" s="17">
        <v>24</v>
      </c>
      <c r="G72" s="17">
        <v>111</v>
      </c>
      <c r="H72" s="17">
        <v>6046</v>
      </c>
      <c r="I72" s="17">
        <v>85</v>
      </c>
      <c r="J72" s="17" t="s">
        <v>35</v>
      </c>
      <c r="K72" s="17">
        <v>7</v>
      </c>
      <c r="L72" s="17">
        <v>77</v>
      </c>
      <c r="M72" s="17">
        <v>4304</v>
      </c>
      <c r="N72" s="17">
        <v>52</v>
      </c>
      <c r="O72" s="17">
        <v>1</v>
      </c>
      <c r="P72" s="17">
        <v>17</v>
      </c>
      <c r="Q72" s="17">
        <v>34</v>
      </c>
      <c r="R72" s="17">
        <v>1742</v>
      </c>
    </row>
    <row r="73" spans="1:18">
      <c r="A73" s="21" t="s">
        <v>1697</v>
      </c>
      <c r="B73" s="10" t="s">
        <v>25</v>
      </c>
      <c r="C73" s="11" t="s">
        <v>25</v>
      </c>
      <c r="D73" s="17">
        <v>579</v>
      </c>
      <c r="E73" s="17">
        <v>15</v>
      </c>
      <c r="F73" s="17">
        <v>148</v>
      </c>
      <c r="G73" s="17">
        <v>414</v>
      </c>
      <c r="H73" s="17">
        <v>23399</v>
      </c>
      <c r="I73" s="17">
        <v>370</v>
      </c>
      <c r="J73" s="17">
        <v>8</v>
      </c>
      <c r="K73" s="17">
        <v>54</v>
      </c>
      <c r="L73" s="17">
        <v>306</v>
      </c>
      <c r="M73" s="17">
        <v>16595</v>
      </c>
      <c r="N73" s="17">
        <v>209</v>
      </c>
      <c r="O73" s="17">
        <v>7</v>
      </c>
      <c r="P73" s="17">
        <v>94</v>
      </c>
      <c r="Q73" s="17">
        <v>108</v>
      </c>
      <c r="R73" s="17">
        <v>6804</v>
      </c>
    </row>
    <row r="74" spans="1:18">
      <c r="A74" s="21" t="s">
        <v>1698</v>
      </c>
      <c r="B74" s="10" t="s">
        <v>25</v>
      </c>
      <c r="C74" s="11" t="s">
        <v>25</v>
      </c>
      <c r="D74" s="17">
        <v>489</v>
      </c>
      <c r="E74" s="17">
        <v>8</v>
      </c>
      <c r="F74" s="17">
        <v>111</v>
      </c>
      <c r="G74" s="17">
        <v>369</v>
      </c>
      <c r="H74" s="17">
        <v>20453</v>
      </c>
      <c r="I74" s="17">
        <v>310</v>
      </c>
      <c r="J74" s="17">
        <v>6</v>
      </c>
      <c r="K74" s="17">
        <v>36</v>
      </c>
      <c r="L74" s="17">
        <v>267</v>
      </c>
      <c r="M74" s="17">
        <v>14524</v>
      </c>
      <c r="N74" s="17">
        <v>179</v>
      </c>
      <c r="O74" s="17">
        <v>2</v>
      </c>
      <c r="P74" s="17">
        <v>75</v>
      </c>
      <c r="Q74" s="17">
        <v>102</v>
      </c>
      <c r="R74" s="17">
        <v>5929</v>
      </c>
    </row>
    <row r="75" spans="1:18">
      <c r="A75" s="21" t="s">
        <v>1699</v>
      </c>
      <c r="B75" s="10" t="s">
        <v>25</v>
      </c>
      <c r="C75" s="11" t="s">
        <v>25</v>
      </c>
      <c r="D75" s="17">
        <v>7288</v>
      </c>
      <c r="E75" s="17">
        <v>98</v>
      </c>
      <c r="F75" s="17">
        <v>1662</v>
      </c>
      <c r="G75" s="17">
        <v>5514</v>
      </c>
      <c r="H75" s="17">
        <v>301713</v>
      </c>
      <c r="I75" s="17">
        <v>4409</v>
      </c>
      <c r="J75" s="18">
        <v>52</v>
      </c>
      <c r="K75" s="17">
        <v>405</v>
      </c>
      <c r="L75" s="17">
        <v>3940</v>
      </c>
      <c r="M75" s="17">
        <v>206529</v>
      </c>
      <c r="N75" s="17">
        <v>2879</v>
      </c>
      <c r="O75" s="17">
        <v>46</v>
      </c>
      <c r="P75" s="17">
        <v>1257</v>
      </c>
      <c r="Q75" s="17">
        <v>1574</v>
      </c>
      <c r="R75" s="17">
        <v>95184</v>
      </c>
    </row>
    <row r="76" spans="1:18">
      <c r="A76" s="21" t="s">
        <v>1700</v>
      </c>
      <c r="B76" s="10" t="s">
        <v>25</v>
      </c>
      <c r="C76" s="11" t="s">
        <v>25</v>
      </c>
      <c r="D76" s="17">
        <v>1294</v>
      </c>
      <c r="E76" s="17">
        <v>13</v>
      </c>
      <c r="F76" s="17">
        <v>306</v>
      </c>
      <c r="G76" s="17">
        <v>975</v>
      </c>
      <c r="H76" s="17">
        <v>53123</v>
      </c>
      <c r="I76" s="17">
        <v>750</v>
      </c>
      <c r="J76" s="17">
        <v>9</v>
      </c>
      <c r="K76" s="17">
        <v>73</v>
      </c>
      <c r="L76" s="17">
        <v>668</v>
      </c>
      <c r="M76" s="17">
        <v>34736</v>
      </c>
      <c r="N76" s="17">
        <v>544</v>
      </c>
      <c r="O76" s="17">
        <v>4</v>
      </c>
      <c r="P76" s="17">
        <v>233</v>
      </c>
      <c r="Q76" s="17">
        <v>307</v>
      </c>
      <c r="R76" s="17">
        <v>18387</v>
      </c>
    </row>
    <row r="77" spans="1:18">
      <c r="A77" s="21" t="s">
        <v>1701</v>
      </c>
      <c r="B77" s="10" t="s">
        <v>25</v>
      </c>
      <c r="C77" s="11" t="s">
        <v>25</v>
      </c>
      <c r="D77" s="17">
        <v>2064</v>
      </c>
      <c r="E77" s="17">
        <v>27</v>
      </c>
      <c r="F77" s="17">
        <v>467</v>
      </c>
      <c r="G77" s="17">
        <v>1569</v>
      </c>
      <c r="H77" s="17">
        <v>85723</v>
      </c>
      <c r="I77" s="17">
        <v>1283</v>
      </c>
      <c r="J77" s="17">
        <v>13</v>
      </c>
      <c r="K77" s="17">
        <v>111</v>
      </c>
      <c r="L77" s="17">
        <v>1158</v>
      </c>
      <c r="M77" s="17">
        <v>60193</v>
      </c>
      <c r="N77" s="17">
        <v>781</v>
      </c>
      <c r="O77" s="17">
        <v>14</v>
      </c>
      <c r="P77" s="17">
        <v>356</v>
      </c>
      <c r="Q77" s="17">
        <v>411</v>
      </c>
      <c r="R77" s="17">
        <v>25530</v>
      </c>
    </row>
    <row r="78" spans="1:18">
      <c r="A78" s="21" t="s">
        <v>1702</v>
      </c>
      <c r="B78" s="10" t="s">
        <v>25</v>
      </c>
      <c r="C78" s="11" t="s">
        <v>25</v>
      </c>
      <c r="D78" s="17">
        <v>1360</v>
      </c>
      <c r="E78" s="17">
        <v>19</v>
      </c>
      <c r="F78" s="17">
        <v>308</v>
      </c>
      <c r="G78" s="17">
        <v>1031</v>
      </c>
      <c r="H78" s="17">
        <v>56957</v>
      </c>
      <c r="I78" s="17">
        <v>838</v>
      </c>
      <c r="J78" s="17">
        <v>10</v>
      </c>
      <c r="K78" s="17">
        <v>81</v>
      </c>
      <c r="L78" s="17">
        <v>746</v>
      </c>
      <c r="M78" s="17">
        <v>39996</v>
      </c>
      <c r="N78" s="17">
        <v>522</v>
      </c>
      <c r="O78" s="17">
        <v>9</v>
      </c>
      <c r="P78" s="17">
        <v>227</v>
      </c>
      <c r="Q78" s="17">
        <v>285</v>
      </c>
      <c r="R78" s="17">
        <v>16961</v>
      </c>
    </row>
    <row r="79" spans="1:18">
      <c r="A79" s="21" t="s">
        <v>1703</v>
      </c>
      <c r="B79" s="10" t="s">
        <v>25</v>
      </c>
      <c r="C79" s="11" t="s">
        <v>25</v>
      </c>
      <c r="D79" s="17">
        <v>1555</v>
      </c>
      <c r="E79" s="17">
        <v>25</v>
      </c>
      <c r="F79" s="17">
        <v>353</v>
      </c>
      <c r="G79" s="17">
        <v>1167</v>
      </c>
      <c r="H79" s="17">
        <v>64162</v>
      </c>
      <c r="I79" s="17">
        <v>938</v>
      </c>
      <c r="J79" s="17">
        <v>16</v>
      </c>
      <c r="K79" s="17">
        <v>78</v>
      </c>
      <c r="L79" s="17">
        <v>835</v>
      </c>
      <c r="M79" s="17">
        <v>43724</v>
      </c>
      <c r="N79" s="17">
        <v>617</v>
      </c>
      <c r="O79" s="17">
        <v>9</v>
      </c>
      <c r="P79" s="17">
        <v>275</v>
      </c>
      <c r="Q79" s="17">
        <v>332</v>
      </c>
      <c r="R79" s="17">
        <v>20438</v>
      </c>
    </row>
    <row r="80" spans="1:18">
      <c r="A80" s="21" t="s">
        <v>1704</v>
      </c>
      <c r="B80" s="10" t="s">
        <v>25</v>
      </c>
      <c r="C80" s="11" t="s">
        <v>25</v>
      </c>
      <c r="D80" s="17">
        <v>1015</v>
      </c>
      <c r="E80" s="17">
        <v>14</v>
      </c>
      <c r="F80" s="17">
        <v>228</v>
      </c>
      <c r="G80" s="17">
        <v>772</v>
      </c>
      <c r="H80" s="17">
        <v>41748</v>
      </c>
      <c r="I80" s="17">
        <v>600</v>
      </c>
      <c r="J80" s="17">
        <v>4</v>
      </c>
      <c r="K80" s="17">
        <v>62</v>
      </c>
      <c r="L80" s="17">
        <v>533</v>
      </c>
      <c r="M80" s="17">
        <v>27880</v>
      </c>
      <c r="N80" s="17">
        <v>415</v>
      </c>
      <c r="O80" s="18">
        <v>10</v>
      </c>
      <c r="P80" s="17">
        <v>166</v>
      </c>
      <c r="Q80" s="17">
        <v>239</v>
      </c>
      <c r="R80" s="17">
        <v>13868</v>
      </c>
    </row>
    <row r="81" spans="1:18">
      <c r="A81" s="21" t="s">
        <v>1705</v>
      </c>
      <c r="B81" s="10" t="s">
        <v>25</v>
      </c>
      <c r="C81" s="11" t="s">
        <v>25</v>
      </c>
      <c r="D81" s="17">
        <v>3</v>
      </c>
      <c r="E81" s="17" t="s">
        <v>35</v>
      </c>
      <c r="F81" s="17">
        <v>3</v>
      </c>
      <c r="G81" s="17" t="s">
        <v>35</v>
      </c>
      <c r="H81" s="17">
        <v>26</v>
      </c>
      <c r="I81" s="17">
        <v>2</v>
      </c>
      <c r="J81" s="17" t="s">
        <v>35</v>
      </c>
      <c r="K81" s="17">
        <v>2</v>
      </c>
      <c r="L81" s="17" t="s">
        <v>35</v>
      </c>
      <c r="M81" s="17">
        <v>21</v>
      </c>
      <c r="N81" s="17">
        <v>1</v>
      </c>
      <c r="O81" s="18" t="s">
        <v>35</v>
      </c>
      <c r="P81" s="17">
        <v>1</v>
      </c>
      <c r="Q81" s="17" t="s">
        <v>35</v>
      </c>
      <c r="R81" s="17">
        <v>5</v>
      </c>
    </row>
    <row r="82" spans="1:18">
      <c r="A82" s="22"/>
      <c r="B82" s="28"/>
      <c r="C82" s="28"/>
      <c r="D82" s="19"/>
      <c r="E82" s="19"/>
      <c r="F82" s="19"/>
      <c r="G82" s="19"/>
      <c r="H82" s="19"/>
      <c r="I82" s="19"/>
      <c r="J82" s="19"/>
      <c r="K82" s="19"/>
      <c r="L82" s="19"/>
      <c r="M82" s="19"/>
      <c r="N82" s="19"/>
      <c r="O82" s="19"/>
      <c r="P82" s="19"/>
      <c r="Q82" s="19"/>
      <c r="R82" s="19"/>
    </row>
    <row r="83" spans="1:18">
      <c r="B83" s="28"/>
      <c r="C83" s="28"/>
    </row>
    <row r="84" spans="1:18">
      <c r="B84" s="28"/>
      <c r="C84" s="28"/>
    </row>
    <row r="85" spans="1:18">
      <c r="B85" s="28"/>
      <c r="C85" s="28"/>
    </row>
    <row r="86" spans="1:18">
      <c r="B86" s="28"/>
      <c r="C86" s="28"/>
    </row>
    <row r="87" spans="1:18">
      <c r="B87" s="28"/>
      <c r="C87" s="28"/>
    </row>
    <row r="88" spans="1:18">
      <c r="B88" s="28"/>
      <c r="C88" s="28"/>
    </row>
    <row r="89" spans="1:18">
      <c r="B89" s="28"/>
      <c r="C89" s="28"/>
    </row>
    <row r="90" spans="1:18">
      <c r="B90" s="28"/>
      <c r="C90" s="28"/>
    </row>
    <row r="91" spans="1:18">
      <c r="B91" s="28"/>
      <c r="C91" s="28"/>
    </row>
    <row r="92" spans="1:18">
      <c r="B92" s="28"/>
      <c r="C92" s="28"/>
    </row>
    <row r="93" spans="1:18">
      <c r="B93" s="28"/>
      <c r="C93" s="28"/>
    </row>
    <row r="94" spans="1:18">
      <c r="B94" s="28"/>
      <c r="C94" s="28"/>
    </row>
    <row r="95" spans="1:18">
      <c r="B95" s="28"/>
      <c r="C95" s="28"/>
    </row>
    <row r="96" spans="1:18">
      <c r="B96" s="28"/>
      <c r="C96" s="28"/>
    </row>
    <row r="97" spans="2:3">
      <c r="B97" s="28"/>
      <c r="C97" s="28"/>
    </row>
    <row r="98" spans="2:3">
      <c r="B98" s="28"/>
      <c r="C98" s="28"/>
    </row>
  </sheetData>
  <mergeCells count="7">
    <mergeCell ref="A1:D1"/>
    <mergeCell ref="A3:R3"/>
    <mergeCell ref="A6:A7"/>
    <mergeCell ref="B6:C7"/>
    <mergeCell ref="D6:H6"/>
    <mergeCell ref="I6:M6"/>
    <mergeCell ref="N6:R6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64" fitToHeight="0" pageOrder="overThenDown" orientation="landscape" horizontalDpi="300" verticalDpi="300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R176"/>
  <sheetViews>
    <sheetView topLeftCell="J1" zoomScaleNormal="100" workbookViewId="0">
      <selection activeCell="A3" sqref="A3:R3"/>
    </sheetView>
  </sheetViews>
  <sheetFormatPr defaultRowHeight="13.5"/>
  <cols>
    <col min="1" max="1" width="25.83203125" style="12" customWidth="1"/>
    <col min="2" max="3" width="4.83203125" style="12" customWidth="1"/>
    <col min="4" max="4" width="22.1640625" style="9" customWidth="1"/>
    <col min="5" max="5" width="13.6640625" style="9" bestFit="1" customWidth="1"/>
    <col min="6" max="7" width="19.5" style="9" bestFit="1" customWidth="1"/>
    <col min="8" max="8" width="30.33203125" style="9" bestFit="1" customWidth="1"/>
    <col min="9" max="9" width="22.1640625" style="9" customWidth="1"/>
    <col min="10" max="10" width="13.6640625" style="9" bestFit="1" customWidth="1"/>
    <col min="11" max="12" width="19.5" style="9" bestFit="1" customWidth="1"/>
    <col min="13" max="13" width="30.33203125" style="9" bestFit="1" customWidth="1"/>
    <col min="14" max="14" width="22.6640625" style="9" customWidth="1"/>
    <col min="15" max="15" width="13.6640625" style="9" bestFit="1" customWidth="1"/>
    <col min="16" max="17" width="19.5" style="9" bestFit="1" customWidth="1"/>
    <col min="18" max="18" width="30.33203125" style="9" bestFit="1" customWidth="1"/>
    <col min="19" max="16384" width="9.33203125" style="9"/>
  </cols>
  <sheetData>
    <row r="1" spans="1:18" s="1" customFormat="1" ht="16.5" customHeight="1">
      <c r="A1" s="37" t="s">
        <v>0</v>
      </c>
      <c r="B1" s="37"/>
      <c r="C1" s="37"/>
      <c r="D1" s="37"/>
      <c r="I1" s="2"/>
      <c r="J1" s="2"/>
      <c r="K1" s="2"/>
      <c r="L1" s="2"/>
      <c r="M1" s="2"/>
      <c r="N1" s="2"/>
      <c r="O1" s="2"/>
    </row>
    <row r="2" spans="1:18" s="1" customFormat="1" ht="16.5" customHeight="1">
      <c r="I2" s="2"/>
      <c r="J2" s="2"/>
      <c r="K2" s="2"/>
      <c r="L2" s="2"/>
      <c r="M2" s="2"/>
      <c r="N2" s="2"/>
      <c r="O2" s="2"/>
    </row>
    <row r="3" spans="1:18">
      <c r="A3" s="38" t="s">
        <v>2462</v>
      </c>
      <c r="B3" s="38"/>
      <c r="C3" s="38"/>
      <c r="D3" s="38"/>
      <c r="E3" s="38"/>
      <c r="F3" s="38"/>
      <c r="G3" s="38"/>
      <c r="H3" s="38"/>
      <c r="I3" s="38"/>
      <c r="J3" s="38"/>
      <c r="K3" s="38"/>
      <c r="L3" s="38"/>
      <c r="M3" s="38"/>
      <c r="N3" s="38"/>
      <c r="O3" s="38"/>
      <c r="P3" s="38"/>
      <c r="Q3" s="38"/>
      <c r="R3" s="38"/>
    </row>
    <row r="4" spans="1:18">
      <c r="A4" s="9"/>
      <c r="B4" s="9"/>
      <c r="C4" s="9"/>
    </row>
    <row r="5" spans="1:18" ht="13.5" customHeight="1">
      <c r="A5" s="39" t="s">
        <v>26</v>
      </c>
      <c r="B5" s="41" t="s">
        <v>27</v>
      </c>
      <c r="C5" s="42"/>
      <c r="D5" s="45" t="s">
        <v>2463</v>
      </c>
      <c r="E5" s="46"/>
      <c r="F5" s="46"/>
      <c r="G5" s="46"/>
      <c r="H5" s="47"/>
      <c r="I5" s="45" t="s">
        <v>2464</v>
      </c>
      <c r="J5" s="46"/>
      <c r="K5" s="46"/>
      <c r="L5" s="46"/>
      <c r="M5" s="47"/>
      <c r="N5" s="45" t="s">
        <v>2465</v>
      </c>
      <c r="O5" s="46"/>
      <c r="P5" s="46"/>
      <c r="Q5" s="46"/>
      <c r="R5" s="47"/>
    </row>
    <row r="6" spans="1:18" s="23" customFormat="1">
      <c r="A6" s="40"/>
      <c r="B6" s="43"/>
      <c r="C6" s="44"/>
      <c r="D6" s="29" t="s">
        <v>2466</v>
      </c>
      <c r="E6" s="29" t="s">
        <v>2467</v>
      </c>
      <c r="F6" s="29" t="s">
        <v>2468</v>
      </c>
      <c r="G6" s="29" t="s">
        <v>2469</v>
      </c>
      <c r="H6" s="29" t="s">
        <v>2470</v>
      </c>
      <c r="I6" s="29" t="s">
        <v>2471</v>
      </c>
      <c r="J6" s="29" t="s">
        <v>2467</v>
      </c>
      <c r="K6" s="29" t="s">
        <v>2468</v>
      </c>
      <c r="L6" s="29" t="s">
        <v>2469</v>
      </c>
      <c r="M6" s="29" t="s">
        <v>2470</v>
      </c>
      <c r="N6" s="29" t="s">
        <v>2471</v>
      </c>
      <c r="O6" s="29" t="s">
        <v>2467</v>
      </c>
      <c r="P6" s="29" t="s">
        <v>2468</v>
      </c>
      <c r="Q6" s="29" t="s">
        <v>2469</v>
      </c>
      <c r="R6" s="29" t="s">
        <v>2470</v>
      </c>
    </row>
    <row r="7" spans="1:18" s="15" customFormat="1">
      <c r="A7" s="20" t="s">
        <v>28</v>
      </c>
      <c r="B7" s="13"/>
      <c r="C7" s="14"/>
      <c r="D7" s="16">
        <v>46609</v>
      </c>
      <c r="E7" s="16">
        <v>922</v>
      </c>
      <c r="F7" s="16">
        <v>10875</v>
      </c>
      <c r="G7" s="16">
        <v>34607</v>
      </c>
      <c r="H7" s="16">
        <v>1929398</v>
      </c>
      <c r="I7" s="16">
        <v>25298</v>
      </c>
      <c r="J7" s="16">
        <v>466</v>
      </c>
      <c r="K7" s="16">
        <v>3405</v>
      </c>
      <c r="L7" s="16">
        <v>21319</v>
      </c>
      <c r="M7" s="16">
        <v>1162726</v>
      </c>
      <c r="N7" s="16">
        <v>21311</v>
      </c>
      <c r="O7" s="16">
        <v>456</v>
      </c>
      <c r="P7" s="16">
        <v>7470</v>
      </c>
      <c r="Q7" s="16">
        <v>13288</v>
      </c>
      <c r="R7" s="16">
        <v>766672</v>
      </c>
    </row>
    <row r="8" spans="1:18">
      <c r="A8" s="30" t="s">
        <v>29</v>
      </c>
      <c r="B8" s="10"/>
      <c r="C8" s="11"/>
      <c r="D8" s="17">
        <v>2334</v>
      </c>
      <c r="E8" s="17">
        <v>41</v>
      </c>
      <c r="F8" s="17">
        <v>568</v>
      </c>
      <c r="G8" s="17">
        <v>1719</v>
      </c>
      <c r="H8" s="17">
        <v>95631</v>
      </c>
      <c r="I8" s="17">
        <v>1283</v>
      </c>
      <c r="J8" s="17">
        <v>17</v>
      </c>
      <c r="K8" s="17">
        <v>164</v>
      </c>
      <c r="L8" s="17">
        <v>1098</v>
      </c>
      <c r="M8" s="17">
        <v>58754</v>
      </c>
      <c r="N8" s="17">
        <v>1051</v>
      </c>
      <c r="O8" s="17">
        <v>24</v>
      </c>
      <c r="P8" s="17">
        <v>404</v>
      </c>
      <c r="Q8" s="17">
        <v>621</v>
      </c>
      <c r="R8" s="17">
        <v>36877</v>
      </c>
    </row>
    <row r="9" spans="1:18">
      <c r="A9" s="21" t="s">
        <v>30</v>
      </c>
      <c r="B9" s="10"/>
      <c r="C9" s="11"/>
      <c r="D9" s="17">
        <v>486</v>
      </c>
      <c r="E9" s="17">
        <v>10</v>
      </c>
      <c r="F9" s="17">
        <v>105</v>
      </c>
      <c r="G9" s="17">
        <v>369</v>
      </c>
      <c r="H9" s="17">
        <v>20542</v>
      </c>
      <c r="I9" s="17">
        <v>259</v>
      </c>
      <c r="J9" s="17">
        <v>3</v>
      </c>
      <c r="K9" s="17">
        <v>29</v>
      </c>
      <c r="L9" s="17">
        <v>225</v>
      </c>
      <c r="M9" s="17">
        <v>12115</v>
      </c>
      <c r="N9" s="17">
        <v>227</v>
      </c>
      <c r="O9" s="17">
        <v>7</v>
      </c>
      <c r="P9" s="17">
        <v>76</v>
      </c>
      <c r="Q9" s="17">
        <v>144</v>
      </c>
      <c r="R9" s="17">
        <v>8427</v>
      </c>
    </row>
    <row r="10" spans="1:18">
      <c r="A10" s="21" t="s">
        <v>31</v>
      </c>
      <c r="B10" s="10"/>
      <c r="C10" s="11"/>
      <c r="D10" s="17">
        <v>254</v>
      </c>
      <c r="E10" s="17">
        <v>4</v>
      </c>
      <c r="F10" s="17">
        <v>50</v>
      </c>
      <c r="G10" s="17">
        <v>199</v>
      </c>
      <c r="H10" s="17">
        <v>10988</v>
      </c>
      <c r="I10" s="17">
        <v>132</v>
      </c>
      <c r="J10" s="17">
        <v>1</v>
      </c>
      <c r="K10" s="17">
        <v>16</v>
      </c>
      <c r="L10" s="17">
        <v>114</v>
      </c>
      <c r="M10" s="17">
        <v>6152</v>
      </c>
      <c r="N10" s="17">
        <v>122</v>
      </c>
      <c r="O10" s="17">
        <v>3</v>
      </c>
      <c r="P10" s="17">
        <v>34</v>
      </c>
      <c r="Q10" s="17">
        <v>85</v>
      </c>
      <c r="R10" s="17">
        <v>4836</v>
      </c>
    </row>
    <row r="11" spans="1:18">
      <c r="A11" s="21" t="s">
        <v>32</v>
      </c>
      <c r="B11" s="10"/>
      <c r="C11" s="11"/>
      <c r="D11" s="17">
        <v>232</v>
      </c>
      <c r="E11" s="17">
        <v>6</v>
      </c>
      <c r="F11" s="17">
        <v>55</v>
      </c>
      <c r="G11" s="17">
        <v>170</v>
      </c>
      <c r="H11" s="17">
        <v>9554</v>
      </c>
      <c r="I11" s="17">
        <v>127</v>
      </c>
      <c r="J11" s="17">
        <v>2</v>
      </c>
      <c r="K11" s="17">
        <v>13</v>
      </c>
      <c r="L11" s="17">
        <v>111</v>
      </c>
      <c r="M11" s="17">
        <v>5963</v>
      </c>
      <c r="N11" s="17">
        <v>105</v>
      </c>
      <c r="O11" s="17">
        <v>4</v>
      </c>
      <c r="P11" s="17">
        <v>42</v>
      </c>
      <c r="Q11" s="17">
        <v>59</v>
      </c>
      <c r="R11" s="17">
        <v>3591</v>
      </c>
    </row>
    <row r="12" spans="1:18">
      <c r="A12" s="21" t="s">
        <v>33</v>
      </c>
      <c r="B12" s="10"/>
      <c r="C12" s="11"/>
      <c r="D12" s="17">
        <v>12</v>
      </c>
      <c r="E12" s="17">
        <v>3</v>
      </c>
      <c r="F12" s="17">
        <v>3</v>
      </c>
      <c r="G12" s="17">
        <v>6</v>
      </c>
      <c r="H12" s="17">
        <v>349</v>
      </c>
      <c r="I12" s="17">
        <v>9</v>
      </c>
      <c r="J12" s="17">
        <v>2</v>
      </c>
      <c r="K12" s="17">
        <v>2</v>
      </c>
      <c r="L12" s="17">
        <v>5</v>
      </c>
      <c r="M12" s="17">
        <v>284</v>
      </c>
      <c r="N12" s="17">
        <v>3</v>
      </c>
      <c r="O12" s="17">
        <v>1</v>
      </c>
      <c r="P12" s="17">
        <v>1</v>
      </c>
      <c r="Q12" s="17">
        <v>1</v>
      </c>
      <c r="R12" s="17">
        <v>65</v>
      </c>
    </row>
    <row r="13" spans="1:18">
      <c r="A13" s="21" t="s">
        <v>34</v>
      </c>
      <c r="B13" s="10"/>
      <c r="C13" s="11"/>
      <c r="D13" s="17">
        <v>5</v>
      </c>
      <c r="E13" s="17">
        <v>1</v>
      </c>
      <c r="F13" s="17">
        <v>3</v>
      </c>
      <c r="G13" s="17">
        <v>1</v>
      </c>
      <c r="H13" s="17">
        <v>125</v>
      </c>
      <c r="I13" s="17">
        <v>4</v>
      </c>
      <c r="J13" s="17">
        <v>1</v>
      </c>
      <c r="K13" s="17">
        <v>2</v>
      </c>
      <c r="L13" s="17">
        <v>1</v>
      </c>
      <c r="M13" s="17">
        <v>95</v>
      </c>
      <c r="N13" s="17">
        <v>1</v>
      </c>
      <c r="O13" s="18" t="s">
        <v>35</v>
      </c>
      <c r="P13" s="17">
        <v>1</v>
      </c>
      <c r="Q13" s="18" t="s">
        <v>35</v>
      </c>
      <c r="R13" s="17">
        <v>30</v>
      </c>
    </row>
    <row r="14" spans="1:18">
      <c r="A14" s="21" t="s">
        <v>36</v>
      </c>
      <c r="B14" s="10"/>
      <c r="C14" s="11"/>
      <c r="D14" s="17">
        <v>6</v>
      </c>
      <c r="E14" s="17">
        <v>1</v>
      </c>
      <c r="F14" s="18" t="s">
        <v>35</v>
      </c>
      <c r="G14" s="17">
        <v>5</v>
      </c>
      <c r="H14" s="17">
        <v>224</v>
      </c>
      <c r="I14" s="17">
        <v>5</v>
      </c>
      <c r="J14" s="17">
        <v>1</v>
      </c>
      <c r="K14" s="18" t="s">
        <v>35</v>
      </c>
      <c r="L14" s="17">
        <v>4</v>
      </c>
      <c r="M14" s="17">
        <v>189</v>
      </c>
      <c r="N14" s="17">
        <v>1</v>
      </c>
      <c r="O14" s="18" t="s">
        <v>35</v>
      </c>
      <c r="P14" s="18" t="s">
        <v>35</v>
      </c>
      <c r="Q14" s="17">
        <v>1</v>
      </c>
      <c r="R14" s="17">
        <v>35</v>
      </c>
    </row>
    <row r="15" spans="1:18">
      <c r="A15" s="21" t="s">
        <v>37</v>
      </c>
      <c r="B15" s="10"/>
      <c r="C15" s="11"/>
      <c r="D15" s="17">
        <v>1</v>
      </c>
      <c r="E15" s="17">
        <v>1</v>
      </c>
      <c r="F15" s="18" t="s">
        <v>35</v>
      </c>
      <c r="G15" s="18" t="s">
        <v>35</v>
      </c>
      <c r="H15" s="18" t="s">
        <v>35</v>
      </c>
      <c r="I15" s="18" t="s">
        <v>35</v>
      </c>
      <c r="J15" s="18" t="s">
        <v>35</v>
      </c>
      <c r="K15" s="18" t="s">
        <v>35</v>
      </c>
      <c r="L15" s="18" t="s">
        <v>35</v>
      </c>
      <c r="M15" s="18" t="s">
        <v>35</v>
      </c>
      <c r="N15" s="17">
        <v>1</v>
      </c>
      <c r="O15" s="17">
        <v>1</v>
      </c>
      <c r="P15" s="18" t="s">
        <v>35</v>
      </c>
      <c r="Q15" s="18" t="s">
        <v>35</v>
      </c>
      <c r="R15" s="18" t="s">
        <v>35</v>
      </c>
    </row>
    <row r="16" spans="1:18">
      <c r="A16" s="21" t="s">
        <v>38</v>
      </c>
      <c r="B16" s="10"/>
      <c r="C16" s="11"/>
      <c r="D16" s="17">
        <v>106</v>
      </c>
      <c r="E16" s="17">
        <v>8</v>
      </c>
      <c r="F16" s="17">
        <v>31</v>
      </c>
      <c r="G16" s="17">
        <v>67</v>
      </c>
      <c r="H16" s="17">
        <v>3841</v>
      </c>
      <c r="I16" s="17">
        <v>66</v>
      </c>
      <c r="J16" s="17">
        <v>5</v>
      </c>
      <c r="K16" s="17">
        <v>12</v>
      </c>
      <c r="L16" s="17">
        <v>49</v>
      </c>
      <c r="M16" s="17">
        <v>2612</v>
      </c>
      <c r="N16" s="17">
        <v>40</v>
      </c>
      <c r="O16" s="17">
        <v>3</v>
      </c>
      <c r="P16" s="17">
        <v>19</v>
      </c>
      <c r="Q16" s="17">
        <v>18</v>
      </c>
      <c r="R16" s="17">
        <v>1229</v>
      </c>
    </row>
    <row r="17" spans="1:18">
      <c r="A17" s="21" t="s">
        <v>39</v>
      </c>
      <c r="B17" s="10"/>
      <c r="C17" s="11"/>
      <c r="D17" s="18" t="s">
        <v>35</v>
      </c>
      <c r="E17" s="18" t="s">
        <v>35</v>
      </c>
      <c r="F17" s="18" t="s">
        <v>35</v>
      </c>
      <c r="G17" s="18" t="s">
        <v>35</v>
      </c>
      <c r="H17" s="18" t="s">
        <v>35</v>
      </c>
      <c r="I17" s="18" t="s">
        <v>35</v>
      </c>
      <c r="J17" s="18" t="s">
        <v>35</v>
      </c>
      <c r="K17" s="18" t="s">
        <v>35</v>
      </c>
      <c r="L17" s="18" t="s">
        <v>35</v>
      </c>
      <c r="M17" s="18" t="s">
        <v>35</v>
      </c>
      <c r="N17" s="18" t="s">
        <v>35</v>
      </c>
      <c r="O17" s="18" t="s">
        <v>35</v>
      </c>
      <c r="P17" s="18" t="s">
        <v>35</v>
      </c>
      <c r="Q17" s="18" t="s">
        <v>35</v>
      </c>
      <c r="R17" s="18" t="s">
        <v>35</v>
      </c>
    </row>
    <row r="18" spans="1:18">
      <c r="A18" s="21" t="s">
        <v>40</v>
      </c>
      <c r="B18" s="10"/>
      <c r="C18" s="11"/>
      <c r="D18" s="17">
        <v>106</v>
      </c>
      <c r="E18" s="17">
        <v>8</v>
      </c>
      <c r="F18" s="17">
        <v>31</v>
      </c>
      <c r="G18" s="17">
        <v>67</v>
      </c>
      <c r="H18" s="17">
        <v>3841</v>
      </c>
      <c r="I18" s="17">
        <v>66</v>
      </c>
      <c r="J18" s="17">
        <v>5</v>
      </c>
      <c r="K18" s="17">
        <v>12</v>
      </c>
      <c r="L18" s="17">
        <v>49</v>
      </c>
      <c r="M18" s="17">
        <v>2612</v>
      </c>
      <c r="N18" s="17">
        <v>40</v>
      </c>
      <c r="O18" s="17">
        <v>3</v>
      </c>
      <c r="P18" s="17">
        <v>19</v>
      </c>
      <c r="Q18" s="17">
        <v>18</v>
      </c>
      <c r="R18" s="17">
        <v>1229</v>
      </c>
    </row>
    <row r="19" spans="1:18">
      <c r="A19" s="21" t="s">
        <v>41</v>
      </c>
      <c r="B19" s="10"/>
      <c r="C19" s="11"/>
      <c r="D19" s="18" t="s">
        <v>35</v>
      </c>
      <c r="E19" s="18" t="s">
        <v>35</v>
      </c>
      <c r="F19" s="18" t="s">
        <v>35</v>
      </c>
      <c r="G19" s="18" t="s">
        <v>35</v>
      </c>
      <c r="H19" s="18" t="s">
        <v>35</v>
      </c>
      <c r="I19" s="18" t="s">
        <v>35</v>
      </c>
      <c r="J19" s="18" t="s">
        <v>35</v>
      </c>
      <c r="K19" s="18" t="s">
        <v>35</v>
      </c>
      <c r="L19" s="18" t="s">
        <v>35</v>
      </c>
      <c r="M19" s="18" t="s">
        <v>35</v>
      </c>
      <c r="N19" s="18" t="s">
        <v>35</v>
      </c>
      <c r="O19" s="18" t="s">
        <v>35</v>
      </c>
      <c r="P19" s="18" t="s">
        <v>35</v>
      </c>
      <c r="Q19" s="18" t="s">
        <v>35</v>
      </c>
      <c r="R19" s="18" t="s">
        <v>35</v>
      </c>
    </row>
    <row r="20" spans="1:18">
      <c r="A20" s="21" t="s">
        <v>42</v>
      </c>
      <c r="B20" s="10"/>
      <c r="C20" s="11"/>
      <c r="D20" s="17">
        <v>553</v>
      </c>
      <c r="E20" s="17">
        <v>14</v>
      </c>
      <c r="F20" s="17">
        <v>161</v>
      </c>
      <c r="G20" s="17">
        <v>375</v>
      </c>
      <c r="H20" s="17">
        <v>21766</v>
      </c>
      <c r="I20" s="17">
        <v>296</v>
      </c>
      <c r="J20" s="17">
        <v>8</v>
      </c>
      <c r="K20" s="17">
        <v>44</v>
      </c>
      <c r="L20" s="17">
        <v>241</v>
      </c>
      <c r="M20" s="17">
        <v>13279</v>
      </c>
      <c r="N20" s="17">
        <v>257</v>
      </c>
      <c r="O20" s="17">
        <v>6</v>
      </c>
      <c r="P20" s="17">
        <v>117</v>
      </c>
      <c r="Q20" s="17">
        <v>134</v>
      </c>
      <c r="R20" s="17">
        <v>8487</v>
      </c>
    </row>
    <row r="21" spans="1:18">
      <c r="A21" s="21" t="s">
        <v>43</v>
      </c>
      <c r="B21" s="10"/>
      <c r="C21" s="11"/>
      <c r="D21" s="17">
        <v>519</v>
      </c>
      <c r="E21" s="17">
        <v>14</v>
      </c>
      <c r="F21" s="17">
        <v>148</v>
      </c>
      <c r="G21" s="17">
        <v>354</v>
      </c>
      <c r="H21" s="17">
        <v>20486</v>
      </c>
      <c r="I21" s="17">
        <v>279</v>
      </c>
      <c r="J21" s="17">
        <v>8</v>
      </c>
      <c r="K21" s="17">
        <v>43</v>
      </c>
      <c r="L21" s="17">
        <v>225</v>
      </c>
      <c r="M21" s="17">
        <v>12492</v>
      </c>
      <c r="N21" s="17">
        <v>240</v>
      </c>
      <c r="O21" s="17">
        <v>6</v>
      </c>
      <c r="P21" s="17">
        <v>105</v>
      </c>
      <c r="Q21" s="17">
        <v>129</v>
      </c>
      <c r="R21" s="17">
        <v>7994</v>
      </c>
    </row>
    <row r="22" spans="1:18">
      <c r="A22" s="21" t="s">
        <v>44</v>
      </c>
      <c r="B22" s="10"/>
      <c r="C22" s="11"/>
      <c r="D22" s="17">
        <v>34</v>
      </c>
      <c r="E22" s="18" t="s">
        <v>35</v>
      </c>
      <c r="F22" s="17">
        <v>13</v>
      </c>
      <c r="G22" s="17">
        <v>21</v>
      </c>
      <c r="H22" s="17">
        <v>1280</v>
      </c>
      <c r="I22" s="17">
        <v>17</v>
      </c>
      <c r="J22" s="18" t="s">
        <v>35</v>
      </c>
      <c r="K22" s="17">
        <v>1</v>
      </c>
      <c r="L22" s="17">
        <v>16</v>
      </c>
      <c r="M22" s="17">
        <v>787</v>
      </c>
      <c r="N22" s="17">
        <v>17</v>
      </c>
      <c r="O22" s="18" t="s">
        <v>35</v>
      </c>
      <c r="P22" s="17">
        <v>12</v>
      </c>
      <c r="Q22" s="17">
        <v>5</v>
      </c>
      <c r="R22" s="17">
        <v>493</v>
      </c>
    </row>
    <row r="23" spans="1:18">
      <c r="A23" s="21" t="s">
        <v>45</v>
      </c>
      <c r="B23" s="10"/>
      <c r="C23" s="11"/>
      <c r="D23" s="17">
        <v>2737</v>
      </c>
      <c r="E23" s="17">
        <v>53</v>
      </c>
      <c r="F23" s="17">
        <v>653</v>
      </c>
      <c r="G23" s="17">
        <v>2023</v>
      </c>
      <c r="H23" s="17">
        <v>113572</v>
      </c>
      <c r="I23" s="17">
        <v>1534</v>
      </c>
      <c r="J23" s="17">
        <v>23</v>
      </c>
      <c r="K23" s="17">
        <v>203</v>
      </c>
      <c r="L23" s="17">
        <v>1302</v>
      </c>
      <c r="M23" s="17">
        <v>71075</v>
      </c>
      <c r="N23" s="17">
        <v>1203</v>
      </c>
      <c r="O23" s="17">
        <v>30</v>
      </c>
      <c r="P23" s="17">
        <v>450</v>
      </c>
      <c r="Q23" s="17">
        <v>721</v>
      </c>
      <c r="R23" s="17">
        <v>42497</v>
      </c>
    </row>
    <row r="24" spans="1:18">
      <c r="A24" s="21" t="s">
        <v>46</v>
      </c>
      <c r="B24" s="10"/>
      <c r="C24" s="11"/>
      <c r="D24" s="17">
        <v>200</v>
      </c>
      <c r="E24" s="17">
        <v>2</v>
      </c>
      <c r="F24" s="17">
        <v>44</v>
      </c>
      <c r="G24" s="17">
        <v>152</v>
      </c>
      <c r="H24" s="17">
        <v>8287</v>
      </c>
      <c r="I24" s="17">
        <v>109</v>
      </c>
      <c r="J24" s="17">
        <v>1</v>
      </c>
      <c r="K24" s="17">
        <v>14</v>
      </c>
      <c r="L24" s="17">
        <v>93</v>
      </c>
      <c r="M24" s="17">
        <v>4921</v>
      </c>
      <c r="N24" s="17">
        <v>91</v>
      </c>
      <c r="O24" s="17">
        <v>1</v>
      </c>
      <c r="P24" s="17">
        <v>30</v>
      </c>
      <c r="Q24" s="17">
        <v>59</v>
      </c>
      <c r="R24" s="17">
        <v>3366</v>
      </c>
    </row>
    <row r="25" spans="1:18">
      <c r="A25" s="21" t="s">
        <v>47</v>
      </c>
      <c r="B25" s="10"/>
      <c r="C25" s="11"/>
      <c r="D25" s="17">
        <v>704</v>
      </c>
      <c r="E25" s="17">
        <v>11</v>
      </c>
      <c r="F25" s="17">
        <v>129</v>
      </c>
      <c r="G25" s="17">
        <v>563</v>
      </c>
      <c r="H25" s="17">
        <v>31290</v>
      </c>
      <c r="I25" s="17">
        <v>376</v>
      </c>
      <c r="J25" s="17">
        <v>4</v>
      </c>
      <c r="K25" s="17">
        <v>40</v>
      </c>
      <c r="L25" s="17">
        <v>331</v>
      </c>
      <c r="M25" s="17">
        <v>18404</v>
      </c>
      <c r="N25" s="17">
        <v>328</v>
      </c>
      <c r="O25" s="17">
        <v>7</v>
      </c>
      <c r="P25" s="17">
        <v>89</v>
      </c>
      <c r="Q25" s="17">
        <v>232</v>
      </c>
      <c r="R25" s="17">
        <v>12886</v>
      </c>
    </row>
    <row r="26" spans="1:18">
      <c r="A26" s="21" t="s">
        <v>48</v>
      </c>
      <c r="B26" s="10"/>
      <c r="C26" s="11"/>
      <c r="D26" s="17">
        <v>525</v>
      </c>
      <c r="E26" s="17">
        <v>9</v>
      </c>
      <c r="F26" s="17">
        <v>137</v>
      </c>
      <c r="G26" s="17">
        <v>378</v>
      </c>
      <c r="H26" s="17">
        <v>22038</v>
      </c>
      <c r="I26" s="17">
        <v>292</v>
      </c>
      <c r="J26" s="17">
        <v>5</v>
      </c>
      <c r="K26" s="17">
        <v>48</v>
      </c>
      <c r="L26" s="17">
        <v>238</v>
      </c>
      <c r="M26" s="17">
        <v>13588</v>
      </c>
      <c r="N26" s="17">
        <v>233</v>
      </c>
      <c r="O26" s="17">
        <v>4</v>
      </c>
      <c r="P26" s="17">
        <v>89</v>
      </c>
      <c r="Q26" s="17">
        <v>140</v>
      </c>
      <c r="R26" s="17">
        <v>8450</v>
      </c>
    </row>
    <row r="27" spans="1:18">
      <c r="A27" s="21" t="s">
        <v>49</v>
      </c>
      <c r="B27" s="10"/>
      <c r="C27" s="11"/>
      <c r="D27" s="17">
        <v>460</v>
      </c>
      <c r="E27" s="17">
        <v>7</v>
      </c>
      <c r="F27" s="17">
        <v>117</v>
      </c>
      <c r="G27" s="17">
        <v>333</v>
      </c>
      <c r="H27" s="17">
        <v>18412</v>
      </c>
      <c r="I27" s="17">
        <v>279</v>
      </c>
      <c r="J27" s="17">
        <v>3</v>
      </c>
      <c r="K27" s="17">
        <v>42</v>
      </c>
      <c r="L27" s="17">
        <v>232</v>
      </c>
      <c r="M27" s="17">
        <v>12475</v>
      </c>
      <c r="N27" s="17">
        <v>181</v>
      </c>
      <c r="O27" s="17">
        <v>4</v>
      </c>
      <c r="P27" s="17">
        <v>75</v>
      </c>
      <c r="Q27" s="17">
        <v>101</v>
      </c>
      <c r="R27" s="17">
        <v>5937</v>
      </c>
    </row>
    <row r="28" spans="1:18">
      <c r="A28" s="21" t="s">
        <v>50</v>
      </c>
      <c r="B28" s="10"/>
      <c r="C28" s="11"/>
      <c r="D28" s="17">
        <v>848</v>
      </c>
      <c r="E28" s="17">
        <v>24</v>
      </c>
      <c r="F28" s="17">
        <v>226</v>
      </c>
      <c r="G28" s="17">
        <v>597</v>
      </c>
      <c r="H28" s="17">
        <v>33545</v>
      </c>
      <c r="I28" s="17">
        <v>478</v>
      </c>
      <c r="J28" s="17">
        <v>10</v>
      </c>
      <c r="K28" s="17">
        <v>59</v>
      </c>
      <c r="L28" s="17">
        <v>408</v>
      </c>
      <c r="M28" s="17">
        <v>21687</v>
      </c>
      <c r="N28" s="17">
        <v>370</v>
      </c>
      <c r="O28" s="17">
        <v>14</v>
      </c>
      <c r="P28" s="17">
        <v>167</v>
      </c>
      <c r="Q28" s="17">
        <v>189</v>
      </c>
      <c r="R28" s="17">
        <v>11858</v>
      </c>
    </row>
    <row r="29" spans="1:18">
      <c r="A29" s="21" t="s">
        <v>51</v>
      </c>
      <c r="B29" s="10" t="s">
        <v>52</v>
      </c>
      <c r="C29" s="11" t="s">
        <v>53</v>
      </c>
      <c r="D29" s="17">
        <v>1068</v>
      </c>
      <c r="E29" s="17">
        <v>12</v>
      </c>
      <c r="F29" s="17">
        <v>233</v>
      </c>
      <c r="G29" s="17">
        <v>817</v>
      </c>
      <c r="H29" s="17">
        <v>44920</v>
      </c>
      <c r="I29" s="17">
        <v>586</v>
      </c>
      <c r="J29" s="17">
        <v>5</v>
      </c>
      <c r="K29" s="17">
        <v>62</v>
      </c>
      <c r="L29" s="17">
        <v>514</v>
      </c>
      <c r="M29" s="17">
        <v>27962</v>
      </c>
      <c r="N29" s="17">
        <v>482</v>
      </c>
      <c r="O29" s="17">
        <v>7</v>
      </c>
      <c r="P29" s="17">
        <v>171</v>
      </c>
      <c r="Q29" s="17">
        <v>303</v>
      </c>
      <c r="R29" s="17">
        <v>16958</v>
      </c>
    </row>
    <row r="30" spans="1:18">
      <c r="A30" s="21" t="s">
        <v>54</v>
      </c>
      <c r="B30" s="10"/>
      <c r="C30" s="11"/>
      <c r="D30" s="17">
        <v>437</v>
      </c>
      <c r="E30" s="17">
        <v>6</v>
      </c>
      <c r="F30" s="17">
        <v>94</v>
      </c>
      <c r="G30" s="17">
        <v>335</v>
      </c>
      <c r="H30" s="17">
        <v>18013</v>
      </c>
      <c r="I30" s="17">
        <v>240</v>
      </c>
      <c r="J30" s="17">
        <v>4</v>
      </c>
      <c r="K30" s="17">
        <v>29</v>
      </c>
      <c r="L30" s="17">
        <v>205</v>
      </c>
      <c r="M30" s="17">
        <v>11052</v>
      </c>
      <c r="N30" s="17">
        <v>197</v>
      </c>
      <c r="O30" s="17">
        <v>2</v>
      </c>
      <c r="P30" s="17">
        <v>65</v>
      </c>
      <c r="Q30" s="17">
        <v>130</v>
      </c>
      <c r="R30" s="17">
        <v>6961</v>
      </c>
    </row>
    <row r="31" spans="1:18">
      <c r="A31" s="21" t="s">
        <v>55</v>
      </c>
      <c r="B31" s="10"/>
      <c r="C31" s="11"/>
      <c r="D31" s="17">
        <v>176</v>
      </c>
      <c r="E31" s="17">
        <v>1</v>
      </c>
      <c r="F31" s="17">
        <v>30</v>
      </c>
      <c r="G31" s="17">
        <v>145</v>
      </c>
      <c r="H31" s="17">
        <v>7623</v>
      </c>
      <c r="I31" s="17">
        <v>98</v>
      </c>
      <c r="J31" s="18" t="s">
        <v>35</v>
      </c>
      <c r="K31" s="17">
        <v>8</v>
      </c>
      <c r="L31" s="17">
        <v>90</v>
      </c>
      <c r="M31" s="17">
        <v>4689</v>
      </c>
      <c r="N31" s="17">
        <v>78</v>
      </c>
      <c r="O31" s="17">
        <v>1</v>
      </c>
      <c r="P31" s="17">
        <v>22</v>
      </c>
      <c r="Q31" s="17">
        <v>55</v>
      </c>
      <c r="R31" s="17">
        <v>2934</v>
      </c>
    </row>
    <row r="32" spans="1:18">
      <c r="A32" s="21" t="s">
        <v>56</v>
      </c>
      <c r="B32" s="10" t="s">
        <v>52</v>
      </c>
      <c r="C32" s="11" t="s">
        <v>53</v>
      </c>
      <c r="D32" s="17">
        <v>455</v>
      </c>
      <c r="E32" s="17">
        <v>5</v>
      </c>
      <c r="F32" s="17">
        <v>109</v>
      </c>
      <c r="G32" s="17">
        <v>337</v>
      </c>
      <c r="H32" s="17">
        <v>19284</v>
      </c>
      <c r="I32" s="17">
        <v>248</v>
      </c>
      <c r="J32" s="17">
        <v>1</v>
      </c>
      <c r="K32" s="17">
        <v>25</v>
      </c>
      <c r="L32" s="17">
        <v>219</v>
      </c>
      <c r="M32" s="17">
        <v>12221</v>
      </c>
      <c r="N32" s="17">
        <v>207</v>
      </c>
      <c r="O32" s="17">
        <v>4</v>
      </c>
      <c r="P32" s="17">
        <v>84</v>
      </c>
      <c r="Q32" s="17">
        <v>118</v>
      </c>
      <c r="R32" s="17">
        <v>7063</v>
      </c>
    </row>
    <row r="33" spans="1:18">
      <c r="A33" s="21" t="s">
        <v>57</v>
      </c>
      <c r="B33" s="10" t="s">
        <v>58</v>
      </c>
      <c r="C33" s="11" t="s">
        <v>53</v>
      </c>
      <c r="D33" s="18" t="s">
        <v>59</v>
      </c>
      <c r="E33" s="18" t="s">
        <v>59</v>
      </c>
      <c r="F33" s="18" t="s">
        <v>59</v>
      </c>
      <c r="G33" s="18" t="s">
        <v>59</v>
      </c>
      <c r="H33" s="18" t="s">
        <v>59</v>
      </c>
      <c r="I33" s="18" t="s">
        <v>59</v>
      </c>
      <c r="J33" s="18" t="s">
        <v>59</v>
      </c>
      <c r="K33" s="18" t="s">
        <v>59</v>
      </c>
      <c r="L33" s="18" t="s">
        <v>59</v>
      </c>
      <c r="M33" s="18" t="s">
        <v>59</v>
      </c>
      <c r="N33" s="18" t="s">
        <v>59</v>
      </c>
      <c r="O33" s="18" t="s">
        <v>59</v>
      </c>
      <c r="P33" s="18" t="s">
        <v>59</v>
      </c>
      <c r="Q33" s="18" t="s">
        <v>59</v>
      </c>
      <c r="R33" s="18" t="s">
        <v>59</v>
      </c>
    </row>
    <row r="34" spans="1:18">
      <c r="A34" s="21" t="s">
        <v>60</v>
      </c>
      <c r="B34" s="10"/>
      <c r="C34" s="11"/>
      <c r="D34" s="17">
        <v>105</v>
      </c>
      <c r="E34" s="18" t="s">
        <v>35</v>
      </c>
      <c r="F34" s="17">
        <v>41</v>
      </c>
      <c r="G34" s="17">
        <v>64</v>
      </c>
      <c r="H34" s="17">
        <v>3921</v>
      </c>
      <c r="I34" s="17">
        <v>41</v>
      </c>
      <c r="J34" s="18" t="s">
        <v>35</v>
      </c>
      <c r="K34" s="17">
        <v>13</v>
      </c>
      <c r="L34" s="17">
        <v>28</v>
      </c>
      <c r="M34" s="17">
        <v>1742</v>
      </c>
      <c r="N34" s="17">
        <v>64</v>
      </c>
      <c r="O34" s="18" t="s">
        <v>35</v>
      </c>
      <c r="P34" s="17">
        <v>28</v>
      </c>
      <c r="Q34" s="17">
        <v>36</v>
      </c>
      <c r="R34" s="17">
        <v>2179</v>
      </c>
    </row>
    <row r="35" spans="1:18">
      <c r="A35" s="21" t="s">
        <v>61</v>
      </c>
      <c r="B35" s="10"/>
      <c r="C35" s="11"/>
      <c r="D35" s="17">
        <v>596</v>
      </c>
      <c r="E35" s="17">
        <v>15</v>
      </c>
      <c r="F35" s="17">
        <v>188</v>
      </c>
      <c r="G35" s="17">
        <v>392</v>
      </c>
      <c r="H35" s="17">
        <v>22757</v>
      </c>
      <c r="I35" s="17">
        <v>293</v>
      </c>
      <c r="J35" s="17">
        <v>7</v>
      </c>
      <c r="K35" s="17">
        <v>58</v>
      </c>
      <c r="L35" s="17">
        <v>227</v>
      </c>
      <c r="M35" s="17">
        <v>12697</v>
      </c>
      <c r="N35" s="17">
        <v>303</v>
      </c>
      <c r="O35" s="17">
        <v>8</v>
      </c>
      <c r="P35" s="17">
        <v>130</v>
      </c>
      <c r="Q35" s="17">
        <v>165</v>
      </c>
      <c r="R35" s="17">
        <v>10060</v>
      </c>
    </row>
    <row r="36" spans="1:18">
      <c r="A36" s="21" t="s">
        <v>62</v>
      </c>
      <c r="B36" s="10"/>
      <c r="C36" s="11"/>
      <c r="D36" s="17">
        <v>517</v>
      </c>
      <c r="E36" s="17">
        <v>9</v>
      </c>
      <c r="F36" s="17">
        <v>117</v>
      </c>
      <c r="G36" s="17">
        <v>388</v>
      </c>
      <c r="H36" s="17">
        <v>22179</v>
      </c>
      <c r="I36" s="17">
        <v>296</v>
      </c>
      <c r="J36" s="17">
        <v>4</v>
      </c>
      <c r="K36" s="17">
        <v>41</v>
      </c>
      <c r="L36" s="17">
        <v>250</v>
      </c>
      <c r="M36" s="17">
        <v>13807</v>
      </c>
      <c r="N36" s="17">
        <v>221</v>
      </c>
      <c r="O36" s="17">
        <v>5</v>
      </c>
      <c r="P36" s="17">
        <v>76</v>
      </c>
      <c r="Q36" s="17">
        <v>138</v>
      </c>
      <c r="R36" s="17">
        <v>8372</v>
      </c>
    </row>
    <row r="37" spans="1:18">
      <c r="A37" s="21" t="s">
        <v>63</v>
      </c>
      <c r="B37" s="10"/>
      <c r="C37" s="11"/>
      <c r="D37" s="17">
        <v>257</v>
      </c>
      <c r="E37" s="17">
        <v>5</v>
      </c>
      <c r="F37" s="17">
        <v>81</v>
      </c>
      <c r="G37" s="17">
        <v>171</v>
      </c>
      <c r="H37" s="17">
        <v>9805</v>
      </c>
      <c r="I37" s="17">
        <v>128</v>
      </c>
      <c r="J37" s="17">
        <v>3</v>
      </c>
      <c r="K37" s="17">
        <v>29</v>
      </c>
      <c r="L37" s="17">
        <v>96</v>
      </c>
      <c r="M37" s="17">
        <v>5382</v>
      </c>
      <c r="N37" s="17">
        <v>129</v>
      </c>
      <c r="O37" s="17">
        <v>2</v>
      </c>
      <c r="P37" s="17">
        <v>52</v>
      </c>
      <c r="Q37" s="17">
        <v>75</v>
      </c>
      <c r="R37" s="17">
        <v>4423</v>
      </c>
    </row>
    <row r="38" spans="1:18">
      <c r="A38" s="21" t="s">
        <v>64</v>
      </c>
      <c r="B38" s="10"/>
      <c r="C38" s="11"/>
      <c r="D38" s="17">
        <v>1082</v>
      </c>
      <c r="E38" s="17">
        <v>13</v>
      </c>
      <c r="F38" s="17">
        <v>255</v>
      </c>
      <c r="G38" s="17">
        <v>807</v>
      </c>
      <c r="H38" s="17">
        <v>44920</v>
      </c>
      <c r="I38" s="17">
        <v>516</v>
      </c>
      <c r="J38" s="17">
        <v>2</v>
      </c>
      <c r="K38" s="17">
        <v>75</v>
      </c>
      <c r="L38" s="17">
        <v>433</v>
      </c>
      <c r="M38" s="17">
        <v>23990</v>
      </c>
      <c r="N38" s="17">
        <v>566</v>
      </c>
      <c r="O38" s="17">
        <v>11</v>
      </c>
      <c r="P38" s="17">
        <v>180</v>
      </c>
      <c r="Q38" s="17">
        <v>374</v>
      </c>
      <c r="R38" s="17">
        <v>20930</v>
      </c>
    </row>
    <row r="39" spans="1:18">
      <c r="A39" s="21" t="s">
        <v>65</v>
      </c>
      <c r="B39" s="10"/>
      <c r="C39" s="11"/>
      <c r="D39" s="17">
        <v>647</v>
      </c>
      <c r="E39" s="17">
        <v>6</v>
      </c>
      <c r="F39" s="17">
        <v>153</v>
      </c>
      <c r="G39" s="17">
        <v>482</v>
      </c>
      <c r="H39" s="17">
        <v>26844</v>
      </c>
      <c r="I39" s="17">
        <v>319</v>
      </c>
      <c r="J39" s="18" t="s">
        <v>35</v>
      </c>
      <c r="K39" s="17">
        <v>48</v>
      </c>
      <c r="L39" s="17">
        <v>266</v>
      </c>
      <c r="M39" s="17">
        <v>14945</v>
      </c>
      <c r="N39" s="17">
        <v>328</v>
      </c>
      <c r="O39" s="17">
        <v>6</v>
      </c>
      <c r="P39" s="17">
        <v>105</v>
      </c>
      <c r="Q39" s="17">
        <v>216</v>
      </c>
      <c r="R39" s="17">
        <v>11899</v>
      </c>
    </row>
    <row r="40" spans="1:18">
      <c r="A40" s="21" t="s">
        <v>66</v>
      </c>
      <c r="B40" s="10"/>
      <c r="C40" s="11"/>
      <c r="D40" s="17">
        <v>435</v>
      </c>
      <c r="E40" s="17">
        <v>7</v>
      </c>
      <c r="F40" s="17">
        <v>102</v>
      </c>
      <c r="G40" s="17">
        <v>325</v>
      </c>
      <c r="H40" s="17">
        <v>18076</v>
      </c>
      <c r="I40" s="17">
        <v>197</v>
      </c>
      <c r="J40" s="17">
        <v>2</v>
      </c>
      <c r="K40" s="17">
        <v>27</v>
      </c>
      <c r="L40" s="17">
        <v>167</v>
      </c>
      <c r="M40" s="17">
        <v>9045</v>
      </c>
      <c r="N40" s="17">
        <v>238</v>
      </c>
      <c r="O40" s="17">
        <v>5</v>
      </c>
      <c r="P40" s="17">
        <v>75</v>
      </c>
      <c r="Q40" s="17">
        <v>158</v>
      </c>
      <c r="R40" s="17">
        <v>9031</v>
      </c>
    </row>
    <row r="41" spans="1:18">
      <c r="A41" s="21" t="s">
        <v>67</v>
      </c>
      <c r="B41" s="10"/>
      <c r="C41" s="11"/>
      <c r="D41" s="18" t="s">
        <v>35</v>
      </c>
      <c r="E41" s="18" t="s">
        <v>35</v>
      </c>
      <c r="F41" s="18" t="s">
        <v>35</v>
      </c>
      <c r="G41" s="18" t="s">
        <v>35</v>
      </c>
      <c r="H41" s="18" t="s">
        <v>35</v>
      </c>
      <c r="I41" s="18" t="s">
        <v>35</v>
      </c>
      <c r="J41" s="18" t="s">
        <v>35</v>
      </c>
      <c r="K41" s="18" t="s">
        <v>35</v>
      </c>
      <c r="L41" s="18" t="s">
        <v>35</v>
      </c>
      <c r="M41" s="18" t="s">
        <v>35</v>
      </c>
      <c r="N41" s="18" t="s">
        <v>35</v>
      </c>
      <c r="O41" s="18" t="s">
        <v>35</v>
      </c>
      <c r="P41" s="18" t="s">
        <v>35</v>
      </c>
      <c r="Q41" s="18" t="s">
        <v>35</v>
      </c>
      <c r="R41" s="18" t="s">
        <v>35</v>
      </c>
    </row>
    <row r="42" spans="1:18">
      <c r="A42" s="21" t="s">
        <v>68</v>
      </c>
      <c r="B42" s="10"/>
      <c r="C42" s="11"/>
      <c r="D42" s="17">
        <v>61</v>
      </c>
      <c r="E42" s="17">
        <v>7</v>
      </c>
      <c r="F42" s="17">
        <v>13</v>
      </c>
      <c r="G42" s="17">
        <v>41</v>
      </c>
      <c r="H42" s="17">
        <v>2427</v>
      </c>
      <c r="I42" s="17">
        <v>30</v>
      </c>
      <c r="J42" s="17">
        <v>5</v>
      </c>
      <c r="K42" s="17">
        <v>3</v>
      </c>
      <c r="L42" s="17">
        <v>22</v>
      </c>
      <c r="M42" s="17">
        <v>1244</v>
      </c>
      <c r="N42" s="17">
        <v>31</v>
      </c>
      <c r="O42" s="17">
        <v>2</v>
      </c>
      <c r="P42" s="17">
        <v>10</v>
      </c>
      <c r="Q42" s="17">
        <v>19</v>
      </c>
      <c r="R42" s="17">
        <v>1183</v>
      </c>
    </row>
    <row r="43" spans="1:18">
      <c r="A43" s="21" t="s">
        <v>69</v>
      </c>
      <c r="B43" s="10"/>
      <c r="C43" s="11"/>
      <c r="D43" s="17">
        <v>19</v>
      </c>
      <c r="E43" s="18" t="s">
        <v>35</v>
      </c>
      <c r="F43" s="17">
        <v>4</v>
      </c>
      <c r="G43" s="17">
        <v>15</v>
      </c>
      <c r="H43" s="17">
        <v>811</v>
      </c>
      <c r="I43" s="17">
        <v>8</v>
      </c>
      <c r="J43" s="18" t="s">
        <v>35</v>
      </c>
      <c r="K43" s="17">
        <v>2</v>
      </c>
      <c r="L43" s="17">
        <v>6</v>
      </c>
      <c r="M43" s="17">
        <v>320</v>
      </c>
      <c r="N43" s="17">
        <v>11</v>
      </c>
      <c r="O43" s="18" t="s">
        <v>35</v>
      </c>
      <c r="P43" s="17">
        <v>2</v>
      </c>
      <c r="Q43" s="17">
        <v>9</v>
      </c>
      <c r="R43" s="17">
        <v>491</v>
      </c>
    </row>
    <row r="44" spans="1:18">
      <c r="A44" s="21" t="s">
        <v>70</v>
      </c>
      <c r="B44" s="10"/>
      <c r="C44" s="11"/>
      <c r="D44" s="17">
        <v>42</v>
      </c>
      <c r="E44" s="17">
        <v>7</v>
      </c>
      <c r="F44" s="17">
        <v>9</v>
      </c>
      <c r="G44" s="17">
        <v>26</v>
      </c>
      <c r="H44" s="17">
        <v>1616</v>
      </c>
      <c r="I44" s="17">
        <v>22</v>
      </c>
      <c r="J44" s="17">
        <v>5</v>
      </c>
      <c r="K44" s="17">
        <v>1</v>
      </c>
      <c r="L44" s="17">
        <v>16</v>
      </c>
      <c r="M44" s="17">
        <v>924</v>
      </c>
      <c r="N44" s="17">
        <v>20</v>
      </c>
      <c r="O44" s="17">
        <v>2</v>
      </c>
      <c r="P44" s="17">
        <v>8</v>
      </c>
      <c r="Q44" s="17">
        <v>10</v>
      </c>
      <c r="R44" s="17">
        <v>692</v>
      </c>
    </row>
    <row r="45" spans="1:18">
      <c r="A45" s="21" t="s">
        <v>71</v>
      </c>
      <c r="B45" s="10"/>
      <c r="C45" s="11"/>
      <c r="D45" s="17">
        <v>260</v>
      </c>
      <c r="E45" s="17">
        <v>5</v>
      </c>
      <c r="F45" s="17">
        <v>38</v>
      </c>
      <c r="G45" s="17">
        <v>217</v>
      </c>
      <c r="H45" s="17">
        <v>11076</v>
      </c>
      <c r="I45" s="17">
        <v>172</v>
      </c>
      <c r="J45" s="17">
        <v>3</v>
      </c>
      <c r="K45" s="17">
        <v>19</v>
      </c>
      <c r="L45" s="17">
        <v>150</v>
      </c>
      <c r="M45" s="17">
        <v>7548</v>
      </c>
      <c r="N45" s="17">
        <v>88</v>
      </c>
      <c r="O45" s="17">
        <v>2</v>
      </c>
      <c r="P45" s="17">
        <v>19</v>
      </c>
      <c r="Q45" s="17">
        <v>67</v>
      </c>
      <c r="R45" s="17">
        <v>3528</v>
      </c>
    </row>
    <row r="46" spans="1:18">
      <c r="A46" s="21" t="s">
        <v>72</v>
      </c>
      <c r="B46" s="10"/>
      <c r="C46" s="11"/>
      <c r="D46" s="17">
        <v>418</v>
      </c>
      <c r="E46" s="17">
        <v>5</v>
      </c>
      <c r="F46" s="17">
        <v>83</v>
      </c>
      <c r="G46" s="17">
        <v>330</v>
      </c>
      <c r="H46" s="17">
        <v>17273</v>
      </c>
      <c r="I46" s="17">
        <v>222</v>
      </c>
      <c r="J46" s="17">
        <v>1</v>
      </c>
      <c r="K46" s="17">
        <v>25</v>
      </c>
      <c r="L46" s="17">
        <v>196</v>
      </c>
      <c r="M46" s="17">
        <v>10146</v>
      </c>
      <c r="N46" s="17">
        <v>196</v>
      </c>
      <c r="O46" s="17">
        <v>4</v>
      </c>
      <c r="P46" s="17">
        <v>58</v>
      </c>
      <c r="Q46" s="17">
        <v>134</v>
      </c>
      <c r="R46" s="17">
        <v>7127</v>
      </c>
    </row>
    <row r="47" spans="1:18">
      <c r="A47" s="21" t="s">
        <v>73</v>
      </c>
      <c r="B47" s="10"/>
      <c r="C47" s="11"/>
      <c r="D47" s="17">
        <v>89</v>
      </c>
      <c r="E47" s="18" t="s">
        <v>35</v>
      </c>
      <c r="F47" s="17">
        <v>28</v>
      </c>
      <c r="G47" s="17">
        <v>61</v>
      </c>
      <c r="H47" s="17">
        <v>3726</v>
      </c>
      <c r="I47" s="17">
        <v>47</v>
      </c>
      <c r="J47" s="18" t="s">
        <v>35</v>
      </c>
      <c r="K47" s="17">
        <v>12</v>
      </c>
      <c r="L47" s="17">
        <v>35</v>
      </c>
      <c r="M47" s="17">
        <v>2115</v>
      </c>
      <c r="N47" s="17">
        <v>42</v>
      </c>
      <c r="O47" s="18" t="s">
        <v>35</v>
      </c>
      <c r="P47" s="17">
        <v>16</v>
      </c>
      <c r="Q47" s="17">
        <v>26</v>
      </c>
      <c r="R47" s="17">
        <v>1611</v>
      </c>
    </row>
    <row r="48" spans="1:18">
      <c r="A48" s="21" t="s">
        <v>74</v>
      </c>
      <c r="B48" s="10"/>
      <c r="C48" s="11"/>
      <c r="D48" s="17">
        <v>47</v>
      </c>
      <c r="E48" s="18" t="s">
        <v>35</v>
      </c>
      <c r="F48" s="17">
        <v>16</v>
      </c>
      <c r="G48" s="17">
        <v>31</v>
      </c>
      <c r="H48" s="17">
        <v>1758</v>
      </c>
      <c r="I48" s="17">
        <v>26</v>
      </c>
      <c r="J48" s="18" t="s">
        <v>35</v>
      </c>
      <c r="K48" s="17">
        <v>9</v>
      </c>
      <c r="L48" s="17">
        <v>17</v>
      </c>
      <c r="M48" s="17">
        <v>999</v>
      </c>
      <c r="N48" s="17">
        <v>21</v>
      </c>
      <c r="O48" s="18" t="s">
        <v>35</v>
      </c>
      <c r="P48" s="17">
        <v>7</v>
      </c>
      <c r="Q48" s="17">
        <v>14</v>
      </c>
      <c r="R48" s="17">
        <v>759</v>
      </c>
    </row>
    <row r="49" spans="1:18">
      <c r="A49" s="21" t="s">
        <v>75</v>
      </c>
      <c r="B49" s="10"/>
      <c r="C49" s="11"/>
      <c r="D49" s="17">
        <v>42</v>
      </c>
      <c r="E49" s="18" t="s">
        <v>35</v>
      </c>
      <c r="F49" s="17">
        <v>12</v>
      </c>
      <c r="G49" s="17">
        <v>30</v>
      </c>
      <c r="H49" s="17">
        <v>1968</v>
      </c>
      <c r="I49" s="17">
        <v>21</v>
      </c>
      <c r="J49" s="18" t="s">
        <v>35</v>
      </c>
      <c r="K49" s="17">
        <v>3</v>
      </c>
      <c r="L49" s="17">
        <v>18</v>
      </c>
      <c r="M49" s="17">
        <v>1116</v>
      </c>
      <c r="N49" s="17">
        <v>21</v>
      </c>
      <c r="O49" s="18" t="s">
        <v>35</v>
      </c>
      <c r="P49" s="17">
        <v>9</v>
      </c>
      <c r="Q49" s="17">
        <v>12</v>
      </c>
      <c r="R49" s="17">
        <v>852</v>
      </c>
    </row>
    <row r="50" spans="1:18">
      <c r="A50" s="21" t="s">
        <v>76</v>
      </c>
      <c r="B50" s="10"/>
      <c r="C50" s="11"/>
      <c r="D50" s="17">
        <v>107</v>
      </c>
      <c r="E50" s="17">
        <v>1</v>
      </c>
      <c r="F50" s="17">
        <v>31</v>
      </c>
      <c r="G50" s="17">
        <v>75</v>
      </c>
      <c r="H50" s="17">
        <v>4667</v>
      </c>
      <c r="I50" s="17">
        <v>51</v>
      </c>
      <c r="J50" s="18" t="s">
        <v>35</v>
      </c>
      <c r="K50" s="17">
        <v>9</v>
      </c>
      <c r="L50" s="17">
        <v>42</v>
      </c>
      <c r="M50" s="17">
        <v>2587</v>
      </c>
      <c r="N50" s="17">
        <v>56</v>
      </c>
      <c r="O50" s="17">
        <v>1</v>
      </c>
      <c r="P50" s="17">
        <v>22</v>
      </c>
      <c r="Q50" s="17">
        <v>33</v>
      </c>
      <c r="R50" s="17">
        <v>2080</v>
      </c>
    </row>
    <row r="51" spans="1:18">
      <c r="A51" s="21" t="s">
        <v>77</v>
      </c>
      <c r="B51" s="10"/>
      <c r="C51" s="11"/>
      <c r="D51" s="17">
        <v>60</v>
      </c>
      <c r="E51" s="17">
        <v>1</v>
      </c>
      <c r="F51" s="17">
        <v>18</v>
      </c>
      <c r="G51" s="17">
        <v>41</v>
      </c>
      <c r="H51" s="17">
        <v>2692</v>
      </c>
      <c r="I51" s="17">
        <v>21</v>
      </c>
      <c r="J51" s="18" t="s">
        <v>35</v>
      </c>
      <c r="K51" s="17">
        <v>2</v>
      </c>
      <c r="L51" s="17">
        <v>19</v>
      </c>
      <c r="M51" s="17">
        <v>1244</v>
      </c>
      <c r="N51" s="17">
        <v>39</v>
      </c>
      <c r="O51" s="17">
        <v>1</v>
      </c>
      <c r="P51" s="17">
        <v>16</v>
      </c>
      <c r="Q51" s="17">
        <v>22</v>
      </c>
      <c r="R51" s="17">
        <v>1448</v>
      </c>
    </row>
    <row r="52" spans="1:18">
      <c r="A52" s="21" t="s">
        <v>78</v>
      </c>
      <c r="B52" s="10"/>
      <c r="C52" s="11"/>
      <c r="D52" s="17">
        <v>47</v>
      </c>
      <c r="E52" s="18" t="s">
        <v>35</v>
      </c>
      <c r="F52" s="17">
        <v>13</v>
      </c>
      <c r="G52" s="17">
        <v>34</v>
      </c>
      <c r="H52" s="17">
        <v>1975</v>
      </c>
      <c r="I52" s="17">
        <v>30</v>
      </c>
      <c r="J52" s="18" t="s">
        <v>35</v>
      </c>
      <c r="K52" s="17">
        <v>7</v>
      </c>
      <c r="L52" s="17">
        <v>23</v>
      </c>
      <c r="M52" s="17">
        <v>1343</v>
      </c>
      <c r="N52" s="17">
        <v>17</v>
      </c>
      <c r="O52" s="18" t="s">
        <v>35</v>
      </c>
      <c r="P52" s="17">
        <v>6</v>
      </c>
      <c r="Q52" s="17">
        <v>11</v>
      </c>
      <c r="R52" s="17">
        <v>632</v>
      </c>
    </row>
    <row r="53" spans="1:18">
      <c r="A53" s="21" t="s">
        <v>79</v>
      </c>
      <c r="B53" s="10"/>
      <c r="C53" s="11"/>
      <c r="D53" s="17">
        <v>19</v>
      </c>
      <c r="E53" s="18" t="s">
        <v>35</v>
      </c>
      <c r="F53" s="17">
        <v>6</v>
      </c>
      <c r="G53" s="17">
        <v>13</v>
      </c>
      <c r="H53" s="17">
        <v>759</v>
      </c>
      <c r="I53" s="17">
        <v>11</v>
      </c>
      <c r="J53" s="18" t="s">
        <v>35</v>
      </c>
      <c r="K53" s="17">
        <v>4</v>
      </c>
      <c r="L53" s="17">
        <v>7</v>
      </c>
      <c r="M53" s="17">
        <v>434</v>
      </c>
      <c r="N53" s="17">
        <v>8</v>
      </c>
      <c r="O53" s="18" t="s">
        <v>35</v>
      </c>
      <c r="P53" s="17">
        <v>2</v>
      </c>
      <c r="Q53" s="17">
        <v>6</v>
      </c>
      <c r="R53" s="17">
        <v>325</v>
      </c>
    </row>
    <row r="54" spans="1:18">
      <c r="A54" s="21" t="s">
        <v>80</v>
      </c>
      <c r="B54" s="10"/>
      <c r="C54" s="11"/>
      <c r="D54" s="17">
        <v>42</v>
      </c>
      <c r="E54" s="17">
        <v>7</v>
      </c>
      <c r="F54" s="17">
        <v>12</v>
      </c>
      <c r="G54" s="17">
        <v>23</v>
      </c>
      <c r="H54" s="17">
        <v>1301</v>
      </c>
      <c r="I54" s="17">
        <v>22</v>
      </c>
      <c r="J54" s="17">
        <v>4</v>
      </c>
      <c r="K54" s="17">
        <v>7</v>
      </c>
      <c r="L54" s="17">
        <v>11</v>
      </c>
      <c r="M54" s="17">
        <v>702</v>
      </c>
      <c r="N54" s="17">
        <v>20</v>
      </c>
      <c r="O54" s="17">
        <v>3</v>
      </c>
      <c r="P54" s="17">
        <v>5</v>
      </c>
      <c r="Q54" s="17">
        <v>12</v>
      </c>
      <c r="R54" s="17">
        <v>599</v>
      </c>
    </row>
    <row r="55" spans="1:18">
      <c r="A55" s="21" t="s">
        <v>81</v>
      </c>
      <c r="B55" s="10"/>
      <c r="C55" s="11"/>
      <c r="D55" s="17">
        <v>208</v>
      </c>
      <c r="E55" s="17">
        <v>8</v>
      </c>
      <c r="F55" s="17">
        <v>49</v>
      </c>
      <c r="G55" s="17">
        <v>151</v>
      </c>
      <c r="H55" s="17">
        <v>8289</v>
      </c>
      <c r="I55" s="17">
        <v>104</v>
      </c>
      <c r="J55" s="17">
        <v>5</v>
      </c>
      <c r="K55" s="17">
        <v>12</v>
      </c>
      <c r="L55" s="17">
        <v>87</v>
      </c>
      <c r="M55" s="17">
        <v>4718</v>
      </c>
      <c r="N55" s="17">
        <v>104</v>
      </c>
      <c r="O55" s="17">
        <v>3</v>
      </c>
      <c r="P55" s="17">
        <v>37</v>
      </c>
      <c r="Q55" s="17">
        <v>64</v>
      </c>
      <c r="R55" s="17">
        <v>3571</v>
      </c>
    </row>
    <row r="56" spans="1:18">
      <c r="A56" s="21" t="s">
        <v>82</v>
      </c>
      <c r="B56" s="10"/>
      <c r="C56" s="11"/>
      <c r="D56" s="17">
        <v>166</v>
      </c>
      <c r="E56" s="17">
        <v>3</v>
      </c>
      <c r="F56" s="17">
        <v>38</v>
      </c>
      <c r="G56" s="17">
        <v>125</v>
      </c>
      <c r="H56" s="17">
        <v>7091</v>
      </c>
      <c r="I56" s="17">
        <v>85</v>
      </c>
      <c r="J56" s="18" t="s">
        <v>35</v>
      </c>
      <c r="K56" s="17">
        <v>11</v>
      </c>
      <c r="L56" s="17">
        <v>74</v>
      </c>
      <c r="M56" s="17">
        <v>4122</v>
      </c>
      <c r="N56" s="17">
        <v>81</v>
      </c>
      <c r="O56" s="17">
        <v>3</v>
      </c>
      <c r="P56" s="17">
        <v>27</v>
      </c>
      <c r="Q56" s="17">
        <v>51</v>
      </c>
      <c r="R56" s="17">
        <v>2969</v>
      </c>
    </row>
    <row r="57" spans="1:18">
      <c r="A57" s="21" t="s">
        <v>83</v>
      </c>
      <c r="B57" s="10"/>
      <c r="C57" s="11"/>
      <c r="D57" s="17">
        <v>3710</v>
      </c>
      <c r="E57" s="17">
        <v>76</v>
      </c>
      <c r="F57" s="17">
        <v>866</v>
      </c>
      <c r="G57" s="17">
        <v>2755</v>
      </c>
      <c r="H57" s="17">
        <v>157058</v>
      </c>
      <c r="I57" s="17">
        <v>1946</v>
      </c>
      <c r="J57" s="17">
        <v>41</v>
      </c>
      <c r="K57" s="17">
        <v>266</v>
      </c>
      <c r="L57" s="17">
        <v>1632</v>
      </c>
      <c r="M57" s="17">
        <v>90598</v>
      </c>
      <c r="N57" s="17">
        <v>1764</v>
      </c>
      <c r="O57" s="17">
        <v>35</v>
      </c>
      <c r="P57" s="17">
        <v>600</v>
      </c>
      <c r="Q57" s="17">
        <v>1123</v>
      </c>
      <c r="R57" s="17">
        <v>66460</v>
      </c>
    </row>
    <row r="58" spans="1:18">
      <c r="A58" s="21" t="s">
        <v>84</v>
      </c>
      <c r="B58" s="10"/>
      <c r="C58" s="11"/>
      <c r="D58" s="17">
        <v>597</v>
      </c>
      <c r="E58" s="17">
        <v>13</v>
      </c>
      <c r="F58" s="17">
        <v>138</v>
      </c>
      <c r="G58" s="17">
        <v>443</v>
      </c>
      <c r="H58" s="17">
        <v>25118</v>
      </c>
      <c r="I58" s="17">
        <v>327</v>
      </c>
      <c r="J58" s="17">
        <v>6</v>
      </c>
      <c r="K58" s="17">
        <v>41</v>
      </c>
      <c r="L58" s="17">
        <v>278</v>
      </c>
      <c r="M58" s="17">
        <v>15321</v>
      </c>
      <c r="N58" s="17">
        <v>270</v>
      </c>
      <c r="O58" s="17">
        <v>7</v>
      </c>
      <c r="P58" s="17">
        <v>97</v>
      </c>
      <c r="Q58" s="17">
        <v>165</v>
      </c>
      <c r="R58" s="17">
        <v>9797</v>
      </c>
    </row>
    <row r="59" spans="1:18">
      <c r="A59" s="21" t="s">
        <v>85</v>
      </c>
      <c r="B59" s="10"/>
      <c r="C59" s="11"/>
      <c r="D59" s="17">
        <v>374</v>
      </c>
      <c r="E59" s="17">
        <v>11</v>
      </c>
      <c r="F59" s="17">
        <v>89</v>
      </c>
      <c r="G59" s="17">
        <v>274</v>
      </c>
      <c r="H59" s="17">
        <v>15404</v>
      </c>
      <c r="I59" s="17">
        <v>191</v>
      </c>
      <c r="J59" s="17">
        <v>5</v>
      </c>
      <c r="K59" s="17">
        <v>26</v>
      </c>
      <c r="L59" s="17">
        <v>160</v>
      </c>
      <c r="M59" s="17">
        <v>8861</v>
      </c>
      <c r="N59" s="17">
        <v>183</v>
      </c>
      <c r="O59" s="17">
        <v>6</v>
      </c>
      <c r="P59" s="17">
        <v>63</v>
      </c>
      <c r="Q59" s="17">
        <v>114</v>
      </c>
      <c r="R59" s="17">
        <v>6543</v>
      </c>
    </row>
    <row r="60" spans="1:18">
      <c r="A60" s="21" t="s">
        <v>86</v>
      </c>
      <c r="B60" s="10"/>
      <c r="C60" s="11"/>
      <c r="D60" s="17">
        <v>1003</v>
      </c>
      <c r="E60" s="17">
        <v>17</v>
      </c>
      <c r="F60" s="17">
        <v>244</v>
      </c>
      <c r="G60" s="17">
        <v>739</v>
      </c>
      <c r="H60" s="17">
        <v>42956</v>
      </c>
      <c r="I60" s="17">
        <v>506</v>
      </c>
      <c r="J60" s="17">
        <v>10</v>
      </c>
      <c r="K60" s="17">
        <v>67</v>
      </c>
      <c r="L60" s="17">
        <v>428</v>
      </c>
      <c r="M60" s="17">
        <v>24017</v>
      </c>
      <c r="N60" s="17">
        <v>497</v>
      </c>
      <c r="O60" s="17">
        <v>7</v>
      </c>
      <c r="P60" s="17">
        <v>177</v>
      </c>
      <c r="Q60" s="17">
        <v>311</v>
      </c>
      <c r="R60" s="17">
        <v>18939</v>
      </c>
    </row>
    <row r="61" spans="1:18">
      <c r="A61" s="21" t="s">
        <v>87</v>
      </c>
      <c r="B61" s="10"/>
      <c r="C61" s="11"/>
      <c r="D61" s="17">
        <v>543</v>
      </c>
      <c r="E61" s="17">
        <v>9</v>
      </c>
      <c r="F61" s="17">
        <v>125</v>
      </c>
      <c r="G61" s="17">
        <v>409</v>
      </c>
      <c r="H61" s="17">
        <v>23260</v>
      </c>
      <c r="I61" s="17">
        <v>269</v>
      </c>
      <c r="J61" s="17">
        <v>4</v>
      </c>
      <c r="K61" s="17">
        <v>38</v>
      </c>
      <c r="L61" s="17">
        <v>227</v>
      </c>
      <c r="M61" s="17">
        <v>12406</v>
      </c>
      <c r="N61" s="17">
        <v>274</v>
      </c>
      <c r="O61" s="17">
        <v>5</v>
      </c>
      <c r="P61" s="17">
        <v>87</v>
      </c>
      <c r="Q61" s="17">
        <v>182</v>
      </c>
      <c r="R61" s="17">
        <v>10854</v>
      </c>
    </row>
    <row r="62" spans="1:18">
      <c r="A62" s="21" t="s">
        <v>88</v>
      </c>
      <c r="B62" s="10"/>
      <c r="C62" s="11"/>
      <c r="D62" s="17">
        <v>241</v>
      </c>
      <c r="E62" s="17">
        <v>5</v>
      </c>
      <c r="F62" s="17">
        <v>61</v>
      </c>
      <c r="G62" s="17">
        <v>175</v>
      </c>
      <c r="H62" s="17">
        <v>10408</v>
      </c>
      <c r="I62" s="17">
        <v>114</v>
      </c>
      <c r="J62" s="17">
        <v>4</v>
      </c>
      <c r="K62" s="17">
        <v>20</v>
      </c>
      <c r="L62" s="17">
        <v>90</v>
      </c>
      <c r="M62" s="17">
        <v>5327</v>
      </c>
      <c r="N62" s="17">
        <v>127</v>
      </c>
      <c r="O62" s="17">
        <v>1</v>
      </c>
      <c r="P62" s="17">
        <v>41</v>
      </c>
      <c r="Q62" s="17">
        <v>85</v>
      </c>
      <c r="R62" s="17">
        <v>5081</v>
      </c>
    </row>
    <row r="63" spans="1:18">
      <c r="A63" s="21" t="s">
        <v>89</v>
      </c>
      <c r="B63" s="10"/>
      <c r="C63" s="11"/>
      <c r="D63" s="17">
        <v>244</v>
      </c>
      <c r="E63" s="17">
        <v>4</v>
      </c>
      <c r="F63" s="17">
        <v>72</v>
      </c>
      <c r="G63" s="17">
        <v>166</v>
      </c>
      <c r="H63" s="17">
        <v>9988</v>
      </c>
      <c r="I63" s="17">
        <v>123</v>
      </c>
      <c r="J63" s="17">
        <v>4</v>
      </c>
      <c r="K63" s="17">
        <v>20</v>
      </c>
      <c r="L63" s="17">
        <v>99</v>
      </c>
      <c r="M63" s="17">
        <v>5751</v>
      </c>
      <c r="N63" s="17">
        <v>121</v>
      </c>
      <c r="O63" s="18" t="s">
        <v>35</v>
      </c>
      <c r="P63" s="17">
        <v>52</v>
      </c>
      <c r="Q63" s="17">
        <v>67</v>
      </c>
      <c r="R63" s="17">
        <v>4237</v>
      </c>
    </row>
    <row r="64" spans="1:18">
      <c r="A64" s="21" t="s">
        <v>90</v>
      </c>
      <c r="B64" s="10"/>
      <c r="C64" s="11"/>
      <c r="D64" s="17">
        <v>471</v>
      </c>
      <c r="E64" s="17">
        <v>12</v>
      </c>
      <c r="F64" s="17">
        <v>78</v>
      </c>
      <c r="G64" s="17">
        <v>377</v>
      </c>
      <c r="H64" s="17">
        <v>20382</v>
      </c>
      <c r="I64" s="17">
        <v>279</v>
      </c>
      <c r="J64" s="17">
        <v>5</v>
      </c>
      <c r="K64" s="17">
        <v>27</v>
      </c>
      <c r="L64" s="17">
        <v>244</v>
      </c>
      <c r="M64" s="17">
        <v>13156</v>
      </c>
      <c r="N64" s="17">
        <v>192</v>
      </c>
      <c r="O64" s="17">
        <v>7</v>
      </c>
      <c r="P64" s="17">
        <v>51</v>
      </c>
      <c r="Q64" s="17">
        <v>133</v>
      </c>
      <c r="R64" s="17">
        <v>7226</v>
      </c>
    </row>
    <row r="65" spans="1:18">
      <c r="A65" s="21" t="s">
        <v>91</v>
      </c>
      <c r="B65" s="10"/>
      <c r="C65" s="11"/>
      <c r="D65" s="17">
        <v>237</v>
      </c>
      <c r="E65" s="17">
        <v>5</v>
      </c>
      <c r="F65" s="17">
        <v>59</v>
      </c>
      <c r="G65" s="17">
        <v>172</v>
      </c>
      <c r="H65" s="17">
        <v>9542</v>
      </c>
      <c r="I65" s="17">
        <v>137</v>
      </c>
      <c r="J65" s="17">
        <v>3</v>
      </c>
      <c r="K65" s="17">
        <v>27</v>
      </c>
      <c r="L65" s="17">
        <v>106</v>
      </c>
      <c r="M65" s="17">
        <v>5759</v>
      </c>
      <c r="N65" s="17">
        <v>100</v>
      </c>
      <c r="O65" s="17">
        <v>2</v>
      </c>
      <c r="P65" s="17">
        <v>32</v>
      </c>
      <c r="Q65" s="17">
        <v>66</v>
      </c>
      <c r="R65" s="17">
        <v>3783</v>
      </c>
    </row>
    <row r="66" spans="1:18">
      <c r="A66" s="21" t="s">
        <v>92</v>
      </c>
      <c r="B66" s="10"/>
      <c r="C66" s="11"/>
      <c r="D66" s="17">
        <v>2672</v>
      </c>
      <c r="E66" s="17">
        <v>43</v>
      </c>
      <c r="F66" s="17">
        <v>629</v>
      </c>
      <c r="G66" s="17">
        <v>1987</v>
      </c>
      <c r="H66" s="17">
        <v>109942</v>
      </c>
      <c r="I66" s="17">
        <v>1494</v>
      </c>
      <c r="J66" s="17">
        <v>24</v>
      </c>
      <c r="K66" s="17">
        <v>183</v>
      </c>
      <c r="L66" s="17">
        <v>1277</v>
      </c>
      <c r="M66" s="17">
        <v>68290</v>
      </c>
      <c r="N66" s="17">
        <v>1178</v>
      </c>
      <c r="O66" s="17">
        <v>19</v>
      </c>
      <c r="P66" s="17">
        <v>446</v>
      </c>
      <c r="Q66" s="17">
        <v>710</v>
      </c>
      <c r="R66" s="17">
        <v>41652</v>
      </c>
    </row>
    <row r="67" spans="1:18">
      <c r="A67" s="21" t="s">
        <v>93</v>
      </c>
      <c r="B67" s="10"/>
      <c r="C67" s="11"/>
      <c r="D67" s="17">
        <v>1120</v>
      </c>
      <c r="E67" s="17">
        <v>14</v>
      </c>
      <c r="F67" s="17">
        <v>247</v>
      </c>
      <c r="G67" s="17">
        <v>855</v>
      </c>
      <c r="H67" s="17">
        <v>45405</v>
      </c>
      <c r="I67" s="17">
        <v>639</v>
      </c>
      <c r="J67" s="17">
        <v>10</v>
      </c>
      <c r="K67" s="17">
        <v>74</v>
      </c>
      <c r="L67" s="17">
        <v>552</v>
      </c>
      <c r="M67" s="17">
        <v>28312</v>
      </c>
      <c r="N67" s="17">
        <v>481</v>
      </c>
      <c r="O67" s="17">
        <v>4</v>
      </c>
      <c r="P67" s="17">
        <v>173</v>
      </c>
      <c r="Q67" s="17">
        <v>303</v>
      </c>
      <c r="R67" s="17">
        <v>17093</v>
      </c>
    </row>
    <row r="68" spans="1:18">
      <c r="A68" s="21" t="s">
        <v>94</v>
      </c>
      <c r="B68" s="10"/>
      <c r="C68" s="11"/>
      <c r="D68" s="17">
        <v>778</v>
      </c>
      <c r="E68" s="17">
        <v>13</v>
      </c>
      <c r="F68" s="17">
        <v>201</v>
      </c>
      <c r="G68" s="17">
        <v>557</v>
      </c>
      <c r="H68" s="17">
        <v>31723</v>
      </c>
      <c r="I68" s="17">
        <v>413</v>
      </c>
      <c r="J68" s="17">
        <v>6</v>
      </c>
      <c r="K68" s="17">
        <v>54</v>
      </c>
      <c r="L68" s="17">
        <v>348</v>
      </c>
      <c r="M68" s="17">
        <v>19000</v>
      </c>
      <c r="N68" s="17">
        <v>365</v>
      </c>
      <c r="O68" s="17">
        <v>7</v>
      </c>
      <c r="P68" s="17">
        <v>147</v>
      </c>
      <c r="Q68" s="17">
        <v>209</v>
      </c>
      <c r="R68" s="17">
        <v>12723</v>
      </c>
    </row>
    <row r="69" spans="1:18">
      <c r="A69" s="21" t="s">
        <v>95</v>
      </c>
      <c r="B69" s="10"/>
      <c r="C69" s="11"/>
      <c r="D69" s="17">
        <v>354</v>
      </c>
      <c r="E69" s="17">
        <v>5</v>
      </c>
      <c r="F69" s="17">
        <v>91</v>
      </c>
      <c r="G69" s="17">
        <v>257</v>
      </c>
      <c r="H69" s="17">
        <v>14981</v>
      </c>
      <c r="I69" s="17">
        <v>207</v>
      </c>
      <c r="J69" s="17">
        <v>1</v>
      </c>
      <c r="K69" s="17">
        <v>28</v>
      </c>
      <c r="L69" s="17">
        <v>177</v>
      </c>
      <c r="M69" s="17">
        <v>9886</v>
      </c>
      <c r="N69" s="17">
        <v>147</v>
      </c>
      <c r="O69" s="17">
        <v>4</v>
      </c>
      <c r="P69" s="17">
        <v>63</v>
      </c>
      <c r="Q69" s="17">
        <v>80</v>
      </c>
      <c r="R69" s="17">
        <v>5095</v>
      </c>
    </row>
    <row r="70" spans="1:18">
      <c r="A70" s="21" t="s">
        <v>96</v>
      </c>
      <c r="B70" s="10"/>
      <c r="C70" s="11"/>
      <c r="D70" s="17">
        <v>420</v>
      </c>
      <c r="E70" s="17">
        <v>11</v>
      </c>
      <c r="F70" s="17">
        <v>90</v>
      </c>
      <c r="G70" s="17">
        <v>318</v>
      </c>
      <c r="H70" s="17">
        <v>17833</v>
      </c>
      <c r="I70" s="17">
        <v>235</v>
      </c>
      <c r="J70" s="17">
        <v>7</v>
      </c>
      <c r="K70" s="17">
        <v>27</v>
      </c>
      <c r="L70" s="17">
        <v>200</v>
      </c>
      <c r="M70" s="17">
        <v>11092</v>
      </c>
      <c r="N70" s="17">
        <v>185</v>
      </c>
      <c r="O70" s="17">
        <v>4</v>
      </c>
      <c r="P70" s="17">
        <v>63</v>
      </c>
      <c r="Q70" s="17">
        <v>118</v>
      </c>
      <c r="R70" s="17">
        <v>6741</v>
      </c>
    </row>
    <row r="71" spans="1:18">
      <c r="A71" s="21" t="s">
        <v>97</v>
      </c>
      <c r="B71" s="10"/>
      <c r="C71" s="11"/>
      <c r="D71" s="17">
        <v>1581</v>
      </c>
      <c r="E71" s="17">
        <v>21</v>
      </c>
      <c r="F71" s="17">
        <v>297</v>
      </c>
      <c r="G71" s="17">
        <v>1258</v>
      </c>
      <c r="H71" s="17">
        <v>67195</v>
      </c>
      <c r="I71" s="17">
        <v>901</v>
      </c>
      <c r="J71" s="17">
        <v>5</v>
      </c>
      <c r="K71" s="17">
        <v>88</v>
      </c>
      <c r="L71" s="17">
        <v>805</v>
      </c>
      <c r="M71" s="17">
        <v>42291</v>
      </c>
      <c r="N71" s="17">
        <v>680</v>
      </c>
      <c r="O71" s="17">
        <v>16</v>
      </c>
      <c r="P71" s="17">
        <v>209</v>
      </c>
      <c r="Q71" s="17">
        <v>453</v>
      </c>
      <c r="R71" s="17">
        <v>24904</v>
      </c>
    </row>
    <row r="72" spans="1:18">
      <c r="A72" s="21" t="s">
        <v>98</v>
      </c>
      <c r="B72" s="10"/>
      <c r="C72" s="11"/>
      <c r="D72" s="17">
        <v>736</v>
      </c>
      <c r="E72" s="17">
        <v>14</v>
      </c>
      <c r="F72" s="17">
        <v>147</v>
      </c>
      <c r="G72" s="17">
        <v>574</v>
      </c>
      <c r="H72" s="17">
        <v>30474</v>
      </c>
      <c r="I72" s="17">
        <v>441</v>
      </c>
      <c r="J72" s="17">
        <v>4</v>
      </c>
      <c r="K72" s="17">
        <v>46</v>
      </c>
      <c r="L72" s="17">
        <v>390</v>
      </c>
      <c r="M72" s="17">
        <v>20110</v>
      </c>
      <c r="N72" s="17">
        <v>295</v>
      </c>
      <c r="O72" s="17">
        <v>10</v>
      </c>
      <c r="P72" s="17">
        <v>101</v>
      </c>
      <c r="Q72" s="17">
        <v>184</v>
      </c>
      <c r="R72" s="17">
        <v>10364</v>
      </c>
    </row>
    <row r="73" spans="1:18">
      <c r="A73" s="21" t="s">
        <v>99</v>
      </c>
      <c r="B73" s="10"/>
      <c r="C73" s="11"/>
      <c r="D73" s="17">
        <v>727</v>
      </c>
      <c r="E73" s="17">
        <v>6</v>
      </c>
      <c r="F73" s="17">
        <v>126</v>
      </c>
      <c r="G73" s="17">
        <v>591</v>
      </c>
      <c r="H73" s="17">
        <v>31597</v>
      </c>
      <c r="I73" s="17">
        <v>400</v>
      </c>
      <c r="J73" s="17">
        <v>1</v>
      </c>
      <c r="K73" s="17">
        <v>32</v>
      </c>
      <c r="L73" s="17">
        <v>365</v>
      </c>
      <c r="M73" s="17">
        <v>19402</v>
      </c>
      <c r="N73" s="17">
        <v>327</v>
      </c>
      <c r="O73" s="17">
        <v>5</v>
      </c>
      <c r="P73" s="17">
        <v>94</v>
      </c>
      <c r="Q73" s="17">
        <v>226</v>
      </c>
      <c r="R73" s="17">
        <v>12195</v>
      </c>
    </row>
    <row r="74" spans="1:18">
      <c r="A74" s="21" t="s">
        <v>100</v>
      </c>
      <c r="B74" s="10"/>
      <c r="C74" s="11"/>
      <c r="D74" s="17">
        <v>118</v>
      </c>
      <c r="E74" s="17">
        <v>1</v>
      </c>
      <c r="F74" s="17">
        <v>24</v>
      </c>
      <c r="G74" s="17">
        <v>93</v>
      </c>
      <c r="H74" s="17">
        <v>5124</v>
      </c>
      <c r="I74" s="17">
        <v>60</v>
      </c>
      <c r="J74" s="18" t="s">
        <v>35</v>
      </c>
      <c r="K74" s="17">
        <v>10</v>
      </c>
      <c r="L74" s="17">
        <v>50</v>
      </c>
      <c r="M74" s="17">
        <v>2779</v>
      </c>
      <c r="N74" s="17">
        <v>58</v>
      </c>
      <c r="O74" s="17">
        <v>1</v>
      </c>
      <c r="P74" s="17">
        <v>14</v>
      </c>
      <c r="Q74" s="17">
        <v>43</v>
      </c>
      <c r="R74" s="17">
        <v>2345</v>
      </c>
    </row>
    <row r="75" spans="1:18">
      <c r="A75" s="21" t="s">
        <v>101</v>
      </c>
      <c r="B75" s="10"/>
      <c r="C75" s="11"/>
      <c r="D75" s="17">
        <v>104</v>
      </c>
      <c r="E75" s="17">
        <v>2</v>
      </c>
      <c r="F75" s="17">
        <v>21</v>
      </c>
      <c r="G75" s="17">
        <v>81</v>
      </c>
      <c r="H75" s="17">
        <v>4525</v>
      </c>
      <c r="I75" s="17">
        <v>54</v>
      </c>
      <c r="J75" s="17">
        <v>1</v>
      </c>
      <c r="K75" s="17">
        <v>6</v>
      </c>
      <c r="L75" s="17">
        <v>47</v>
      </c>
      <c r="M75" s="17">
        <v>2612</v>
      </c>
      <c r="N75" s="17">
        <v>50</v>
      </c>
      <c r="O75" s="17">
        <v>1</v>
      </c>
      <c r="P75" s="17">
        <v>15</v>
      </c>
      <c r="Q75" s="17">
        <v>34</v>
      </c>
      <c r="R75" s="17">
        <v>1913</v>
      </c>
    </row>
    <row r="76" spans="1:18">
      <c r="A76" s="21" t="s">
        <v>102</v>
      </c>
      <c r="B76" s="10"/>
      <c r="C76" s="11"/>
      <c r="D76" s="17">
        <v>2185</v>
      </c>
      <c r="E76" s="17">
        <v>37</v>
      </c>
      <c r="F76" s="17">
        <v>475</v>
      </c>
      <c r="G76" s="17">
        <v>1664</v>
      </c>
      <c r="H76" s="17">
        <v>92735</v>
      </c>
      <c r="I76" s="17">
        <v>1187</v>
      </c>
      <c r="J76" s="17">
        <v>17</v>
      </c>
      <c r="K76" s="17">
        <v>150</v>
      </c>
      <c r="L76" s="17">
        <v>1015</v>
      </c>
      <c r="M76" s="17">
        <v>55915</v>
      </c>
      <c r="N76" s="17">
        <v>998</v>
      </c>
      <c r="O76" s="17">
        <v>20</v>
      </c>
      <c r="P76" s="17">
        <v>325</v>
      </c>
      <c r="Q76" s="17">
        <v>649</v>
      </c>
      <c r="R76" s="17">
        <v>36820</v>
      </c>
    </row>
    <row r="77" spans="1:18">
      <c r="A77" s="21" t="s">
        <v>103</v>
      </c>
      <c r="B77" s="10"/>
      <c r="C77" s="11"/>
      <c r="D77" s="17">
        <v>621</v>
      </c>
      <c r="E77" s="17">
        <v>12</v>
      </c>
      <c r="F77" s="17">
        <v>149</v>
      </c>
      <c r="G77" s="17">
        <v>458</v>
      </c>
      <c r="H77" s="17">
        <v>25485</v>
      </c>
      <c r="I77" s="17">
        <v>364</v>
      </c>
      <c r="J77" s="17">
        <v>5</v>
      </c>
      <c r="K77" s="17">
        <v>51</v>
      </c>
      <c r="L77" s="17">
        <v>307</v>
      </c>
      <c r="M77" s="17">
        <v>16528</v>
      </c>
      <c r="N77" s="17">
        <v>257</v>
      </c>
      <c r="O77" s="17">
        <v>7</v>
      </c>
      <c r="P77" s="17">
        <v>98</v>
      </c>
      <c r="Q77" s="17">
        <v>151</v>
      </c>
      <c r="R77" s="17">
        <v>8957</v>
      </c>
    </row>
    <row r="78" spans="1:18">
      <c r="A78" s="21" t="s">
        <v>104</v>
      </c>
      <c r="B78" s="10"/>
      <c r="C78" s="11"/>
      <c r="D78" s="17">
        <v>1564</v>
      </c>
      <c r="E78" s="17">
        <v>25</v>
      </c>
      <c r="F78" s="17">
        <v>326</v>
      </c>
      <c r="G78" s="17">
        <v>1206</v>
      </c>
      <c r="H78" s="17">
        <v>67250</v>
      </c>
      <c r="I78" s="17">
        <v>823</v>
      </c>
      <c r="J78" s="17">
        <v>12</v>
      </c>
      <c r="K78" s="17">
        <v>99</v>
      </c>
      <c r="L78" s="17">
        <v>708</v>
      </c>
      <c r="M78" s="17">
        <v>39387</v>
      </c>
      <c r="N78" s="17">
        <v>741</v>
      </c>
      <c r="O78" s="17">
        <v>13</v>
      </c>
      <c r="P78" s="17">
        <v>227</v>
      </c>
      <c r="Q78" s="17">
        <v>498</v>
      </c>
      <c r="R78" s="17">
        <v>27863</v>
      </c>
    </row>
    <row r="79" spans="1:18">
      <c r="A79" s="21" t="s">
        <v>105</v>
      </c>
      <c r="B79" s="10" t="s">
        <v>52</v>
      </c>
      <c r="C79" s="11" t="s">
        <v>106</v>
      </c>
      <c r="D79" s="17">
        <v>104</v>
      </c>
      <c r="E79" s="17">
        <v>1</v>
      </c>
      <c r="F79" s="17">
        <v>29</v>
      </c>
      <c r="G79" s="17">
        <v>74</v>
      </c>
      <c r="H79" s="17">
        <v>4304</v>
      </c>
      <c r="I79" s="17">
        <v>56</v>
      </c>
      <c r="J79" s="17">
        <v>1</v>
      </c>
      <c r="K79" s="17">
        <v>13</v>
      </c>
      <c r="L79" s="17">
        <v>42</v>
      </c>
      <c r="M79" s="17">
        <v>2363</v>
      </c>
      <c r="N79" s="17">
        <v>48</v>
      </c>
      <c r="O79" s="18" t="s">
        <v>35</v>
      </c>
      <c r="P79" s="17">
        <v>16</v>
      </c>
      <c r="Q79" s="17">
        <v>32</v>
      </c>
      <c r="R79" s="17">
        <v>1941</v>
      </c>
    </row>
    <row r="80" spans="1:18">
      <c r="A80" s="21" t="s">
        <v>107</v>
      </c>
      <c r="B80" s="10"/>
      <c r="C80" s="11"/>
      <c r="D80" s="17">
        <v>20</v>
      </c>
      <c r="E80" s="17">
        <v>1</v>
      </c>
      <c r="F80" s="17">
        <v>5</v>
      </c>
      <c r="G80" s="17">
        <v>14</v>
      </c>
      <c r="H80" s="17">
        <v>788</v>
      </c>
      <c r="I80" s="17">
        <v>11</v>
      </c>
      <c r="J80" s="17">
        <v>1</v>
      </c>
      <c r="K80" s="17">
        <v>3</v>
      </c>
      <c r="L80" s="17">
        <v>7</v>
      </c>
      <c r="M80" s="17">
        <v>395</v>
      </c>
      <c r="N80" s="17">
        <v>9</v>
      </c>
      <c r="O80" s="18" t="s">
        <v>35</v>
      </c>
      <c r="P80" s="17">
        <v>2</v>
      </c>
      <c r="Q80" s="17">
        <v>7</v>
      </c>
      <c r="R80" s="17">
        <v>393</v>
      </c>
    </row>
    <row r="81" spans="1:18">
      <c r="A81" s="21" t="s">
        <v>108</v>
      </c>
      <c r="B81" s="10"/>
      <c r="C81" s="11"/>
      <c r="D81" s="17">
        <v>40</v>
      </c>
      <c r="E81" s="18" t="s">
        <v>35</v>
      </c>
      <c r="F81" s="17">
        <v>9</v>
      </c>
      <c r="G81" s="17">
        <v>31</v>
      </c>
      <c r="H81" s="17">
        <v>1824</v>
      </c>
      <c r="I81" s="17">
        <v>25</v>
      </c>
      <c r="J81" s="18" t="s">
        <v>35</v>
      </c>
      <c r="K81" s="17">
        <v>5</v>
      </c>
      <c r="L81" s="17">
        <v>20</v>
      </c>
      <c r="M81" s="17">
        <v>1151</v>
      </c>
      <c r="N81" s="17">
        <v>15</v>
      </c>
      <c r="O81" s="18" t="s">
        <v>35</v>
      </c>
      <c r="P81" s="17">
        <v>4</v>
      </c>
      <c r="Q81" s="17">
        <v>11</v>
      </c>
      <c r="R81" s="17">
        <v>673</v>
      </c>
    </row>
    <row r="82" spans="1:18">
      <c r="A82" s="21" t="s">
        <v>109</v>
      </c>
      <c r="B82" s="10" t="s">
        <v>52</v>
      </c>
      <c r="C82" s="11" t="s">
        <v>106</v>
      </c>
      <c r="D82" s="17">
        <v>44</v>
      </c>
      <c r="E82" s="18" t="s">
        <v>35</v>
      </c>
      <c r="F82" s="17">
        <v>15</v>
      </c>
      <c r="G82" s="17">
        <v>29</v>
      </c>
      <c r="H82" s="17">
        <v>1692</v>
      </c>
      <c r="I82" s="17">
        <v>20</v>
      </c>
      <c r="J82" s="18" t="s">
        <v>35</v>
      </c>
      <c r="K82" s="17">
        <v>5</v>
      </c>
      <c r="L82" s="17">
        <v>15</v>
      </c>
      <c r="M82" s="17">
        <v>817</v>
      </c>
      <c r="N82" s="17">
        <v>24</v>
      </c>
      <c r="O82" s="18" t="s">
        <v>35</v>
      </c>
      <c r="P82" s="17">
        <v>10</v>
      </c>
      <c r="Q82" s="17">
        <v>14</v>
      </c>
      <c r="R82" s="17">
        <v>875</v>
      </c>
    </row>
    <row r="83" spans="1:18">
      <c r="A83" s="21" t="s">
        <v>110</v>
      </c>
      <c r="B83" s="10" t="s">
        <v>58</v>
      </c>
      <c r="C83" s="11" t="s">
        <v>106</v>
      </c>
      <c r="D83" s="18" t="s">
        <v>59</v>
      </c>
      <c r="E83" s="18" t="s">
        <v>59</v>
      </c>
      <c r="F83" s="18" t="s">
        <v>59</v>
      </c>
      <c r="G83" s="18" t="s">
        <v>59</v>
      </c>
      <c r="H83" s="18" t="s">
        <v>59</v>
      </c>
      <c r="I83" s="18" t="s">
        <v>59</v>
      </c>
      <c r="J83" s="18" t="s">
        <v>59</v>
      </c>
      <c r="K83" s="18" t="s">
        <v>59</v>
      </c>
      <c r="L83" s="18" t="s">
        <v>59</v>
      </c>
      <c r="M83" s="18" t="s">
        <v>59</v>
      </c>
      <c r="N83" s="18" t="s">
        <v>59</v>
      </c>
      <c r="O83" s="18" t="s">
        <v>59</v>
      </c>
      <c r="P83" s="18" t="s">
        <v>59</v>
      </c>
      <c r="Q83" s="18" t="s">
        <v>59</v>
      </c>
      <c r="R83" s="18" t="s">
        <v>59</v>
      </c>
    </row>
    <row r="84" spans="1:18">
      <c r="A84" s="21" t="s">
        <v>111</v>
      </c>
      <c r="B84" s="10" t="s">
        <v>58</v>
      </c>
      <c r="C84" s="11" t="s">
        <v>106</v>
      </c>
      <c r="D84" s="18" t="s">
        <v>59</v>
      </c>
      <c r="E84" s="18" t="s">
        <v>59</v>
      </c>
      <c r="F84" s="18" t="s">
        <v>59</v>
      </c>
      <c r="G84" s="18" t="s">
        <v>59</v>
      </c>
      <c r="H84" s="18" t="s">
        <v>59</v>
      </c>
      <c r="I84" s="18" t="s">
        <v>59</v>
      </c>
      <c r="J84" s="18" t="s">
        <v>59</v>
      </c>
      <c r="K84" s="18" t="s">
        <v>59</v>
      </c>
      <c r="L84" s="18" t="s">
        <v>59</v>
      </c>
      <c r="M84" s="18" t="s">
        <v>59</v>
      </c>
      <c r="N84" s="18" t="s">
        <v>59</v>
      </c>
      <c r="O84" s="18" t="s">
        <v>59</v>
      </c>
      <c r="P84" s="18" t="s">
        <v>59</v>
      </c>
      <c r="Q84" s="18" t="s">
        <v>59</v>
      </c>
      <c r="R84" s="18" t="s">
        <v>59</v>
      </c>
    </row>
    <row r="85" spans="1:18">
      <c r="A85" s="21" t="s">
        <v>112</v>
      </c>
      <c r="B85" s="10"/>
      <c r="C85" s="11"/>
      <c r="D85" s="18" t="s">
        <v>35</v>
      </c>
      <c r="E85" s="18" t="s">
        <v>35</v>
      </c>
      <c r="F85" s="18" t="s">
        <v>35</v>
      </c>
      <c r="G85" s="18" t="s">
        <v>35</v>
      </c>
      <c r="H85" s="18" t="s">
        <v>35</v>
      </c>
      <c r="I85" s="18" t="s">
        <v>35</v>
      </c>
      <c r="J85" s="18" t="s">
        <v>35</v>
      </c>
      <c r="K85" s="18" t="s">
        <v>35</v>
      </c>
      <c r="L85" s="18" t="s">
        <v>35</v>
      </c>
      <c r="M85" s="18" t="s">
        <v>35</v>
      </c>
      <c r="N85" s="18" t="s">
        <v>35</v>
      </c>
      <c r="O85" s="18" t="s">
        <v>35</v>
      </c>
      <c r="P85" s="18" t="s">
        <v>35</v>
      </c>
      <c r="Q85" s="18" t="s">
        <v>35</v>
      </c>
      <c r="R85" s="18" t="s">
        <v>35</v>
      </c>
    </row>
    <row r="86" spans="1:18">
      <c r="A86" s="21" t="s">
        <v>113</v>
      </c>
      <c r="B86" s="10"/>
      <c r="C86" s="11"/>
      <c r="D86" s="17">
        <v>130</v>
      </c>
      <c r="E86" s="17">
        <v>8</v>
      </c>
      <c r="F86" s="17">
        <v>35</v>
      </c>
      <c r="G86" s="17">
        <v>86</v>
      </c>
      <c r="H86" s="17">
        <v>5163</v>
      </c>
      <c r="I86" s="17">
        <v>71</v>
      </c>
      <c r="J86" s="17">
        <v>5</v>
      </c>
      <c r="K86" s="17">
        <v>17</v>
      </c>
      <c r="L86" s="17">
        <v>49</v>
      </c>
      <c r="M86" s="17">
        <v>3020</v>
      </c>
      <c r="N86" s="17">
        <v>59</v>
      </c>
      <c r="O86" s="17">
        <v>3</v>
      </c>
      <c r="P86" s="17">
        <v>18</v>
      </c>
      <c r="Q86" s="17">
        <v>37</v>
      </c>
      <c r="R86" s="17">
        <v>2143</v>
      </c>
    </row>
    <row r="87" spans="1:18">
      <c r="A87" s="21" t="s">
        <v>114</v>
      </c>
      <c r="B87" s="10"/>
      <c r="C87" s="11"/>
      <c r="D87" s="17">
        <v>2105</v>
      </c>
      <c r="E87" s="17">
        <v>41</v>
      </c>
      <c r="F87" s="17">
        <v>481</v>
      </c>
      <c r="G87" s="17">
        <v>1576</v>
      </c>
      <c r="H87" s="17">
        <v>88089</v>
      </c>
      <c r="I87" s="17">
        <v>1128</v>
      </c>
      <c r="J87" s="17">
        <v>26</v>
      </c>
      <c r="K87" s="17">
        <v>157</v>
      </c>
      <c r="L87" s="17">
        <v>941</v>
      </c>
      <c r="M87" s="17">
        <v>51727</v>
      </c>
      <c r="N87" s="17">
        <v>977</v>
      </c>
      <c r="O87" s="17">
        <v>15</v>
      </c>
      <c r="P87" s="17">
        <v>324</v>
      </c>
      <c r="Q87" s="17">
        <v>635</v>
      </c>
      <c r="R87" s="17">
        <v>36362</v>
      </c>
    </row>
    <row r="88" spans="1:18">
      <c r="A88" s="21" t="s">
        <v>115</v>
      </c>
      <c r="B88" s="10"/>
      <c r="C88" s="11"/>
      <c r="D88" s="17">
        <v>396</v>
      </c>
      <c r="E88" s="17">
        <v>8</v>
      </c>
      <c r="F88" s="17">
        <v>99</v>
      </c>
      <c r="G88" s="17">
        <v>285</v>
      </c>
      <c r="H88" s="17">
        <v>16281</v>
      </c>
      <c r="I88" s="17">
        <v>239</v>
      </c>
      <c r="J88" s="17">
        <v>5</v>
      </c>
      <c r="K88" s="17">
        <v>35</v>
      </c>
      <c r="L88" s="17">
        <v>196</v>
      </c>
      <c r="M88" s="17">
        <v>10912</v>
      </c>
      <c r="N88" s="17">
        <v>157</v>
      </c>
      <c r="O88" s="17">
        <v>3</v>
      </c>
      <c r="P88" s="17">
        <v>64</v>
      </c>
      <c r="Q88" s="17">
        <v>89</v>
      </c>
      <c r="R88" s="17">
        <v>5369</v>
      </c>
    </row>
    <row r="89" spans="1:18">
      <c r="A89" s="21" t="s">
        <v>116</v>
      </c>
      <c r="B89" s="10"/>
      <c r="C89" s="11"/>
      <c r="D89" s="17">
        <v>220</v>
      </c>
      <c r="E89" s="17">
        <v>7</v>
      </c>
      <c r="F89" s="17">
        <v>50</v>
      </c>
      <c r="G89" s="17">
        <v>163</v>
      </c>
      <c r="H89" s="17">
        <v>9010</v>
      </c>
      <c r="I89" s="17">
        <v>92</v>
      </c>
      <c r="J89" s="17">
        <v>3</v>
      </c>
      <c r="K89" s="17">
        <v>11</v>
      </c>
      <c r="L89" s="17">
        <v>78</v>
      </c>
      <c r="M89" s="17">
        <v>4089</v>
      </c>
      <c r="N89" s="17">
        <v>128</v>
      </c>
      <c r="O89" s="17">
        <v>4</v>
      </c>
      <c r="P89" s="17">
        <v>39</v>
      </c>
      <c r="Q89" s="17">
        <v>85</v>
      </c>
      <c r="R89" s="17">
        <v>4921</v>
      </c>
    </row>
    <row r="90" spans="1:18">
      <c r="A90" s="21" t="s">
        <v>117</v>
      </c>
      <c r="B90" s="10"/>
      <c r="C90" s="11"/>
      <c r="D90" s="17">
        <v>117</v>
      </c>
      <c r="E90" s="17">
        <v>2</v>
      </c>
      <c r="F90" s="17">
        <v>24</v>
      </c>
      <c r="G90" s="17">
        <v>91</v>
      </c>
      <c r="H90" s="17">
        <v>5385</v>
      </c>
      <c r="I90" s="17">
        <v>69</v>
      </c>
      <c r="J90" s="17">
        <v>2</v>
      </c>
      <c r="K90" s="17">
        <v>9</v>
      </c>
      <c r="L90" s="17">
        <v>58</v>
      </c>
      <c r="M90" s="17">
        <v>3362</v>
      </c>
      <c r="N90" s="17">
        <v>48</v>
      </c>
      <c r="O90" s="18" t="s">
        <v>35</v>
      </c>
      <c r="P90" s="17">
        <v>15</v>
      </c>
      <c r="Q90" s="17">
        <v>33</v>
      </c>
      <c r="R90" s="17">
        <v>2023</v>
      </c>
    </row>
    <row r="91" spans="1:18">
      <c r="A91" s="21" t="s">
        <v>118</v>
      </c>
      <c r="B91" s="10"/>
      <c r="C91" s="11"/>
      <c r="D91" s="17">
        <v>467</v>
      </c>
      <c r="E91" s="17">
        <v>11</v>
      </c>
      <c r="F91" s="17">
        <v>116</v>
      </c>
      <c r="G91" s="17">
        <v>340</v>
      </c>
      <c r="H91" s="17">
        <v>19334</v>
      </c>
      <c r="I91" s="17">
        <v>236</v>
      </c>
      <c r="J91" s="17">
        <v>6</v>
      </c>
      <c r="K91" s="17">
        <v>39</v>
      </c>
      <c r="L91" s="17">
        <v>191</v>
      </c>
      <c r="M91" s="17">
        <v>10781</v>
      </c>
      <c r="N91" s="17">
        <v>231</v>
      </c>
      <c r="O91" s="17">
        <v>5</v>
      </c>
      <c r="P91" s="17">
        <v>77</v>
      </c>
      <c r="Q91" s="17">
        <v>149</v>
      </c>
      <c r="R91" s="17">
        <v>8553</v>
      </c>
    </row>
    <row r="92" spans="1:18">
      <c r="A92" s="21" t="s">
        <v>119</v>
      </c>
      <c r="B92" s="10"/>
      <c r="C92" s="11"/>
      <c r="D92" s="17">
        <v>272</v>
      </c>
      <c r="E92" s="17">
        <v>2</v>
      </c>
      <c r="F92" s="17">
        <v>63</v>
      </c>
      <c r="G92" s="17">
        <v>207</v>
      </c>
      <c r="H92" s="17">
        <v>11491</v>
      </c>
      <c r="I92" s="17">
        <v>145</v>
      </c>
      <c r="J92" s="17">
        <v>1</v>
      </c>
      <c r="K92" s="17">
        <v>23</v>
      </c>
      <c r="L92" s="17">
        <v>121</v>
      </c>
      <c r="M92" s="17">
        <v>6665</v>
      </c>
      <c r="N92" s="17">
        <v>127</v>
      </c>
      <c r="O92" s="17">
        <v>1</v>
      </c>
      <c r="P92" s="17">
        <v>40</v>
      </c>
      <c r="Q92" s="17">
        <v>86</v>
      </c>
      <c r="R92" s="17">
        <v>4826</v>
      </c>
    </row>
    <row r="93" spans="1:18">
      <c r="A93" s="21" t="s">
        <v>120</v>
      </c>
      <c r="B93" s="10"/>
      <c r="C93" s="11"/>
      <c r="D93" s="17">
        <v>315</v>
      </c>
      <c r="E93" s="17">
        <v>6</v>
      </c>
      <c r="F93" s="17">
        <v>62</v>
      </c>
      <c r="G93" s="17">
        <v>246</v>
      </c>
      <c r="H93" s="17">
        <v>13586</v>
      </c>
      <c r="I93" s="17">
        <v>176</v>
      </c>
      <c r="J93" s="17">
        <v>5</v>
      </c>
      <c r="K93" s="17">
        <v>19</v>
      </c>
      <c r="L93" s="17">
        <v>152</v>
      </c>
      <c r="M93" s="17">
        <v>8322</v>
      </c>
      <c r="N93" s="17">
        <v>139</v>
      </c>
      <c r="O93" s="17">
        <v>1</v>
      </c>
      <c r="P93" s="17">
        <v>43</v>
      </c>
      <c r="Q93" s="17">
        <v>94</v>
      </c>
      <c r="R93" s="17">
        <v>5264</v>
      </c>
    </row>
    <row r="94" spans="1:18">
      <c r="A94" s="21" t="s">
        <v>121</v>
      </c>
      <c r="B94" s="10"/>
      <c r="C94" s="11"/>
      <c r="D94" s="17">
        <v>318</v>
      </c>
      <c r="E94" s="17">
        <v>5</v>
      </c>
      <c r="F94" s="17">
        <v>67</v>
      </c>
      <c r="G94" s="17">
        <v>244</v>
      </c>
      <c r="H94" s="17">
        <v>13002</v>
      </c>
      <c r="I94" s="17">
        <v>171</v>
      </c>
      <c r="J94" s="17">
        <v>4</v>
      </c>
      <c r="K94" s="17">
        <v>21</v>
      </c>
      <c r="L94" s="17">
        <v>145</v>
      </c>
      <c r="M94" s="17">
        <v>7596</v>
      </c>
      <c r="N94" s="17">
        <v>147</v>
      </c>
      <c r="O94" s="17">
        <v>1</v>
      </c>
      <c r="P94" s="17">
        <v>46</v>
      </c>
      <c r="Q94" s="17">
        <v>99</v>
      </c>
      <c r="R94" s="17">
        <v>5406</v>
      </c>
    </row>
    <row r="95" spans="1:18">
      <c r="A95" s="21" t="s">
        <v>122</v>
      </c>
      <c r="B95" s="10"/>
      <c r="C95" s="11"/>
      <c r="D95" s="17">
        <v>1042</v>
      </c>
      <c r="E95" s="17">
        <v>21</v>
      </c>
      <c r="F95" s="17">
        <v>251</v>
      </c>
      <c r="G95" s="17">
        <v>767</v>
      </c>
      <c r="H95" s="17">
        <v>43120</v>
      </c>
      <c r="I95" s="17">
        <v>565</v>
      </c>
      <c r="J95" s="17">
        <v>10</v>
      </c>
      <c r="K95" s="17">
        <v>87</v>
      </c>
      <c r="L95" s="17">
        <v>467</v>
      </c>
      <c r="M95" s="17">
        <v>25796</v>
      </c>
      <c r="N95" s="17">
        <v>477</v>
      </c>
      <c r="O95" s="17">
        <v>11</v>
      </c>
      <c r="P95" s="17">
        <v>164</v>
      </c>
      <c r="Q95" s="17">
        <v>300</v>
      </c>
      <c r="R95" s="17">
        <v>17324</v>
      </c>
    </row>
    <row r="96" spans="1:18">
      <c r="A96" s="21" t="s">
        <v>123</v>
      </c>
      <c r="B96" s="10"/>
      <c r="C96" s="11"/>
      <c r="D96" s="17">
        <v>478</v>
      </c>
      <c r="E96" s="17">
        <v>11</v>
      </c>
      <c r="F96" s="17">
        <v>109</v>
      </c>
      <c r="G96" s="17">
        <v>357</v>
      </c>
      <c r="H96" s="17">
        <v>20567</v>
      </c>
      <c r="I96" s="17">
        <v>257</v>
      </c>
      <c r="J96" s="17">
        <v>4</v>
      </c>
      <c r="K96" s="17">
        <v>39</v>
      </c>
      <c r="L96" s="17">
        <v>213</v>
      </c>
      <c r="M96" s="17">
        <v>12250</v>
      </c>
      <c r="N96" s="17">
        <v>221</v>
      </c>
      <c r="O96" s="17">
        <v>7</v>
      </c>
      <c r="P96" s="17">
        <v>70</v>
      </c>
      <c r="Q96" s="17">
        <v>144</v>
      </c>
      <c r="R96" s="17">
        <v>8317</v>
      </c>
    </row>
    <row r="97" spans="1:18">
      <c r="A97" s="21" t="s">
        <v>124</v>
      </c>
      <c r="B97" s="10"/>
      <c r="C97" s="11"/>
      <c r="D97" s="17">
        <v>350</v>
      </c>
      <c r="E97" s="17">
        <v>8</v>
      </c>
      <c r="F97" s="17">
        <v>92</v>
      </c>
      <c r="G97" s="17">
        <v>250</v>
      </c>
      <c r="H97" s="17">
        <v>14056</v>
      </c>
      <c r="I97" s="17">
        <v>186</v>
      </c>
      <c r="J97" s="17">
        <v>5</v>
      </c>
      <c r="K97" s="17">
        <v>29</v>
      </c>
      <c r="L97" s="17">
        <v>152</v>
      </c>
      <c r="M97" s="17">
        <v>8251</v>
      </c>
      <c r="N97" s="17">
        <v>164</v>
      </c>
      <c r="O97" s="17">
        <v>3</v>
      </c>
      <c r="P97" s="17">
        <v>63</v>
      </c>
      <c r="Q97" s="17">
        <v>98</v>
      </c>
      <c r="R97" s="17">
        <v>5805</v>
      </c>
    </row>
    <row r="98" spans="1:18">
      <c r="A98" s="21" t="s">
        <v>125</v>
      </c>
      <c r="B98" s="10"/>
      <c r="C98" s="11"/>
      <c r="D98" s="17">
        <v>214</v>
      </c>
      <c r="E98" s="17">
        <v>2</v>
      </c>
      <c r="F98" s="17">
        <v>50</v>
      </c>
      <c r="G98" s="17">
        <v>160</v>
      </c>
      <c r="H98" s="17">
        <v>8497</v>
      </c>
      <c r="I98" s="17">
        <v>122</v>
      </c>
      <c r="J98" s="17">
        <v>1</v>
      </c>
      <c r="K98" s="17">
        <v>19</v>
      </c>
      <c r="L98" s="17">
        <v>102</v>
      </c>
      <c r="M98" s="17">
        <v>5295</v>
      </c>
      <c r="N98" s="17">
        <v>92</v>
      </c>
      <c r="O98" s="17">
        <v>1</v>
      </c>
      <c r="P98" s="17">
        <v>31</v>
      </c>
      <c r="Q98" s="17">
        <v>58</v>
      </c>
      <c r="R98" s="17">
        <v>3202</v>
      </c>
    </row>
    <row r="99" spans="1:18">
      <c r="A99" s="21" t="s">
        <v>126</v>
      </c>
      <c r="B99" s="10"/>
      <c r="C99" s="11"/>
      <c r="D99" s="17">
        <v>1149</v>
      </c>
      <c r="E99" s="17">
        <v>20</v>
      </c>
      <c r="F99" s="17">
        <v>258</v>
      </c>
      <c r="G99" s="17">
        <v>869</v>
      </c>
      <c r="H99" s="17">
        <v>48648</v>
      </c>
      <c r="I99" s="17">
        <v>621</v>
      </c>
      <c r="J99" s="17">
        <v>13</v>
      </c>
      <c r="K99" s="17">
        <v>84</v>
      </c>
      <c r="L99" s="17">
        <v>523</v>
      </c>
      <c r="M99" s="17">
        <v>28695</v>
      </c>
      <c r="N99" s="17">
        <v>528</v>
      </c>
      <c r="O99" s="17">
        <v>7</v>
      </c>
      <c r="P99" s="17">
        <v>174</v>
      </c>
      <c r="Q99" s="17">
        <v>346</v>
      </c>
      <c r="R99" s="17">
        <v>19953</v>
      </c>
    </row>
    <row r="100" spans="1:18">
      <c r="A100" s="21" t="s">
        <v>127</v>
      </c>
      <c r="B100" s="10"/>
      <c r="C100" s="11"/>
      <c r="D100" s="17">
        <v>404</v>
      </c>
      <c r="E100" s="17">
        <v>8</v>
      </c>
      <c r="F100" s="17">
        <v>110</v>
      </c>
      <c r="G100" s="17">
        <v>286</v>
      </c>
      <c r="H100" s="17">
        <v>16890</v>
      </c>
      <c r="I100" s="17">
        <v>203</v>
      </c>
      <c r="J100" s="17">
        <v>6</v>
      </c>
      <c r="K100" s="17">
        <v>29</v>
      </c>
      <c r="L100" s="17">
        <v>168</v>
      </c>
      <c r="M100" s="17">
        <v>9521</v>
      </c>
      <c r="N100" s="17">
        <v>201</v>
      </c>
      <c r="O100" s="17">
        <v>2</v>
      </c>
      <c r="P100" s="17">
        <v>81</v>
      </c>
      <c r="Q100" s="17">
        <v>118</v>
      </c>
      <c r="R100" s="17">
        <v>7369</v>
      </c>
    </row>
    <row r="101" spans="1:18">
      <c r="A101" s="21" t="s">
        <v>128</v>
      </c>
      <c r="B101" s="10"/>
      <c r="C101" s="11"/>
      <c r="D101" s="17">
        <v>73</v>
      </c>
      <c r="E101" s="18" t="s">
        <v>35</v>
      </c>
      <c r="F101" s="17">
        <v>28</v>
      </c>
      <c r="G101" s="17">
        <v>45</v>
      </c>
      <c r="H101" s="17">
        <v>2900</v>
      </c>
      <c r="I101" s="17">
        <v>43</v>
      </c>
      <c r="J101" s="18" t="s">
        <v>35</v>
      </c>
      <c r="K101" s="17">
        <v>17</v>
      </c>
      <c r="L101" s="17">
        <v>26</v>
      </c>
      <c r="M101" s="17">
        <v>1740</v>
      </c>
      <c r="N101" s="17">
        <v>30</v>
      </c>
      <c r="O101" s="18" t="s">
        <v>35</v>
      </c>
      <c r="P101" s="17">
        <v>11</v>
      </c>
      <c r="Q101" s="17">
        <v>19</v>
      </c>
      <c r="R101" s="17">
        <v>1160</v>
      </c>
    </row>
    <row r="102" spans="1:18">
      <c r="A102" s="21" t="s">
        <v>129</v>
      </c>
      <c r="B102" s="10"/>
      <c r="C102" s="11"/>
      <c r="D102" s="17">
        <v>212</v>
      </c>
      <c r="E102" s="17">
        <v>3</v>
      </c>
      <c r="F102" s="17">
        <v>39</v>
      </c>
      <c r="G102" s="17">
        <v>170</v>
      </c>
      <c r="H102" s="17">
        <v>9040</v>
      </c>
      <c r="I102" s="17">
        <v>107</v>
      </c>
      <c r="J102" s="17">
        <v>1</v>
      </c>
      <c r="K102" s="17">
        <v>9</v>
      </c>
      <c r="L102" s="17">
        <v>97</v>
      </c>
      <c r="M102" s="17">
        <v>5049</v>
      </c>
      <c r="N102" s="17">
        <v>105</v>
      </c>
      <c r="O102" s="17">
        <v>2</v>
      </c>
      <c r="P102" s="17">
        <v>30</v>
      </c>
      <c r="Q102" s="17">
        <v>73</v>
      </c>
      <c r="R102" s="17">
        <v>3991</v>
      </c>
    </row>
    <row r="103" spans="1:18">
      <c r="A103" s="21" t="s">
        <v>130</v>
      </c>
      <c r="B103" s="10"/>
      <c r="C103" s="11"/>
      <c r="D103" s="17">
        <v>460</v>
      </c>
      <c r="E103" s="17">
        <v>9</v>
      </c>
      <c r="F103" s="17">
        <v>81</v>
      </c>
      <c r="G103" s="17">
        <v>368</v>
      </c>
      <c r="H103" s="17">
        <v>19818</v>
      </c>
      <c r="I103" s="17">
        <v>268</v>
      </c>
      <c r="J103" s="17">
        <v>6</v>
      </c>
      <c r="K103" s="17">
        <v>29</v>
      </c>
      <c r="L103" s="17">
        <v>232</v>
      </c>
      <c r="M103" s="17">
        <v>12385</v>
      </c>
      <c r="N103" s="17">
        <v>192</v>
      </c>
      <c r="O103" s="17">
        <v>3</v>
      </c>
      <c r="P103" s="17">
        <v>52</v>
      </c>
      <c r="Q103" s="17">
        <v>136</v>
      </c>
      <c r="R103" s="17">
        <v>7433</v>
      </c>
    </row>
    <row r="104" spans="1:18">
      <c r="A104" s="21" t="s">
        <v>131</v>
      </c>
      <c r="B104" s="10"/>
      <c r="C104" s="11"/>
      <c r="D104" s="17">
        <v>4702</v>
      </c>
      <c r="E104" s="17">
        <v>78</v>
      </c>
      <c r="F104" s="17">
        <v>1120</v>
      </c>
      <c r="G104" s="17">
        <v>3480</v>
      </c>
      <c r="H104" s="17">
        <v>193099</v>
      </c>
      <c r="I104" s="17">
        <v>2536</v>
      </c>
      <c r="J104" s="17">
        <v>51</v>
      </c>
      <c r="K104" s="17">
        <v>344</v>
      </c>
      <c r="L104" s="17">
        <v>2129</v>
      </c>
      <c r="M104" s="17">
        <v>115499</v>
      </c>
      <c r="N104" s="17">
        <v>2166</v>
      </c>
      <c r="O104" s="17">
        <v>27</v>
      </c>
      <c r="P104" s="17">
        <v>776</v>
      </c>
      <c r="Q104" s="17">
        <v>1351</v>
      </c>
      <c r="R104" s="17">
        <v>77600</v>
      </c>
    </row>
    <row r="105" spans="1:18">
      <c r="A105" s="21" t="s">
        <v>132</v>
      </c>
      <c r="B105" s="10"/>
      <c r="C105" s="11"/>
      <c r="D105" s="17">
        <v>374</v>
      </c>
      <c r="E105" s="17">
        <v>4</v>
      </c>
      <c r="F105" s="17">
        <v>105</v>
      </c>
      <c r="G105" s="17">
        <v>264</v>
      </c>
      <c r="H105" s="17">
        <v>14942</v>
      </c>
      <c r="I105" s="17">
        <v>179</v>
      </c>
      <c r="J105" s="17">
        <v>3</v>
      </c>
      <c r="K105" s="17">
        <v>33</v>
      </c>
      <c r="L105" s="17">
        <v>143</v>
      </c>
      <c r="M105" s="17">
        <v>7963</v>
      </c>
      <c r="N105" s="17">
        <v>195</v>
      </c>
      <c r="O105" s="17">
        <v>1</v>
      </c>
      <c r="P105" s="17">
        <v>72</v>
      </c>
      <c r="Q105" s="17">
        <v>121</v>
      </c>
      <c r="R105" s="17">
        <v>6979</v>
      </c>
    </row>
    <row r="106" spans="1:18">
      <c r="A106" s="21" t="s">
        <v>133</v>
      </c>
      <c r="B106" s="10"/>
      <c r="C106" s="11"/>
      <c r="D106" s="17">
        <v>1484</v>
      </c>
      <c r="E106" s="17">
        <v>31</v>
      </c>
      <c r="F106" s="17">
        <v>372</v>
      </c>
      <c r="G106" s="17">
        <v>1076</v>
      </c>
      <c r="H106" s="17">
        <v>59363</v>
      </c>
      <c r="I106" s="17">
        <v>764</v>
      </c>
      <c r="J106" s="17">
        <v>18</v>
      </c>
      <c r="K106" s="17">
        <v>116</v>
      </c>
      <c r="L106" s="17">
        <v>629</v>
      </c>
      <c r="M106" s="17">
        <v>34289</v>
      </c>
      <c r="N106" s="17">
        <v>720</v>
      </c>
      <c r="O106" s="17">
        <v>13</v>
      </c>
      <c r="P106" s="17">
        <v>256</v>
      </c>
      <c r="Q106" s="17">
        <v>447</v>
      </c>
      <c r="R106" s="17">
        <v>25074</v>
      </c>
    </row>
    <row r="107" spans="1:18">
      <c r="A107" s="21" t="s">
        <v>134</v>
      </c>
      <c r="B107" s="10"/>
      <c r="C107" s="11"/>
      <c r="D107" s="17">
        <v>1606</v>
      </c>
      <c r="E107" s="17">
        <v>22</v>
      </c>
      <c r="F107" s="17">
        <v>395</v>
      </c>
      <c r="G107" s="17">
        <v>1176</v>
      </c>
      <c r="H107" s="17">
        <v>65684</v>
      </c>
      <c r="I107" s="17">
        <v>861</v>
      </c>
      <c r="J107" s="17">
        <v>17</v>
      </c>
      <c r="K107" s="17">
        <v>125</v>
      </c>
      <c r="L107" s="17">
        <v>711</v>
      </c>
      <c r="M107" s="17">
        <v>38793</v>
      </c>
      <c r="N107" s="17">
        <v>745</v>
      </c>
      <c r="O107" s="17">
        <v>5</v>
      </c>
      <c r="P107" s="17">
        <v>270</v>
      </c>
      <c r="Q107" s="17">
        <v>465</v>
      </c>
      <c r="R107" s="17">
        <v>26891</v>
      </c>
    </row>
    <row r="108" spans="1:18">
      <c r="A108" s="21" t="s">
        <v>135</v>
      </c>
      <c r="B108" s="10"/>
      <c r="C108" s="11"/>
      <c r="D108" s="17">
        <v>258</v>
      </c>
      <c r="E108" s="17">
        <v>5</v>
      </c>
      <c r="F108" s="17">
        <v>54</v>
      </c>
      <c r="G108" s="17">
        <v>197</v>
      </c>
      <c r="H108" s="17">
        <v>11050</v>
      </c>
      <c r="I108" s="17">
        <v>146</v>
      </c>
      <c r="J108" s="17">
        <v>4</v>
      </c>
      <c r="K108" s="17">
        <v>14</v>
      </c>
      <c r="L108" s="17">
        <v>127</v>
      </c>
      <c r="M108" s="17">
        <v>6889</v>
      </c>
      <c r="N108" s="17">
        <v>112</v>
      </c>
      <c r="O108" s="17">
        <v>1</v>
      </c>
      <c r="P108" s="17">
        <v>40</v>
      </c>
      <c r="Q108" s="17">
        <v>70</v>
      </c>
      <c r="R108" s="17">
        <v>4161</v>
      </c>
    </row>
    <row r="109" spans="1:18">
      <c r="A109" s="21" t="s">
        <v>136</v>
      </c>
      <c r="B109" s="10"/>
      <c r="C109" s="11"/>
      <c r="D109" s="17">
        <v>281</v>
      </c>
      <c r="E109" s="17">
        <v>3</v>
      </c>
      <c r="F109" s="17">
        <v>58</v>
      </c>
      <c r="G109" s="17">
        <v>219</v>
      </c>
      <c r="H109" s="17">
        <v>11743</v>
      </c>
      <c r="I109" s="17">
        <v>162</v>
      </c>
      <c r="J109" s="17">
        <v>1</v>
      </c>
      <c r="K109" s="17">
        <v>11</v>
      </c>
      <c r="L109" s="17">
        <v>150</v>
      </c>
      <c r="M109" s="17">
        <v>7739</v>
      </c>
      <c r="N109" s="17">
        <v>119</v>
      </c>
      <c r="O109" s="17">
        <v>2</v>
      </c>
      <c r="P109" s="17">
        <v>47</v>
      </c>
      <c r="Q109" s="17">
        <v>69</v>
      </c>
      <c r="R109" s="17">
        <v>4004</v>
      </c>
    </row>
    <row r="110" spans="1:18">
      <c r="A110" s="21" t="s">
        <v>137</v>
      </c>
      <c r="B110" s="10"/>
      <c r="C110" s="11"/>
      <c r="D110" s="17">
        <v>414</v>
      </c>
      <c r="E110" s="17">
        <v>8</v>
      </c>
      <c r="F110" s="17">
        <v>80</v>
      </c>
      <c r="G110" s="17">
        <v>325</v>
      </c>
      <c r="H110" s="17">
        <v>17980</v>
      </c>
      <c r="I110" s="17">
        <v>261</v>
      </c>
      <c r="J110" s="17">
        <v>6</v>
      </c>
      <c r="K110" s="17">
        <v>30</v>
      </c>
      <c r="L110" s="17">
        <v>224</v>
      </c>
      <c r="M110" s="17">
        <v>11956</v>
      </c>
      <c r="N110" s="17">
        <v>153</v>
      </c>
      <c r="O110" s="17">
        <v>2</v>
      </c>
      <c r="P110" s="17">
        <v>50</v>
      </c>
      <c r="Q110" s="17">
        <v>101</v>
      </c>
      <c r="R110" s="17">
        <v>6024</v>
      </c>
    </row>
    <row r="111" spans="1:18">
      <c r="A111" s="21" t="s">
        <v>138</v>
      </c>
      <c r="B111" s="10"/>
      <c r="C111" s="11"/>
      <c r="D111" s="17">
        <v>285</v>
      </c>
      <c r="E111" s="17">
        <v>5</v>
      </c>
      <c r="F111" s="17">
        <v>56</v>
      </c>
      <c r="G111" s="17">
        <v>223</v>
      </c>
      <c r="H111" s="17">
        <v>12337</v>
      </c>
      <c r="I111" s="17">
        <v>163</v>
      </c>
      <c r="J111" s="17">
        <v>2</v>
      </c>
      <c r="K111" s="17">
        <v>15</v>
      </c>
      <c r="L111" s="17">
        <v>145</v>
      </c>
      <c r="M111" s="17">
        <v>7870</v>
      </c>
      <c r="N111" s="17">
        <v>122</v>
      </c>
      <c r="O111" s="17">
        <v>3</v>
      </c>
      <c r="P111" s="17">
        <v>41</v>
      </c>
      <c r="Q111" s="17">
        <v>78</v>
      </c>
      <c r="R111" s="17">
        <v>4467</v>
      </c>
    </row>
    <row r="112" spans="1:18">
      <c r="A112" s="21" t="s">
        <v>139</v>
      </c>
      <c r="B112" s="10"/>
      <c r="C112" s="11"/>
      <c r="D112" s="17">
        <v>307</v>
      </c>
      <c r="E112" s="17">
        <v>5</v>
      </c>
      <c r="F112" s="17">
        <v>59</v>
      </c>
      <c r="G112" s="17">
        <v>242</v>
      </c>
      <c r="H112" s="17">
        <v>13620</v>
      </c>
      <c r="I112" s="17">
        <v>170</v>
      </c>
      <c r="J112" s="17">
        <v>2</v>
      </c>
      <c r="K112" s="17">
        <v>17</v>
      </c>
      <c r="L112" s="17">
        <v>150</v>
      </c>
      <c r="M112" s="17">
        <v>8281</v>
      </c>
      <c r="N112" s="17">
        <v>137</v>
      </c>
      <c r="O112" s="17">
        <v>3</v>
      </c>
      <c r="P112" s="17">
        <v>42</v>
      </c>
      <c r="Q112" s="17">
        <v>92</v>
      </c>
      <c r="R112" s="17">
        <v>5339</v>
      </c>
    </row>
    <row r="113" spans="1:18">
      <c r="A113" s="21" t="s">
        <v>140</v>
      </c>
      <c r="B113" s="10"/>
      <c r="C113" s="11"/>
      <c r="D113" s="18" t="s">
        <v>35</v>
      </c>
      <c r="E113" s="18" t="s">
        <v>35</v>
      </c>
      <c r="F113" s="18" t="s">
        <v>35</v>
      </c>
      <c r="G113" s="18" t="s">
        <v>35</v>
      </c>
      <c r="H113" s="18" t="s">
        <v>35</v>
      </c>
      <c r="I113" s="18" t="s">
        <v>35</v>
      </c>
      <c r="J113" s="18" t="s">
        <v>35</v>
      </c>
      <c r="K113" s="18" t="s">
        <v>35</v>
      </c>
      <c r="L113" s="18" t="s">
        <v>35</v>
      </c>
      <c r="M113" s="18" t="s">
        <v>35</v>
      </c>
      <c r="N113" s="18" t="s">
        <v>35</v>
      </c>
      <c r="O113" s="18" t="s">
        <v>35</v>
      </c>
      <c r="P113" s="18" t="s">
        <v>35</v>
      </c>
      <c r="Q113" s="18" t="s">
        <v>35</v>
      </c>
      <c r="R113" s="18" t="s">
        <v>35</v>
      </c>
    </row>
    <row r="114" spans="1:18">
      <c r="A114" s="21" t="s">
        <v>141</v>
      </c>
      <c r="B114" s="10"/>
      <c r="C114" s="11"/>
      <c r="D114" s="18" t="s">
        <v>35</v>
      </c>
      <c r="E114" s="18" t="s">
        <v>35</v>
      </c>
      <c r="F114" s="18" t="s">
        <v>35</v>
      </c>
      <c r="G114" s="18" t="s">
        <v>35</v>
      </c>
      <c r="H114" s="18" t="s">
        <v>35</v>
      </c>
      <c r="I114" s="18" t="s">
        <v>35</v>
      </c>
      <c r="J114" s="18" t="s">
        <v>35</v>
      </c>
      <c r="K114" s="18" t="s">
        <v>35</v>
      </c>
      <c r="L114" s="18" t="s">
        <v>35</v>
      </c>
      <c r="M114" s="18" t="s">
        <v>35</v>
      </c>
      <c r="N114" s="18" t="s">
        <v>35</v>
      </c>
      <c r="O114" s="18" t="s">
        <v>35</v>
      </c>
      <c r="P114" s="18" t="s">
        <v>35</v>
      </c>
      <c r="Q114" s="18" t="s">
        <v>35</v>
      </c>
      <c r="R114" s="18" t="s">
        <v>35</v>
      </c>
    </row>
    <row r="115" spans="1:18">
      <c r="A115" s="21" t="s">
        <v>142</v>
      </c>
      <c r="B115" s="10"/>
      <c r="C115" s="11"/>
      <c r="D115" s="17">
        <v>133</v>
      </c>
      <c r="E115" s="17">
        <v>4</v>
      </c>
      <c r="F115" s="17">
        <v>23</v>
      </c>
      <c r="G115" s="17">
        <v>106</v>
      </c>
      <c r="H115" s="17">
        <v>5729</v>
      </c>
      <c r="I115" s="17">
        <v>76</v>
      </c>
      <c r="J115" s="17">
        <v>2</v>
      </c>
      <c r="K115" s="17">
        <v>9</v>
      </c>
      <c r="L115" s="17">
        <v>65</v>
      </c>
      <c r="M115" s="17">
        <v>3495</v>
      </c>
      <c r="N115" s="17">
        <v>57</v>
      </c>
      <c r="O115" s="17">
        <v>2</v>
      </c>
      <c r="P115" s="17">
        <v>14</v>
      </c>
      <c r="Q115" s="17">
        <v>41</v>
      </c>
      <c r="R115" s="17">
        <v>2234</v>
      </c>
    </row>
    <row r="116" spans="1:18">
      <c r="A116" s="21" t="s">
        <v>143</v>
      </c>
      <c r="B116" s="10"/>
      <c r="C116" s="11"/>
      <c r="D116" s="17">
        <v>50</v>
      </c>
      <c r="E116" s="18" t="s">
        <v>35</v>
      </c>
      <c r="F116" s="17">
        <v>8</v>
      </c>
      <c r="G116" s="17">
        <v>42</v>
      </c>
      <c r="H116" s="17">
        <v>2431</v>
      </c>
      <c r="I116" s="17">
        <v>30</v>
      </c>
      <c r="J116" s="18" t="s">
        <v>35</v>
      </c>
      <c r="K116" s="17">
        <v>3</v>
      </c>
      <c r="L116" s="17">
        <v>27</v>
      </c>
      <c r="M116" s="17">
        <v>1555</v>
      </c>
      <c r="N116" s="17">
        <v>20</v>
      </c>
      <c r="O116" s="18" t="s">
        <v>35</v>
      </c>
      <c r="P116" s="17">
        <v>5</v>
      </c>
      <c r="Q116" s="17">
        <v>15</v>
      </c>
      <c r="R116" s="17">
        <v>876</v>
      </c>
    </row>
    <row r="117" spans="1:18">
      <c r="A117" s="21" t="s">
        <v>144</v>
      </c>
      <c r="B117" s="10"/>
      <c r="C117" s="11"/>
      <c r="D117" s="17">
        <v>43</v>
      </c>
      <c r="E117" s="17">
        <v>1</v>
      </c>
      <c r="F117" s="17">
        <v>11</v>
      </c>
      <c r="G117" s="17">
        <v>31</v>
      </c>
      <c r="H117" s="17">
        <v>1827</v>
      </c>
      <c r="I117" s="17">
        <v>22</v>
      </c>
      <c r="J117" s="18" t="s">
        <v>35</v>
      </c>
      <c r="K117" s="17">
        <v>2</v>
      </c>
      <c r="L117" s="17">
        <v>20</v>
      </c>
      <c r="M117" s="17">
        <v>1069</v>
      </c>
      <c r="N117" s="17">
        <v>21</v>
      </c>
      <c r="O117" s="17">
        <v>1</v>
      </c>
      <c r="P117" s="17">
        <v>9</v>
      </c>
      <c r="Q117" s="17">
        <v>11</v>
      </c>
      <c r="R117" s="17">
        <v>758</v>
      </c>
    </row>
    <row r="118" spans="1:18">
      <c r="A118" s="21" t="s">
        <v>145</v>
      </c>
      <c r="B118" s="10"/>
      <c r="C118" s="11"/>
      <c r="D118" s="17">
        <v>81</v>
      </c>
      <c r="E118" s="18" t="s">
        <v>35</v>
      </c>
      <c r="F118" s="17">
        <v>17</v>
      </c>
      <c r="G118" s="17">
        <v>63</v>
      </c>
      <c r="H118" s="17">
        <v>3633</v>
      </c>
      <c r="I118" s="17">
        <v>42</v>
      </c>
      <c r="J118" s="18" t="s">
        <v>35</v>
      </c>
      <c r="K118" s="17">
        <v>3</v>
      </c>
      <c r="L118" s="17">
        <v>38</v>
      </c>
      <c r="M118" s="17">
        <v>2162</v>
      </c>
      <c r="N118" s="17">
        <v>39</v>
      </c>
      <c r="O118" s="18" t="s">
        <v>35</v>
      </c>
      <c r="P118" s="17">
        <v>14</v>
      </c>
      <c r="Q118" s="17">
        <v>25</v>
      </c>
      <c r="R118" s="17">
        <v>1471</v>
      </c>
    </row>
    <row r="119" spans="1:18">
      <c r="A119" s="21" t="s">
        <v>146</v>
      </c>
      <c r="B119" s="10"/>
      <c r="C119" s="11"/>
      <c r="D119" s="17">
        <v>1171</v>
      </c>
      <c r="E119" s="17">
        <v>25</v>
      </c>
      <c r="F119" s="17">
        <v>293</v>
      </c>
      <c r="G119" s="17">
        <v>848</v>
      </c>
      <c r="H119" s="17">
        <v>48055</v>
      </c>
      <c r="I119" s="17">
        <v>641</v>
      </c>
      <c r="J119" s="17">
        <v>11</v>
      </c>
      <c r="K119" s="17">
        <v>107</v>
      </c>
      <c r="L119" s="17">
        <v>522</v>
      </c>
      <c r="M119" s="17">
        <v>29179</v>
      </c>
      <c r="N119" s="17">
        <v>530</v>
      </c>
      <c r="O119" s="17">
        <v>14</v>
      </c>
      <c r="P119" s="17">
        <v>186</v>
      </c>
      <c r="Q119" s="17">
        <v>326</v>
      </c>
      <c r="R119" s="17">
        <v>18876</v>
      </c>
    </row>
    <row r="120" spans="1:18">
      <c r="A120" s="21" t="s">
        <v>147</v>
      </c>
      <c r="B120" s="10"/>
      <c r="C120" s="11"/>
      <c r="D120" s="17">
        <v>351</v>
      </c>
      <c r="E120" s="17">
        <v>7</v>
      </c>
      <c r="F120" s="17">
        <v>98</v>
      </c>
      <c r="G120" s="17">
        <v>244</v>
      </c>
      <c r="H120" s="17">
        <v>14432</v>
      </c>
      <c r="I120" s="17">
        <v>173</v>
      </c>
      <c r="J120" s="17">
        <v>4</v>
      </c>
      <c r="K120" s="17">
        <v>33</v>
      </c>
      <c r="L120" s="17">
        <v>136</v>
      </c>
      <c r="M120" s="17">
        <v>7897</v>
      </c>
      <c r="N120" s="17">
        <v>178</v>
      </c>
      <c r="O120" s="17">
        <v>3</v>
      </c>
      <c r="P120" s="17">
        <v>65</v>
      </c>
      <c r="Q120" s="17">
        <v>108</v>
      </c>
      <c r="R120" s="17">
        <v>6535</v>
      </c>
    </row>
    <row r="121" spans="1:18">
      <c r="A121" s="21" t="s">
        <v>148</v>
      </c>
      <c r="B121" s="10"/>
      <c r="C121" s="11"/>
      <c r="D121" s="17">
        <v>476</v>
      </c>
      <c r="E121" s="17">
        <v>12</v>
      </c>
      <c r="F121" s="17">
        <v>115</v>
      </c>
      <c r="G121" s="17">
        <v>346</v>
      </c>
      <c r="H121" s="17">
        <v>19411</v>
      </c>
      <c r="I121" s="17">
        <v>276</v>
      </c>
      <c r="J121" s="17">
        <v>5</v>
      </c>
      <c r="K121" s="17">
        <v>46</v>
      </c>
      <c r="L121" s="17">
        <v>224</v>
      </c>
      <c r="M121" s="17">
        <v>12433</v>
      </c>
      <c r="N121" s="17">
        <v>200</v>
      </c>
      <c r="O121" s="17">
        <v>7</v>
      </c>
      <c r="P121" s="17">
        <v>69</v>
      </c>
      <c r="Q121" s="17">
        <v>122</v>
      </c>
      <c r="R121" s="17">
        <v>6978</v>
      </c>
    </row>
    <row r="122" spans="1:18">
      <c r="A122" s="21" t="s">
        <v>149</v>
      </c>
      <c r="B122" s="10"/>
      <c r="C122" s="11"/>
      <c r="D122" s="17">
        <v>344</v>
      </c>
      <c r="E122" s="17">
        <v>6</v>
      </c>
      <c r="F122" s="17">
        <v>80</v>
      </c>
      <c r="G122" s="17">
        <v>258</v>
      </c>
      <c r="H122" s="17">
        <v>14212</v>
      </c>
      <c r="I122" s="17">
        <v>192</v>
      </c>
      <c r="J122" s="17">
        <v>2</v>
      </c>
      <c r="K122" s="17">
        <v>28</v>
      </c>
      <c r="L122" s="17">
        <v>162</v>
      </c>
      <c r="M122" s="17">
        <v>8849</v>
      </c>
      <c r="N122" s="17">
        <v>152</v>
      </c>
      <c r="O122" s="17">
        <v>4</v>
      </c>
      <c r="P122" s="17">
        <v>52</v>
      </c>
      <c r="Q122" s="17">
        <v>96</v>
      </c>
      <c r="R122" s="17">
        <v>5363</v>
      </c>
    </row>
    <row r="123" spans="1:18">
      <c r="A123" s="21" t="s">
        <v>150</v>
      </c>
      <c r="B123" s="10"/>
      <c r="C123" s="11"/>
      <c r="D123" s="17">
        <v>1261</v>
      </c>
      <c r="E123" s="17">
        <v>30</v>
      </c>
      <c r="F123" s="17">
        <v>264</v>
      </c>
      <c r="G123" s="17">
        <v>964</v>
      </c>
      <c r="H123" s="17">
        <v>52609</v>
      </c>
      <c r="I123" s="17">
        <v>805</v>
      </c>
      <c r="J123" s="17">
        <v>13</v>
      </c>
      <c r="K123" s="17">
        <v>106</v>
      </c>
      <c r="L123" s="17">
        <v>684</v>
      </c>
      <c r="M123" s="17">
        <v>36603</v>
      </c>
      <c r="N123" s="17">
        <v>456</v>
      </c>
      <c r="O123" s="17">
        <v>17</v>
      </c>
      <c r="P123" s="17">
        <v>158</v>
      </c>
      <c r="Q123" s="17">
        <v>280</v>
      </c>
      <c r="R123" s="17">
        <v>16006</v>
      </c>
    </row>
    <row r="124" spans="1:18">
      <c r="A124" s="21" t="s">
        <v>151</v>
      </c>
      <c r="B124" s="10"/>
      <c r="C124" s="11"/>
      <c r="D124" s="17">
        <v>709</v>
      </c>
      <c r="E124" s="17">
        <v>22</v>
      </c>
      <c r="F124" s="17">
        <v>151</v>
      </c>
      <c r="G124" s="17">
        <v>533</v>
      </c>
      <c r="H124" s="17">
        <v>28611</v>
      </c>
      <c r="I124" s="17">
        <v>497</v>
      </c>
      <c r="J124" s="17">
        <v>10</v>
      </c>
      <c r="K124" s="17">
        <v>77</v>
      </c>
      <c r="L124" s="17">
        <v>408</v>
      </c>
      <c r="M124" s="17">
        <v>21382</v>
      </c>
      <c r="N124" s="17">
        <v>212</v>
      </c>
      <c r="O124" s="17">
        <v>12</v>
      </c>
      <c r="P124" s="17">
        <v>74</v>
      </c>
      <c r="Q124" s="17">
        <v>125</v>
      </c>
      <c r="R124" s="17">
        <v>7229</v>
      </c>
    </row>
    <row r="125" spans="1:18">
      <c r="A125" s="21" t="s">
        <v>152</v>
      </c>
      <c r="B125" s="10"/>
      <c r="C125" s="11"/>
      <c r="D125" s="17">
        <v>552</v>
      </c>
      <c r="E125" s="17">
        <v>8</v>
      </c>
      <c r="F125" s="17">
        <v>113</v>
      </c>
      <c r="G125" s="17">
        <v>431</v>
      </c>
      <c r="H125" s="17">
        <v>23998</v>
      </c>
      <c r="I125" s="17">
        <v>308</v>
      </c>
      <c r="J125" s="17">
        <v>3</v>
      </c>
      <c r="K125" s="17">
        <v>29</v>
      </c>
      <c r="L125" s="17">
        <v>276</v>
      </c>
      <c r="M125" s="17">
        <v>15221</v>
      </c>
      <c r="N125" s="17">
        <v>244</v>
      </c>
      <c r="O125" s="17">
        <v>5</v>
      </c>
      <c r="P125" s="17">
        <v>84</v>
      </c>
      <c r="Q125" s="17">
        <v>155</v>
      </c>
      <c r="R125" s="17">
        <v>8777</v>
      </c>
    </row>
    <row r="126" spans="1:18">
      <c r="A126" s="21" t="s">
        <v>153</v>
      </c>
      <c r="B126" s="10"/>
      <c r="C126" s="11"/>
      <c r="D126" s="17">
        <v>3381</v>
      </c>
      <c r="E126" s="17">
        <v>86</v>
      </c>
      <c r="F126" s="17">
        <v>888</v>
      </c>
      <c r="G126" s="17">
        <v>2390</v>
      </c>
      <c r="H126" s="17">
        <v>134521</v>
      </c>
      <c r="I126" s="17">
        <v>1787</v>
      </c>
      <c r="J126" s="17">
        <v>44</v>
      </c>
      <c r="K126" s="17">
        <v>271</v>
      </c>
      <c r="L126" s="17">
        <v>1462</v>
      </c>
      <c r="M126" s="17">
        <v>79881</v>
      </c>
      <c r="N126" s="17">
        <v>1594</v>
      </c>
      <c r="O126" s="17">
        <v>42</v>
      </c>
      <c r="P126" s="17">
        <v>617</v>
      </c>
      <c r="Q126" s="17">
        <v>928</v>
      </c>
      <c r="R126" s="17">
        <v>54640</v>
      </c>
    </row>
    <row r="127" spans="1:18">
      <c r="A127" s="21" t="s">
        <v>154</v>
      </c>
      <c r="B127" s="10"/>
      <c r="C127" s="11"/>
      <c r="D127" s="17">
        <v>858</v>
      </c>
      <c r="E127" s="17">
        <v>26</v>
      </c>
      <c r="F127" s="17">
        <v>208</v>
      </c>
      <c r="G127" s="17">
        <v>619</v>
      </c>
      <c r="H127" s="17">
        <v>34278</v>
      </c>
      <c r="I127" s="17">
        <v>459</v>
      </c>
      <c r="J127" s="17">
        <v>12</v>
      </c>
      <c r="K127" s="17">
        <v>48</v>
      </c>
      <c r="L127" s="17">
        <v>395</v>
      </c>
      <c r="M127" s="17">
        <v>21133</v>
      </c>
      <c r="N127" s="17">
        <v>399</v>
      </c>
      <c r="O127" s="17">
        <v>14</v>
      </c>
      <c r="P127" s="17">
        <v>160</v>
      </c>
      <c r="Q127" s="17">
        <v>224</v>
      </c>
      <c r="R127" s="17">
        <v>13145</v>
      </c>
    </row>
    <row r="128" spans="1:18">
      <c r="A128" s="21" t="s">
        <v>155</v>
      </c>
      <c r="B128" s="10"/>
      <c r="C128" s="11"/>
      <c r="D128" s="17">
        <v>1695</v>
      </c>
      <c r="E128" s="17">
        <v>51</v>
      </c>
      <c r="F128" s="17">
        <v>468</v>
      </c>
      <c r="G128" s="17">
        <v>1169</v>
      </c>
      <c r="H128" s="17">
        <v>66246</v>
      </c>
      <c r="I128" s="17">
        <v>892</v>
      </c>
      <c r="J128" s="17">
        <v>27</v>
      </c>
      <c r="K128" s="17">
        <v>154</v>
      </c>
      <c r="L128" s="17">
        <v>708</v>
      </c>
      <c r="M128" s="17">
        <v>39143</v>
      </c>
      <c r="N128" s="17">
        <v>803</v>
      </c>
      <c r="O128" s="17">
        <v>24</v>
      </c>
      <c r="P128" s="17">
        <v>314</v>
      </c>
      <c r="Q128" s="17">
        <v>461</v>
      </c>
      <c r="R128" s="17">
        <v>27103</v>
      </c>
    </row>
    <row r="129" spans="1:18">
      <c r="A129" s="21" t="s">
        <v>156</v>
      </c>
      <c r="B129" s="10"/>
      <c r="C129" s="11"/>
      <c r="D129" s="17">
        <v>828</v>
      </c>
      <c r="E129" s="17">
        <v>9</v>
      </c>
      <c r="F129" s="17">
        <v>212</v>
      </c>
      <c r="G129" s="17">
        <v>602</v>
      </c>
      <c r="H129" s="17">
        <v>33997</v>
      </c>
      <c r="I129" s="17">
        <v>436</v>
      </c>
      <c r="J129" s="17">
        <v>5</v>
      </c>
      <c r="K129" s="17">
        <v>69</v>
      </c>
      <c r="L129" s="17">
        <v>359</v>
      </c>
      <c r="M129" s="17">
        <v>19605</v>
      </c>
      <c r="N129" s="17">
        <v>392</v>
      </c>
      <c r="O129" s="17">
        <v>4</v>
      </c>
      <c r="P129" s="17">
        <v>143</v>
      </c>
      <c r="Q129" s="17">
        <v>243</v>
      </c>
      <c r="R129" s="17">
        <v>14392</v>
      </c>
    </row>
    <row r="130" spans="1:18">
      <c r="A130" s="21" t="s">
        <v>157</v>
      </c>
      <c r="B130" s="10"/>
      <c r="C130" s="11"/>
      <c r="D130" s="17">
        <v>744</v>
      </c>
      <c r="E130" s="17">
        <v>15</v>
      </c>
      <c r="F130" s="17">
        <v>142</v>
      </c>
      <c r="G130" s="17">
        <v>586</v>
      </c>
      <c r="H130" s="17">
        <v>31951</v>
      </c>
      <c r="I130" s="17">
        <v>399</v>
      </c>
      <c r="J130" s="17">
        <v>7</v>
      </c>
      <c r="K130" s="17">
        <v>49</v>
      </c>
      <c r="L130" s="17">
        <v>343</v>
      </c>
      <c r="M130" s="17">
        <v>18939</v>
      </c>
      <c r="N130" s="17">
        <v>345</v>
      </c>
      <c r="O130" s="17">
        <v>8</v>
      </c>
      <c r="P130" s="17">
        <v>93</v>
      </c>
      <c r="Q130" s="17">
        <v>243</v>
      </c>
      <c r="R130" s="17">
        <v>13012</v>
      </c>
    </row>
    <row r="131" spans="1:18">
      <c r="A131" s="21" t="s">
        <v>158</v>
      </c>
      <c r="B131" s="10"/>
      <c r="C131" s="11"/>
      <c r="D131" s="17">
        <v>1202</v>
      </c>
      <c r="E131" s="17">
        <v>31</v>
      </c>
      <c r="F131" s="17">
        <v>258</v>
      </c>
      <c r="G131" s="17">
        <v>912</v>
      </c>
      <c r="H131" s="17">
        <v>50492</v>
      </c>
      <c r="I131" s="17">
        <v>628</v>
      </c>
      <c r="J131" s="17">
        <v>16</v>
      </c>
      <c r="K131" s="17">
        <v>72</v>
      </c>
      <c r="L131" s="17">
        <v>540</v>
      </c>
      <c r="M131" s="17">
        <v>29539</v>
      </c>
      <c r="N131" s="17">
        <v>574</v>
      </c>
      <c r="O131" s="17">
        <v>15</v>
      </c>
      <c r="P131" s="17">
        <v>186</v>
      </c>
      <c r="Q131" s="17">
        <v>372</v>
      </c>
      <c r="R131" s="17">
        <v>20953</v>
      </c>
    </row>
    <row r="132" spans="1:18">
      <c r="A132" s="21" t="s">
        <v>159</v>
      </c>
      <c r="B132" s="10"/>
      <c r="C132" s="11"/>
      <c r="D132" s="17">
        <v>53</v>
      </c>
      <c r="E132" s="17">
        <v>1</v>
      </c>
      <c r="F132" s="17">
        <v>6</v>
      </c>
      <c r="G132" s="17">
        <v>46</v>
      </c>
      <c r="H132" s="17">
        <v>2311</v>
      </c>
      <c r="I132" s="17">
        <v>30</v>
      </c>
      <c r="J132" s="17">
        <v>1</v>
      </c>
      <c r="K132" s="17">
        <v>1</v>
      </c>
      <c r="L132" s="17">
        <v>28</v>
      </c>
      <c r="M132" s="17">
        <v>1481</v>
      </c>
      <c r="N132" s="17">
        <v>23</v>
      </c>
      <c r="O132" s="18" t="s">
        <v>35</v>
      </c>
      <c r="P132" s="17">
        <v>5</v>
      </c>
      <c r="Q132" s="17">
        <v>18</v>
      </c>
      <c r="R132" s="17">
        <v>830</v>
      </c>
    </row>
    <row r="133" spans="1:18">
      <c r="A133" s="21" t="s">
        <v>160</v>
      </c>
      <c r="B133" s="10"/>
      <c r="C133" s="11"/>
      <c r="D133" s="17">
        <v>33</v>
      </c>
      <c r="E133" s="17">
        <v>1</v>
      </c>
      <c r="F133" s="17">
        <v>6</v>
      </c>
      <c r="G133" s="17">
        <v>26</v>
      </c>
      <c r="H133" s="17">
        <v>1425</v>
      </c>
      <c r="I133" s="17">
        <v>17</v>
      </c>
      <c r="J133" s="18" t="s">
        <v>35</v>
      </c>
      <c r="K133" s="17">
        <v>1</v>
      </c>
      <c r="L133" s="17">
        <v>16</v>
      </c>
      <c r="M133" s="17">
        <v>872</v>
      </c>
      <c r="N133" s="17">
        <v>16</v>
      </c>
      <c r="O133" s="17">
        <v>1</v>
      </c>
      <c r="P133" s="17">
        <v>5</v>
      </c>
      <c r="Q133" s="17">
        <v>10</v>
      </c>
      <c r="R133" s="17">
        <v>553</v>
      </c>
    </row>
    <row r="134" spans="1:18">
      <c r="A134" s="21" t="s">
        <v>161</v>
      </c>
      <c r="B134" s="10"/>
      <c r="C134" s="11"/>
      <c r="D134" s="17">
        <v>606</v>
      </c>
      <c r="E134" s="17">
        <v>16</v>
      </c>
      <c r="F134" s="17">
        <v>118</v>
      </c>
      <c r="G134" s="17">
        <v>471</v>
      </c>
      <c r="H134" s="17">
        <v>25530</v>
      </c>
      <c r="I134" s="17">
        <v>344</v>
      </c>
      <c r="J134" s="17">
        <v>6</v>
      </c>
      <c r="K134" s="17">
        <v>34</v>
      </c>
      <c r="L134" s="17">
        <v>304</v>
      </c>
      <c r="M134" s="17">
        <v>16238</v>
      </c>
      <c r="N134" s="17">
        <v>262</v>
      </c>
      <c r="O134" s="17">
        <v>10</v>
      </c>
      <c r="P134" s="17">
        <v>84</v>
      </c>
      <c r="Q134" s="17">
        <v>167</v>
      </c>
      <c r="R134" s="17">
        <v>9292</v>
      </c>
    </row>
    <row r="135" spans="1:18">
      <c r="A135" s="21" t="s">
        <v>162</v>
      </c>
      <c r="B135" s="10"/>
      <c r="C135" s="11"/>
      <c r="D135" s="17">
        <v>199</v>
      </c>
      <c r="E135" s="17">
        <v>3</v>
      </c>
      <c r="F135" s="17">
        <v>45</v>
      </c>
      <c r="G135" s="17">
        <v>151</v>
      </c>
      <c r="H135" s="17">
        <v>8335</v>
      </c>
      <c r="I135" s="17">
        <v>76</v>
      </c>
      <c r="J135" s="17">
        <v>2</v>
      </c>
      <c r="K135" s="17">
        <v>15</v>
      </c>
      <c r="L135" s="17">
        <v>59</v>
      </c>
      <c r="M135" s="17">
        <v>3409</v>
      </c>
      <c r="N135" s="17">
        <v>123</v>
      </c>
      <c r="O135" s="17">
        <v>1</v>
      </c>
      <c r="P135" s="17">
        <v>30</v>
      </c>
      <c r="Q135" s="17">
        <v>92</v>
      </c>
      <c r="R135" s="17">
        <v>4926</v>
      </c>
    </row>
    <row r="136" spans="1:18">
      <c r="A136" s="21" t="s">
        <v>163</v>
      </c>
      <c r="B136" s="10"/>
      <c r="C136" s="11"/>
      <c r="D136" s="17">
        <v>256</v>
      </c>
      <c r="E136" s="17">
        <v>10</v>
      </c>
      <c r="F136" s="17">
        <v>68</v>
      </c>
      <c r="G136" s="17">
        <v>178</v>
      </c>
      <c r="H136" s="17">
        <v>10663</v>
      </c>
      <c r="I136" s="17">
        <v>134</v>
      </c>
      <c r="J136" s="17">
        <v>7</v>
      </c>
      <c r="K136" s="17">
        <v>16</v>
      </c>
      <c r="L136" s="17">
        <v>111</v>
      </c>
      <c r="M136" s="17">
        <v>6351</v>
      </c>
      <c r="N136" s="17">
        <v>122</v>
      </c>
      <c r="O136" s="17">
        <v>3</v>
      </c>
      <c r="P136" s="17">
        <v>52</v>
      </c>
      <c r="Q136" s="17">
        <v>67</v>
      </c>
      <c r="R136" s="17">
        <v>4312</v>
      </c>
    </row>
    <row r="137" spans="1:18">
      <c r="A137" s="21" t="s">
        <v>164</v>
      </c>
      <c r="B137" s="10"/>
      <c r="C137" s="11"/>
      <c r="D137" s="17">
        <v>55</v>
      </c>
      <c r="E137" s="18" t="s">
        <v>35</v>
      </c>
      <c r="F137" s="17">
        <v>15</v>
      </c>
      <c r="G137" s="17">
        <v>40</v>
      </c>
      <c r="H137" s="17">
        <v>2228</v>
      </c>
      <c r="I137" s="17">
        <v>27</v>
      </c>
      <c r="J137" s="18" t="s">
        <v>35</v>
      </c>
      <c r="K137" s="17">
        <v>5</v>
      </c>
      <c r="L137" s="17">
        <v>22</v>
      </c>
      <c r="M137" s="17">
        <v>1188</v>
      </c>
      <c r="N137" s="17">
        <v>28</v>
      </c>
      <c r="O137" s="18" t="s">
        <v>35</v>
      </c>
      <c r="P137" s="17">
        <v>10</v>
      </c>
      <c r="Q137" s="17">
        <v>18</v>
      </c>
      <c r="R137" s="17">
        <v>1040</v>
      </c>
    </row>
    <row r="138" spans="1:18">
      <c r="A138" s="21" t="s">
        <v>165</v>
      </c>
      <c r="B138" s="10"/>
      <c r="C138" s="11"/>
      <c r="D138" s="17">
        <v>50</v>
      </c>
      <c r="E138" s="17">
        <v>1</v>
      </c>
      <c r="F138" s="17">
        <v>11</v>
      </c>
      <c r="G138" s="17">
        <v>38</v>
      </c>
      <c r="H138" s="17">
        <v>1986</v>
      </c>
      <c r="I138" s="17">
        <v>26</v>
      </c>
      <c r="J138" s="17">
        <v>1</v>
      </c>
      <c r="K138" s="17">
        <v>5</v>
      </c>
      <c r="L138" s="17">
        <v>20</v>
      </c>
      <c r="M138" s="17">
        <v>1109</v>
      </c>
      <c r="N138" s="17">
        <v>24</v>
      </c>
      <c r="O138" s="18" t="s">
        <v>35</v>
      </c>
      <c r="P138" s="17">
        <v>6</v>
      </c>
      <c r="Q138" s="17">
        <v>18</v>
      </c>
      <c r="R138" s="17">
        <v>877</v>
      </c>
    </row>
    <row r="139" spans="1:18">
      <c r="A139" s="21" t="s">
        <v>166</v>
      </c>
      <c r="B139" s="10"/>
      <c r="C139" s="11"/>
      <c r="D139" s="17">
        <v>47</v>
      </c>
      <c r="E139" s="17">
        <v>2</v>
      </c>
      <c r="F139" s="17">
        <v>14</v>
      </c>
      <c r="G139" s="17">
        <v>30</v>
      </c>
      <c r="H139" s="17">
        <v>1732</v>
      </c>
      <c r="I139" s="17">
        <v>28</v>
      </c>
      <c r="J139" s="17">
        <v>2</v>
      </c>
      <c r="K139" s="17">
        <v>4</v>
      </c>
      <c r="L139" s="17">
        <v>21</v>
      </c>
      <c r="M139" s="17">
        <v>1141</v>
      </c>
      <c r="N139" s="17">
        <v>19</v>
      </c>
      <c r="O139" s="18" t="s">
        <v>35</v>
      </c>
      <c r="P139" s="17">
        <v>10</v>
      </c>
      <c r="Q139" s="17">
        <v>9</v>
      </c>
      <c r="R139" s="17">
        <v>591</v>
      </c>
    </row>
    <row r="140" spans="1:18">
      <c r="A140" s="21" t="s">
        <v>167</v>
      </c>
      <c r="B140" s="10"/>
      <c r="C140" s="11"/>
      <c r="D140" s="17">
        <v>127</v>
      </c>
      <c r="E140" s="17">
        <v>3</v>
      </c>
      <c r="F140" s="17">
        <v>36</v>
      </c>
      <c r="G140" s="17">
        <v>87</v>
      </c>
      <c r="H140" s="17">
        <v>4998</v>
      </c>
      <c r="I140" s="17">
        <v>72</v>
      </c>
      <c r="J140" s="18" t="s">
        <v>35</v>
      </c>
      <c r="K140" s="17">
        <v>12</v>
      </c>
      <c r="L140" s="17">
        <v>60</v>
      </c>
      <c r="M140" s="17">
        <v>3273</v>
      </c>
      <c r="N140" s="17">
        <v>55</v>
      </c>
      <c r="O140" s="17">
        <v>3</v>
      </c>
      <c r="P140" s="17">
        <v>24</v>
      </c>
      <c r="Q140" s="17">
        <v>27</v>
      </c>
      <c r="R140" s="17">
        <v>1725</v>
      </c>
    </row>
    <row r="141" spans="1:18">
      <c r="A141" s="21" t="s">
        <v>168</v>
      </c>
      <c r="B141" s="10"/>
      <c r="C141" s="11"/>
      <c r="D141" s="17">
        <v>523</v>
      </c>
      <c r="E141" s="17">
        <v>17</v>
      </c>
      <c r="F141" s="17">
        <v>102</v>
      </c>
      <c r="G141" s="17">
        <v>403</v>
      </c>
      <c r="H141" s="17">
        <v>22021</v>
      </c>
      <c r="I141" s="17">
        <v>259</v>
      </c>
      <c r="J141" s="17">
        <v>8</v>
      </c>
      <c r="K141" s="17">
        <v>29</v>
      </c>
      <c r="L141" s="17">
        <v>221</v>
      </c>
      <c r="M141" s="17">
        <v>11908</v>
      </c>
      <c r="N141" s="17">
        <v>264</v>
      </c>
      <c r="O141" s="17">
        <v>9</v>
      </c>
      <c r="P141" s="17">
        <v>73</v>
      </c>
      <c r="Q141" s="17">
        <v>182</v>
      </c>
      <c r="R141" s="17">
        <v>10113</v>
      </c>
    </row>
    <row r="142" spans="1:18">
      <c r="A142" s="21" t="s">
        <v>169</v>
      </c>
      <c r="B142" s="10"/>
      <c r="C142" s="11"/>
      <c r="D142" s="17">
        <v>248</v>
      </c>
      <c r="E142" s="17">
        <v>5</v>
      </c>
      <c r="F142" s="17">
        <v>46</v>
      </c>
      <c r="G142" s="17">
        <v>196</v>
      </c>
      <c r="H142" s="17">
        <v>10569</v>
      </c>
      <c r="I142" s="17">
        <v>118</v>
      </c>
      <c r="J142" s="17">
        <v>4</v>
      </c>
      <c r="K142" s="17">
        <v>14</v>
      </c>
      <c r="L142" s="17">
        <v>99</v>
      </c>
      <c r="M142" s="17">
        <v>5316</v>
      </c>
      <c r="N142" s="17">
        <v>130</v>
      </c>
      <c r="O142" s="17">
        <v>1</v>
      </c>
      <c r="P142" s="17">
        <v>32</v>
      </c>
      <c r="Q142" s="17">
        <v>97</v>
      </c>
      <c r="R142" s="17">
        <v>5253</v>
      </c>
    </row>
    <row r="143" spans="1:18">
      <c r="A143" s="21" t="s">
        <v>170</v>
      </c>
      <c r="B143" s="10"/>
      <c r="C143" s="11"/>
      <c r="D143" s="17">
        <v>275</v>
      </c>
      <c r="E143" s="17">
        <v>12</v>
      </c>
      <c r="F143" s="17">
        <v>56</v>
      </c>
      <c r="G143" s="17">
        <v>207</v>
      </c>
      <c r="H143" s="17">
        <v>11452</v>
      </c>
      <c r="I143" s="17">
        <v>141</v>
      </c>
      <c r="J143" s="17">
        <v>4</v>
      </c>
      <c r="K143" s="17">
        <v>15</v>
      </c>
      <c r="L143" s="17">
        <v>122</v>
      </c>
      <c r="M143" s="17">
        <v>6592</v>
      </c>
      <c r="N143" s="17">
        <v>134</v>
      </c>
      <c r="O143" s="17">
        <v>8</v>
      </c>
      <c r="P143" s="17">
        <v>41</v>
      </c>
      <c r="Q143" s="17">
        <v>85</v>
      </c>
      <c r="R143" s="17">
        <v>4860</v>
      </c>
    </row>
    <row r="144" spans="1:18">
      <c r="A144" s="21" t="s">
        <v>171</v>
      </c>
      <c r="B144" s="10"/>
      <c r="C144" s="11"/>
      <c r="D144" s="17">
        <v>1911</v>
      </c>
      <c r="E144" s="17">
        <v>43</v>
      </c>
      <c r="F144" s="17">
        <v>400</v>
      </c>
      <c r="G144" s="17">
        <v>1423</v>
      </c>
      <c r="H144" s="17">
        <v>79339</v>
      </c>
      <c r="I144" s="17">
        <v>1075</v>
      </c>
      <c r="J144" s="17">
        <v>23</v>
      </c>
      <c r="K144" s="17">
        <v>120</v>
      </c>
      <c r="L144" s="17">
        <v>925</v>
      </c>
      <c r="M144" s="17">
        <v>50782</v>
      </c>
      <c r="N144" s="17">
        <v>836</v>
      </c>
      <c r="O144" s="17">
        <v>20</v>
      </c>
      <c r="P144" s="17">
        <v>280</v>
      </c>
      <c r="Q144" s="17">
        <v>498</v>
      </c>
      <c r="R144" s="17">
        <v>28557</v>
      </c>
    </row>
    <row r="145" spans="1:18">
      <c r="A145" s="21" t="s">
        <v>172</v>
      </c>
      <c r="B145" s="10"/>
      <c r="C145" s="11"/>
      <c r="D145" s="17">
        <v>650</v>
      </c>
      <c r="E145" s="17">
        <v>23</v>
      </c>
      <c r="F145" s="17">
        <v>141</v>
      </c>
      <c r="G145" s="17">
        <v>485</v>
      </c>
      <c r="H145" s="17">
        <v>26965</v>
      </c>
      <c r="I145" s="17">
        <v>363</v>
      </c>
      <c r="J145" s="17">
        <v>14</v>
      </c>
      <c r="K145" s="17">
        <v>38</v>
      </c>
      <c r="L145" s="17">
        <v>310</v>
      </c>
      <c r="M145" s="17">
        <v>16796</v>
      </c>
      <c r="N145" s="17">
        <v>287</v>
      </c>
      <c r="O145" s="17">
        <v>9</v>
      </c>
      <c r="P145" s="17">
        <v>103</v>
      </c>
      <c r="Q145" s="17">
        <v>175</v>
      </c>
      <c r="R145" s="17">
        <v>10169</v>
      </c>
    </row>
    <row r="146" spans="1:18">
      <c r="A146" s="21" t="s">
        <v>173</v>
      </c>
      <c r="B146" s="10"/>
      <c r="C146" s="11"/>
      <c r="D146" s="17">
        <v>453</v>
      </c>
      <c r="E146" s="17">
        <v>6</v>
      </c>
      <c r="F146" s="17">
        <v>122</v>
      </c>
      <c r="G146" s="17">
        <v>322</v>
      </c>
      <c r="H146" s="17">
        <v>18727</v>
      </c>
      <c r="I146" s="17">
        <v>265</v>
      </c>
      <c r="J146" s="17">
        <v>4</v>
      </c>
      <c r="K146" s="17">
        <v>43</v>
      </c>
      <c r="L146" s="17">
        <v>217</v>
      </c>
      <c r="M146" s="17">
        <v>12258</v>
      </c>
      <c r="N146" s="17">
        <v>188</v>
      </c>
      <c r="O146" s="17">
        <v>2</v>
      </c>
      <c r="P146" s="17">
        <v>79</v>
      </c>
      <c r="Q146" s="17">
        <v>105</v>
      </c>
      <c r="R146" s="17">
        <v>6469</v>
      </c>
    </row>
    <row r="147" spans="1:18">
      <c r="A147" s="21" t="s">
        <v>174</v>
      </c>
      <c r="B147" s="10"/>
      <c r="C147" s="11"/>
      <c r="D147" s="17">
        <v>808</v>
      </c>
      <c r="E147" s="17">
        <v>14</v>
      </c>
      <c r="F147" s="17">
        <v>137</v>
      </c>
      <c r="G147" s="17">
        <v>616</v>
      </c>
      <c r="H147" s="17">
        <v>33647</v>
      </c>
      <c r="I147" s="17">
        <v>447</v>
      </c>
      <c r="J147" s="17">
        <v>5</v>
      </c>
      <c r="K147" s="17">
        <v>39</v>
      </c>
      <c r="L147" s="17">
        <v>398</v>
      </c>
      <c r="M147" s="17">
        <v>21728</v>
      </c>
      <c r="N147" s="17">
        <v>361</v>
      </c>
      <c r="O147" s="17">
        <v>9</v>
      </c>
      <c r="P147" s="17">
        <v>98</v>
      </c>
      <c r="Q147" s="17">
        <v>218</v>
      </c>
      <c r="R147" s="17">
        <v>11919</v>
      </c>
    </row>
    <row r="148" spans="1:18">
      <c r="A148" s="21" t="s">
        <v>175</v>
      </c>
      <c r="B148" s="10"/>
      <c r="C148" s="11"/>
      <c r="D148" s="17">
        <v>3329</v>
      </c>
      <c r="E148" s="17">
        <v>75</v>
      </c>
      <c r="F148" s="17">
        <v>780</v>
      </c>
      <c r="G148" s="17">
        <v>2461</v>
      </c>
      <c r="H148" s="17">
        <v>135185</v>
      </c>
      <c r="I148" s="17">
        <v>1763</v>
      </c>
      <c r="J148" s="17">
        <v>38</v>
      </c>
      <c r="K148" s="17">
        <v>248</v>
      </c>
      <c r="L148" s="17">
        <v>1466</v>
      </c>
      <c r="M148" s="17">
        <v>79146</v>
      </c>
      <c r="N148" s="17">
        <v>1566</v>
      </c>
      <c r="O148" s="17">
        <v>37</v>
      </c>
      <c r="P148" s="17">
        <v>532</v>
      </c>
      <c r="Q148" s="17">
        <v>995</v>
      </c>
      <c r="R148" s="17">
        <v>56039</v>
      </c>
    </row>
    <row r="149" spans="1:18">
      <c r="A149" s="21" t="s">
        <v>176</v>
      </c>
      <c r="B149" s="10"/>
      <c r="C149" s="11"/>
      <c r="D149" s="17">
        <v>856</v>
      </c>
      <c r="E149" s="17">
        <v>23</v>
      </c>
      <c r="F149" s="17">
        <v>198</v>
      </c>
      <c r="G149" s="17">
        <v>628</v>
      </c>
      <c r="H149" s="17">
        <v>34865</v>
      </c>
      <c r="I149" s="17">
        <v>435</v>
      </c>
      <c r="J149" s="17">
        <v>16</v>
      </c>
      <c r="K149" s="17">
        <v>59</v>
      </c>
      <c r="L149" s="17">
        <v>354</v>
      </c>
      <c r="M149" s="17">
        <v>19411</v>
      </c>
      <c r="N149" s="17">
        <v>421</v>
      </c>
      <c r="O149" s="17">
        <v>7</v>
      </c>
      <c r="P149" s="17">
        <v>139</v>
      </c>
      <c r="Q149" s="17">
        <v>274</v>
      </c>
      <c r="R149" s="17">
        <v>15454</v>
      </c>
    </row>
    <row r="150" spans="1:18">
      <c r="A150" s="21" t="s">
        <v>177</v>
      </c>
      <c r="B150" s="10"/>
      <c r="C150" s="11"/>
      <c r="D150" s="17">
        <v>1389</v>
      </c>
      <c r="E150" s="17">
        <v>29</v>
      </c>
      <c r="F150" s="17">
        <v>322</v>
      </c>
      <c r="G150" s="17">
        <v>1034</v>
      </c>
      <c r="H150" s="17">
        <v>56527</v>
      </c>
      <c r="I150" s="17">
        <v>746</v>
      </c>
      <c r="J150" s="17">
        <v>11</v>
      </c>
      <c r="K150" s="17">
        <v>111</v>
      </c>
      <c r="L150" s="17">
        <v>620</v>
      </c>
      <c r="M150" s="17">
        <v>33487</v>
      </c>
      <c r="N150" s="17">
        <v>643</v>
      </c>
      <c r="O150" s="17">
        <v>18</v>
      </c>
      <c r="P150" s="17">
        <v>211</v>
      </c>
      <c r="Q150" s="17">
        <v>414</v>
      </c>
      <c r="R150" s="17">
        <v>23040</v>
      </c>
    </row>
    <row r="151" spans="1:18">
      <c r="A151" s="21" t="s">
        <v>178</v>
      </c>
      <c r="B151" s="10"/>
      <c r="C151" s="11"/>
      <c r="D151" s="17">
        <v>1084</v>
      </c>
      <c r="E151" s="17">
        <v>23</v>
      </c>
      <c r="F151" s="17">
        <v>260</v>
      </c>
      <c r="G151" s="17">
        <v>799</v>
      </c>
      <c r="H151" s="17">
        <v>43793</v>
      </c>
      <c r="I151" s="17">
        <v>582</v>
      </c>
      <c r="J151" s="17">
        <v>11</v>
      </c>
      <c r="K151" s="17">
        <v>78</v>
      </c>
      <c r="L151" s="17">
        <v>492</v>
      </c>
      <c r="M151" s="17">
        <v>26248</v>
      </c>
      <c r="N151" s="17">
        <v>502</v>
      </c>
      <c r="O151" s="17">
        <v>12</v>
      </c>
      <c r="P151" s="17">
        <v>182</v>
      </c>
      <c r="Q151" s="17">
        <v>307</v>
      </c>
      <c r="R151" s="17">
        <v>17545</v>
      </c>
    </row>
    <row r="152" spans="1:18">
      <c r="A152" s="21" t="s">
        <v>179</v>
      </c>
      <c r="B152" s="10"/>
      <c r="C152" s="11"/>
      <c r="D152" s="17">
        <v>322</v>
      </c>
      <c r="E152" s="17">
        <v>3</v>
      </c>
      <c r="F152" s="17">
        <v>78</v>
      </c>
      <c r="G152" s="17">
        <v>241</v>
      </c>
      <c r="H152" s="17">
        <v>13328</v>
      </c>
      <c r="I152" s="17">
        <v>161</v>
      </c>
      <c r="J152" s="17">
        <v>2</v>
      </c>
      <c r="K152" s="17">
        <v>20</v>
      </c>
      <c r="L152" s="17">
        <v>139</v>
      </c>
      <c r="M152" s="17">
        <v>7412</v>
      </c>
      <c r="N152" s="17">
        <v>161</v>
      </c>
      <c r="O152" s="17">
        <v>1</v>
      </c>
      <c r="P152" s="17">
        <v>58</v>
      </c>
      <c r="Q152" s="17">
        <v>102</v>
      </c>
      <c r="R152" s="17">
        <v>5916</v>
      </c>
    </row>
    <row r="153" spans="1:18">
      <c r="A153" s="21" t="s">
        <v>180</v>
      </c>
      <c r="B153" s="10"/>
      <c r="C153" s="11"/>
      <c r="D153" s="17">
        <v>92</v>
      </c>
      <c r="E153" s="17">
        <v>1</v>
      </c>
      <c r="F153" s="17">
        <v>19</v>
      </c>
      <c r="G153" s="17">
        <v>71</v>
      </c>
      <c r="H153" s="17">
        <v>4133</v>
      </c>
      <c r="I153" s="17">
        <v>55</v>
      </c>
      <c r="J153" s="18" t="s">
        <v>35</v>
      </c>
      <c r="K153" s="17">
        <v>7</v>
      </c>
      <c r="L153" s="17">
        <v>47</v>
      </c>
      <c r="M153" s="17">
        <v>2745</v>
      </c>
      <c r="N153" s="17">
        <v>37</v>
      </c>
      <c r="O153" s="17">
        <v>1</v>
      </c>
      <c r="P153" s="17">
        <v>12</v>
      </c>
      <c r="Q153" s="17">
        <v>24</v>
      </c>
      <c r="R153" s="17">
        <v>1388</v>
      </c>
    </row>
    <row r="154" spans="1:18">
      <c r="A154" s="21" t="s">
        <v>181</v>
      </c>
      <c r="B154" s="10"/>
      <c r="C154" s="11"/>
      <c r="D154" s="17">
        <v>110</v>
      </c>
      <c r="E154" s="17">
        <v>1</v>
      </c>
      <c r="F154" s="17">
        <v>35</v>
      </c>
      <c r="G154" s="17">
        <v>74</v>
      </c>
      <c r="H154" s="17">
        <v>4370</v>
      </c>
      <c r="I154" s="17">
        <v>55</v>
      </c>
      <c r="J154" s="17">
        <v>1</v>
      </c>
      <c r="K154" s="17">
        <v>11</v>
      </c>
      <c r="L154" s="17">
        <v>43</v>
      </c>
      <c r="M154" s="17">
        <v>2476</v>
      </c>
      <c r="N154" s="17">
        <v>55</v>
      </c>
      <c r="O154" s="18" t="s">
        <v>35</v>
      </c>
      <c r="P154" s="17">
        <v>24</v>
      </c>
      <c r="Q154" s="17">
        <v>31</v>
      </c>
      <c r="R154" s="17">
        <v>1894</v>
      </c>
    </row>
    <row r="155" spans="1:18">
      <c r="A155" s="21" t="s">
        <v>182</v>
      </c>
      <c r="B155" s="10"/>
      <c r="C155" s="11"/>
      <c r="D155" s="17">
        <v>317</v>
      </c>
      <c r="E155" s="17">
        <v>6</v>
      </c>
      <c r="F155" s="17">
        <v>63</v>
      </c>
      <c r="G155" s="17">
        <v>248</v>
      </c>
      <c r="H155" s="17">
        <v>13720</v>
      </c>
      <c r="I155" s="17">
        <v>185</v>
      </c>
      <c r="J155" s="17">
        <v>3</v>
      </c>
      <c r="K155" s="17">
        <v>20</v>
      </c>
      <c r="L155" s="17">
        <v>162</v>
      </c>
      <c r="M155" s="17">
        <v>8777</v>
      </c>
      <c r="N155" s="17">
        <v>132</v>
      </c>
      <c r="O155" s="17">
        <v>3</v>
      </c>
      <c r="P155" s="17">
        <v>43</v>
      </c>
      <c r="Q155" s="17">
        <v>86</v>
      </c>
      <c r="R155" s="17">
        <v>4943</v>
      </c>
    </row>
    <row r="156" spans="1:18">
      <c r="A156" s="21" t="s">
        <v>183</v>
      </c>
      <c r="B156" s="10"/>
      <c r="C156" s="11"/>
      <c r="D156" s="17">
        <v>139</v>
      </c>
      <c r="E156" s="17">
        <v>4</v>
      </c>
      <c r="F156" s="17">
        <v>29</v>
      </c>
      <c r="G156" s="17">
        <v>106</v>
      </c>
      <c r="H156" s="17">
        <v>5888</v>
      </c>
      <c r="I156" s="17">
        <v>82</v>
      </c>
      <c r="J156" s="17">
        <v>3</v>
      </c>
      <c r="K156" s="17">
        <v>12</v>
      </c>
      <c r="L156" s="17">
        <v>67</v>
      </c>
      <c r="M156" s="17">
        <v>3677</v>
      </c>
      <c r="N156" s="17">
        <v>57</v>
      </c>
      <c r="O156" s="17">
        <v>1</v>
      </c>
      <c r="P156" s="17">
        <v>17</v>
      </c>
      <c r="Q156" s="17">
        <v>39</v>
      </c>
      <c r="R156" s="17">
        <v>2211</v>
      </c>
    </row>
    <row r="157" spans="1:18">
      <c r="A157" s="21" t="s">
        <v>184</v>
      </c>
      <c r="B157" s="10"/>
      <c r="C157" s="11"/>
      <c r="D157" s="17">
        <v>178</v>
      </c>
      <c r="E157" s="17">
        <v>2</v>
      </c>
      <c r="F157" s="17">
        <v>34</v>
      </c>
      <c r="G157" s="17">
        <v>142</v>
      </c>
      <c r="H157" s="17">
        <v>7832</v>
      </c>
      <c r="I157" s="17">
        <v>103</v>
      </c>
      <c r="J157" s="18" t="s">
        <v>35</v>
      </c>
      <c r="K157" s="17">
        <v>8</v>
      </c>
      <c r="L157" s="17">
        <v>95</v>
      </c>
      <c r="M157" s="17">
        <v>5100</v>
      </c>
      <c r="N157" s="17">
        <v>75</v>
      </c>
      <c r="O157" s="17">
        <v>2</v>
      </c>
      <c r="P157" s="17">
        <v>26</v>
      </c>
      <c r="Q157" s="17">
        <v>47</v>
      </c>
      <c r="R157" s="17">
        <v>2732</v>
      </c>
    </row>
    <row r="158" spans="1:18">
      <c r="A158" s="21" t="s">
        <v>185</v>
      </c>
      <c r="B158" s="10"/>
      <c r="C158" s="11"/>
      <c r="D158" s="17">
        <v>292</v>
      </c>
      <c r="E158" s="17">
        <v>3</v>
      </c>
      <c r="F158" s="17">
        <v>82</v>
      </c>
      <c r="G158" s="17">
        <v>207</v>
      </c>
      <c r="H158" s="17">
        <v>11927</v>
      </c>
      <c r="I158" s="17">
        <v>190</v>
      </c>
      <c r="J158" s="18" t="s">
        <v>35</v>
      </c>
      <c r="K158" s="17">
        <v>45</v>
      </c>
      <c r="L158" s="17">
        <v>145</v>
      </c>
      <c r="M158" s="17">
        <v>8349</v>
      </c>
      <c r="N158" s="17">
        <v>102</v>
      </c>
      <c r="O158" s="17">
        <v>3</v>
      </c>
      <c r="P158" s="17">
        <v>37</v>
      </c>
      <c r="Q158" s="17">
        <v>62</v>
      </c>
      <c r="R158" s="17">
        <v>3578</v>
      </c>
    </row>
    <row r="159" spans="1:18">
      <c r="A159" s="21" t="s">
        <v>186</v>
      </c>
      <c r="B159" s="10"/>
      <c r="C159" s="11"/>
      <c r="D159" s="17">
        <v>716</v>
      </c>
      <c r="E159" s="17">
        <v>8</v>
      </c>
      <c r="F159" s="17">
        <v>155</v>
      </c>
      <c r="G159" s="17">
        <v>551</v>
      </c>
      <c r="H159" s="17">
        <v>30721</v>
      </c>
      <c r="I159" s="17">
        <v>389</v>
      </c>
      <c r="J159" s="17">
        <v>4</v>
      </c>
      <c r="K159" s="17">
        <v>33</v>
      </c>
      <c r="L159" s="17">
        <v>350</v>
      </c>
      <c r="M159" s="17">
        <v>19065</v>
      </c>
      <c r="N159" s="17">
        <v>327</v>
      </c>
      <c r="O159" s="17">
        <v>4</v>
      </c>
      <c r="P159" s="17">
        <v>122</v>
      </c>
      <c r="Q159" s="17">
        <v>201</v>
      </c>
      <c r="R159" s="17">
        <v>11656</v>
      </c>
    </row>
    <row r="160" spans="1:18">
      <c r="B160" s="28"/>
      <c r="C160" s="28"/>
    </row>
    <row r="161" spans="2:3">
      <c r="B161" s="28"/>
      <c r="C161" s="28"/>
    </row>
    <row r="162" spans="2:3">
      <c r="B162" s="28"/>
      <c r="C162" s="28"/>
    </row>
    <row r="163" spans="2:3">
      <c r="B163" s="28"/>
      <c r="C163" s="28"/>
    </row>
    <row r="164" spans="2:3">
      <c r="B164" s="28"/>
      <c r="C164" s="28"/>
    </row>
    <row r="165" spans="2:3">
      <c r="B165" s="28"/>
      <c r="C165" s="28"/>
    </row>
    <row r="166" spans="2:3">
      <c r="B166" s="28"/>
      <c r="C166" s="28"/>
    </row>
    <row r="167" spans="2:3">
      <c r="B167" s="28"/>
      <c r="C167" s="28"/>
    </row>
    <row r="168" spans="2:3">
      <c r="B168" s="28"/>
      <c r="C168" s="28"/>
    </row>
    <row r="169" spans="2:3">
      <c r="B169" s="28"/>
      <c r="C169" s="28"/>
    </row>
    <row r="170" spans="2:3">
      <c r="B170" s="28"/>
      <c r="C170" s="28"/>
    </row>
    <row r="171" spans="2:3">
      <c r="B171" s="28"/>
      <c r="C171" s="28"/>
    </row>
    <row r="172" spans="2:3">
      <c r="B172" s="28"/>
      <c r="C172" s="28"/>
    </row>
    <row r="173" spans="2:3">
      <c r="B173" s="28"/>
      <c r="C173" s="28"/>
    </row>
    <row r="174" spans="2:3">
      <c r="B174" s="28"/>
      <c r="C174" s="28"/>
    </row>
    <row r="175" spans="2:3">
      <c r="B175" s="28"/>
      <c r="C175" s="28"/>
    </row>
    <row r="176" spans="2:3">
      <c r="B176" s="28"/>
      <c r="C176" s="28"/>
    </row>
  </sheetData>
  <mergeCells count="7">
    <mergeCell ref="A1:D1"/>
    <mergeCell ref="A3:R3"/>
    <mergeCell ref="A5:A6"/>
    <mergeCell ref="B5:C6"/>
    <mergeCell ref="D5:H5"/>
    <mergeCell ref="I5:M5"/>
    <mergeCell ref="N5:R5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65" fitToHeight="0" pageOrder="overThenDown" orientation="landscape" horizontalDpi="300" verticalDpi="300" r:id="rId1"/>
  <headerFooter alignWithMargins="0"/>
  <rowBreaks count="1" manualBreakCount="1">
    <brk id="86" max="17" man="1"/>
  </rowBreaks>
  <colBreaks count="1" manualBreakCount="1">
    <brk id="13" max="1048575" man="1"/>
  </colBreaks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R112"/>
  <sheetViews>
    <sheetView zoomScaleNormal="100" workbookViewId="0">
      <selection sqref="A1:XFD2"/>
    </sheetView>
  </sheetViews>
  <sheetFormatPr defaultRowHeight="13.5"/>
  <cols>
    <col min="1" max="1" width="25.83203125" style="12" customWidth="1"/>
    <col min="2" max="3" width="4.83203125" style="12" customWidth="1"/>
    <col min="4" max="4" width="22.1640625" style="9" customWidth="1"/>
    <col min="5" max="5" width="13.6640625" style="9" bestFit="1" customWidth="1"/>
    <col min="6" max="7" width="19.5" style="9" bestFit="1" customWidth="1"/>
    <col min="8" max="8" width="30.33203125" style="9" bestFit="1" customWidth="1"/>
    <col min="9" max="9" width="22.1640625" style="9" customWidth="1"/>
    <col min="10" max="10" width="13.6640625" style="9" bestFit="1" customWidth="1"/>
    <col min="11" max="12" width="19.5" style="9" bestFit="1" customWidth="1"/>
    <col min="13" max="13" width="30.33203125" style="9" bestFit="1" customWidth="1"/>
    <col min="14" max="14" width="22.6640625" style="9" customWidth="1"/>
    <col min="15" max="15" width="13.6640625" style="9" bestFit="1" customWidth="1"/>
    <col min="16" max="17" width="19.5" style="9" bestFit="1" customWidth="1"/>
    <col min="18" max="18" width="30.33203125" style="9" bestFit="1" customWidth="1"/>
    <col min="19" max="16384" width="9.33203125" style="9"/>
  </cols>
  <sheetData>
    <row r="1" spans="1:18" s="1" customFormat="1" ht="16.5" customHeight="1">
      <c r="A1" s="37" t="s">
        <v>0</v>
      </c>
      <c r="B1" s="37"/>
      <c r="C1" s="37"/>
      <c r="D1" s="37"/>
      <c r="E1" s="31"/>
      <c r="F1" s="31"/>
      <c r="G1" s="31"/>
      <c r="H1" s="31"/>
      <c r="I1" s="32"/>
      <c r="J1" s="32"/>
      <c r="K1" s="32"/>
      <c r="L1" s="32"/>
      <c r="M1" s="32"/>
      <c r="N1" s="32"/>
      <c r="O1" s="32"/>
      <c r="P1" s="31"/>
      <c r="Q1" s="31"/>
      <c r="R1" s="31"/>
    </row>
    <row r="2" spans="1:18" s="1" customFormat="1" ht="16.5" customHeight="1">
      <c r="D2" s="31"/>
      <c r="E2" s="31"/>
      <c r="F2" s="31"/>
      <c r="G2" s="31"/>
      <c r="H2" s="31"/>
      <c r="I2" s="32"/>
      <c r="J2" s="32"/>
      <c r="K2" s="32"/>
      <c r="L2" s="32"/>
      <c r="M2" s="32"/>
      <c r="N2" s="32"/>
      <c r="O2" s="32"/>
      <c r="P2" s="31"/>
      <c r="Q2" s="31"/>
      <c r="R2" s="31"/>
    </row>
    <row r="3" spans="1:18">
      <c r="A3" s="38" t="s">
        <v>2462</v>
      </c>
      <c r="B3" s="38"/>
      <c r="C3" s="38"/>
      <c r="D3" s="38"/>
      <c r="E3" s="38"/>
      <c r="F3" s="38"/>
      <c r="G3" s="38"/>
      <c r="H3" s="38"/>
      <c r="I3" s="38"/>
      <c r="J3" s="38"/>
      <c r="K3" s="38"/>
      <c r="L3" s="38"/>
      <c r="M3" s="38"/>
      <c r="N3" s="38"/>
      <c r="O3" s="38"/>
      <c r="P3" s="38"/>
      <c r="Q3" s="38"/>
      <c r="R3" s="38"/>
    </row>
    <row r="4" spans="1:18">
      <c r="A4" s="9"/>
      <c r="B4" s="9"/>
      <c r="C4" s="9"/>
    </row>
    <row r="6" spans="1:18" ht="13.5" customHeight="1">
      <c r="A6" s="48" t="s">
        <v>26</v>
      </c>
      <c r="B6" s="41" t="s">
        <v>27</v>
      </c>
      <c r="C6" s="42"/>
      <c r="D6" s="45" t="s">
        <v>2463</v>
      </c>
      <c r="E6" s="46"/>
      <c r="F6" s="46"/>
      <c r="G6" s="46"/>
      <c r="H6" s="47"/>
      <c r="I6" s="45" t="s">
        <v>2464</v>
      </c>
      <c r="J6" s="46"/>
      <c r="K6" s="46"/>
      <c r="L6" s="46"/>
      <c r="M6" s="47"/>
      <c r="N6" s="45" t="s">
        <v>2465</v>
      </c>
      <c r="O6" s="46"/>
      <c r="P6" s="46"/>
      <c r="Q6" s="46"/>
      <c r="R6" s="47"/>
    </row>
    <row r="7" spans="1:18" s="23" customFormat="1">
      <c r="A7" s="49"/>
      <c r="B7" s="43"/>
      <c r="C7" s="44"/>
      <c r="D7" s="29" t="s">
        <v>2466</v>
      </c>
      <c r="E7" s="29" t="s">
        <v>2467</v>
      </c>
      <c r="F7" s="29" t="s">
        <v>2468</v>
      </c>
      <c r="G7" s="29" t="s">
        <v>2469</v>
      </c>
      <c r="H7" s="29" t="s">
        <v>2470</v>
      </c>
      <c r="I7" s="29" t="s">
        <v>2471</v>
      </c>
      <c r="J7" s="29" t="s">
        <v>2467</v>
      </c>
      <c r="K7" s="29" t="s">
        <v>2468</v>
      </c>
      <c r="L7" s="29" t="s">
        <v>2469</v>
      </c>
      <c r="M7" s="29" t="s">
        <v>2470</v>
      </c>
      <c r="N7" s="29" t="s">
        <v>2471</v>
      </c>
      <c r="O7" s="29" t="s">
        <v>2467</v>
      </c>
      <c r="P7" s="29" t="s">
        <v>2468</v>
      </c>
      <c r="Q7" s="29" t="s">
        <v>2469</v>
      </c>
      <c r="R7" s="29" t="s">
        <v>2470</v>
      </c>
    </row>
    <row r="8" spans="1:18" s="15" customFormat="1">
      <c r="A8" s="20" t="s">
        <v>1706</v>
      </c>
      <c r="B8" s="13" t="s">
        <v>25</v>
      </c>
      <c r="C8" s="14" t="s">
        <v>25</v>
      </c>
      <c r="D8" s="16">
        <v>47199</v>
      </c>
      <c r="E8" s="16">
        <v>692</v>
      </c>
      <c r="F8" s="16">
        <v>11900</v>
      </c>
      <c r="G8" s="16">
        <v>34562</v>
      </c>
      <c r="H8" s="16">
        <v>1928914</v>
      </c>
      <c r="I8" s="16">
        <v>26457</v>
      </c>
      <c r="J8" s="16">
        <v>366</v>
      </c>
      <c r="K8" s="16">
        <v>3534</v>
      </c>
      <c r="L8" s="16">
        <v>22536</v>
      </c>
      <c r="M8" s="16">
        <v>1215006</v>
      </c>
      <c r="N8" s="16">
        <v>20742</v>
      </c>
      <c r="O8" s="16">
        <v>326</v>
      </c>
      <c r="P8" s="16">
        <v>8366</v>
      </c>
      <c r="Q8" s="16">
        <v>12026</v>
      </c>
      <c r="R8" s="16">
        <v>713908</v>
      </c>
    </row>
    <row r="9" spans="1:18">
      <c r="A9" s="30" t="s">
        <v>1707</v>
      </c>
      <c r="B9" s="10" t="s">
        <v>25</v>
      </c>
      <c r="C9" s="11" t="s">
        <v>25</v>
      </c>
      <c r="D9" s="17">
        <v>3311</v>
      </c>
      <c r="E9" s="17">
        <v>57</v>
      </c>
      <c r="F9" s="17">
        <v>850</v>
      </c>
      <c r="G9" s="17">
        <v>2402</v>
      </c>
      <c r="H9" s="17">
        <v>135692</v>
      </c>
      <c r="I9" s="17">
        <v>1811</v>
      </c>
      <c r="J9" s="17">
        <v>29</v>
      </c>
      <c r="K9" s="17">
        <v>245</v>
      </c>
      <c r="L9" s="17">
        <v>1535</v>
      </c>
      <c r="M9" s="17">
        <v>83210</v>
      </c>
      <c r="N9" s="17">
        <v>1500</v>
      </c>
      <c r="O9" s="17">
        <v>28</v>
      </c>
      <c r="P9" s="17">
        <v>605</v>
      </c>
      <c r="Q9" s="17">
        <v>867</v>
      </c>
      <c r="R9" s="17">
        <v>52482</v>
      </c>
    </row>
    <row r="10" spans="1:18">
      <c r="A10" s="21" t="s">
        <v>1708</v>
      </c>
      <c r="B10" s="10" t="s">
        <v>25</v>
      </c>
      <c r="C10" s="11" t="s">
        <v>25</v>
      </c>
      <c r="D10" s="17">
        <v>670</v>
      </c>
      <c r="E10" s="17">
        <v>10</v>
      </c>
      <c r="F10" s="17">
        <v>180</v>
      </c>
      <c r="G10" s="17">
        <v>480</v>
      </c>
      <c r="H10" s="17">
        <v>26354</v>
      </c>
      <c r="I10" s="17">
        <v>341</v>
      </c>
      <c r="J10" s="17">
        <v>6</v>
      </c>
      <c r="K10" s="17">
        <v>50</v>
      </c>
      <c r="L10" s="17">
        <v>285</v>
      </c>
      <c r="M10" s="17">
        <v>15136</v>
      </c>
      <c r="N10" s="17">
        <v>329</v>
      </c>
      <c r="O10" s="17">
        <v>4</v>
      </c>
      <c r="P10" s="17">
        <v>130</v>
      </c>
      <c r="Q10" s="17">
        <v>195</v>
      </c>
      <c r="R10" s="17">
        <v>11218</v>
      </c>
    </row>
    <row r="11" spans="1:18">
      <c r="A11" s="21" t="s">
        <v>1709</v>
      </c>
      <c r="B11" s="10" t="s">
        <v>25</v>
      </c>
      <c r="C11" s="11" t="s">
        <v>25</v>
      </c>
      <c r="D11" s="17">
        <v>1181</v>
      </c>
      <c r="E11" s="17">
        <v>24</v>
      </c>
      <c r="F11" s="17">
        <v>288</v>
      </c>
      <c r="G11" s="17">
        <v>869</v>
      </c>
      <c r="H11" s="17">
        <v>49050</v>
      </c>
      <c r="I11" s="17">
        <v>665</v>
      </c>
      <c r="J11" s="17">
        <v>11</v>
      </c>
      <c r="K11" s="17">
        <v>84</v>
      </c>
      <c r="L11" s="17">
        <v>570</v>
      </c>
      <c r="M11" s="17">
        <v>30587</v>
      </c>
      <c r="N11" s="17">
        <v>516</v>
      </c>
      <c r="O11" s="17">
        <v>13</v>
      </c>
      <c r="P11" s="17">
        <v>204</v>
      </c>
      <c r="Q11" s="17">
        <v>299</v>
      </c>
      <c r="R11" s="17">
        <v>18463</v>
      </c>
    </row>
    <row r="12" spans="1:18">
      <c r="A12" s="21" t="s">
        <v>1710</v>
      </c>
      <c r="B12" s="10" t="s">
        <v>25</v>
      </c>
      <c r="C12" s="11" t="s">
        <v>25</v>
      </c>
      <c r="D12" s="17">
        <v>1460</v>
      </c>
      <c r="E12" s="17">
        <v>23</v>
      </c>
      <c r="F12" s="17">
        <v>382</v>
      </c>
      <c r="G12" s="17">
        <v>1053</v>
      </c>
      <c r="H12" s="17">
        <v>60288</v>
      </c>
      <c r="I12" s="17">
        <v>805</v>
      </c>
      <c r="J12" s="17">
        <v>12</v>
      </c>
      <c r="K12" s="17">
        <v>111</v>
      </c>
      <c r="L12" s="17">
        <v>680</v>
      </c>
      <c r="M12" s="17">
        <v>37487</v>
      </c>
      <c r="N12" s="17">
        <v>655</v>
      </c>
      <c r="O12" s="17">
        <v>11</v>
      </c>
      <c r="P12" s="17">
        <v>271</v>
      </c>
      <c r="Q12" s="17">
        <v>373</v>
      </c>
      <c r="R12" s="17">
        <v>22801</v>
      </c>
    </row>
    <row r="13" spans="1:18">
      <c r="A13" s="21" t="s">
        <v>1711</v>
      </c>
      <c r="B13" s="10" t="s">
        <v>25</v>
      </c>
      <c r="C13" s="11" t="s">
        <v>25</v>
      </c>
      <c r="D13" s="17">
        <v>1232</v>
      </c>
      <c r="E13" s="17">
        <v>20</v>
      </c>
      <c r="F13" s="17">
        <v>327</v>
      </c>
      <c r="G13" s="17">
        <v>870</v>
      </c>
      <c r="H13" s="17">
        <v>49011</v>
      </c>
      <c r="I13" s="17">
        <v>692</v>
      </c>
      <c r="J13" s="17">
        <v>15</v>
      </c>
      <c r="K13" s="17">
        <v>98</v>
      </c>
      <c r="L13" s="17">
        <v>572</v>
      </c>
      <c r="M13" s="17">
        <v>30869</v>
      </c>
      <c r="N13" s="17">
        <v>540</v>
      </c>
      <c r="O13" s="17">
        <v>5</v>
      </c>
      <c r="P13" s="17">
        <v>229</v>
      </c>
      <c r="Q13" s="17">
        <v>298</v>
      </c>
      <c r="R13" s="17">
        <v>18142</v>
      </c>
    </row>
    <row r="14" spans="1:18">
      <c r="A14" s="21" t="s">
        <v>1712</v>
      </c>
      <c r="B14" s="10" t="s">
        <v>25</v>
      </c>
      <c r="C14" s="11" t="s">
        <v>25</v>
      </c>
      <c r="D14" s="17">
        <v>107</v>
      </c>
      <c r="E14" s="17">
        <v>1</v>
      </c>
      <c r="F14" s="17">
        <v>30</v>
      </c>
      <c r="G14" s="17">
        <v>76</v>
      </c>
      <c r="H14" s="17">
        <v>4278</v>
      </c>
      <c r="I14" s="17">
        <v>49</v>
      </c>
      <c r="J14" s="17">
        <v>1</v>
      </c>
      <c r="K14" s="17">
        <v>7</v>
      </c>
      <c r="L14" s="17">
        <v>41</v>
      </c>
      <c r="M14" s="17">
        <v>2214</v>
      </c>
      <c r="N14" s="17">
        <v>58</v>
      </c>
      <c r="O14" s="18" t="s">
        <v>35</v>
      </c>
      <c r="P14" s="17">
        <v>23</v>
      </c>
      <c r="Q14" s="18">
        <v>35</v>
      </c>
      <c r="R14" s="17">
        <v>2064</v>
      </c>
    </row>
    <row r="15" spans="1:18">
      <c r="A15" s="21" t="s">
        <v>1713</v>
      </c>
      <c r="B15" s="10" t="s">
        <v>25</v>
      </c>
      <c r="C15" s="11" t="s">
        <v>25</v>
      </c>
      <c r="D15" s="17">
        <v>530</v>
      </c>
      <c r="E15" s="17">
        <v>14</v>
      </c>
      <c r="F15" s="18">
        <v>156</v>
      </c>
      <c r="G15" s="17">
        <v>346</v>
      </c>
      <c r="H15" s="17">
        <v>20449</v>
      </c>
      <c r="I15" s="17">
        <v>294</v>
      </c>
      <c r="J15" s="17">
        <v>11</v>
      </c>
      <c r="K15" s="18">
        <v>47</v>
      </c>
      <c r="L15" s="17">
        <v>230</v>
      </c>
      <c r="M15" s="17">
        <v>12935</v>
      </c>
      <c r="N15" s="17">
        <v>236</v>
      </c>
      <c r="O15" s="18">
        <v>3</v>
      </c>
      <c r="P15" s="18">
        <v>109</v>
      </c>
      <c r="Q15" s="17">
        <v>116</v>
      </c>
      <c r="R15" s="17">
        <v>7514</v>
      </c>
    </row>
    <row r="16" spans="1:18">
      <c r="A16" s="21" t="s">
        <v>1714</v>
      </c>
      <c r="B16" s="10" t="s">
        <v>25</v>
      </c>
      <c r="C16" s="11" t="s">
        <v>25</v>
      </c>
      <c r="D16" s="17">
        <v>595</v>
      </c>
      <c r="E16" s="17">
        <v>5</v>
      </c>
      <c r="F16" s="18">
        <v>141</v>
      </c>
      <c r="G16" s="18">
        <v>448</v>
      </c>
      <c r="H16" s="18">
        <v>24284</v>
      </c>
      <c r="I16" s="18">
        <v>349</v>
      </c>
      <c r="J16" s="18">
        <v>3</v>
      </c>
      <c r="K16" s="18">
        <v>44</v>
      </c>
      <c r="L16" s="18">
        <v>301</v>
      </c>
      <c r="M16" s="18">
        <v>15720</v>
      </c>
      <c r="N16" s="17">
        <v>246</v>
      </c>
      <c r="O16" s="17">
        <v>2</v>
      </c>
      <c r="P16" s="18">
        <v>97</v>
      </c>
      <c r="Q16" s="18">
        <v>147</v>
      </c>
      <c r="R16" s="18">
        <v>8564</v>
      </c>
    </row>
    <row r="17" spans="1:18">
      <c r="A17" s="21" t="s">
        <v>1715</v>
      </c>
      <c r="B17" s="10" t="s">
        <v>25</v>
      </c>
      <c r="C17" s="11" t="s">
        <v>25</v>
      </c>
      <c r="D17" s="17">
        <v>3140</v>
      </c>
      <c r="E17" s="17">
        <v>49</v>
      </c>
      <c r="F17" s="17">
        <v>770</v>
      </c>
      <c r="G17" s="17">
        <v>2321</v>
      </c>
      <c r="H17" s="17">
        <v>128826</v>
      </c>
      <c r="I17" s="17">
        <v>1715</v>
      </c>
      <c r="J17" s="17">
        <v>20</v>
      </c>
      <c r="K17" s="17">
        <v>221</v>
      </c>
      <c r="L17" s="17">
        <v>1474</v>
      </c>
      <c r="M17" s="17">
        <v>79411</v>
      </c>
      <c r="N17" s="17">
        <v>1425</v>
      </c>
      <c r="O17" s="17">
        <v>29</v>
      </c>
      <c r="P17" s="17">
        <v>549</v>
      </c>
      <c r="Q17" s="17">
        <v>847</v>
      </c>
      <c r="R17" s="17">
        <v>49415</v>
      </c>
    </row>
    <row r="18" spans="1:18">
      <c r="A18" s="21" t="s">
        <v>1716</v>
      </c>
      <c r="B18" s="10" t="s">
        <v>25</v>
      </c>
      <c r="C18" s="11" t="s">
        <v>25</v>
      </c>
      <c r="D18" s="18">
        <v>375</v>
      </c>
      <c r="E18" s="18">
        <v>6</v>
      </c>
      <c r="F18" s="18">
        <v>76</v>
      </c>
      <c r="G18" s="18">
        <v>293</v>
      </c>
      <c r="H18" s="18">
        <v>15466</v>
      </c>
      <c r="I18" s="18">
        <v>199</v>
      </c>
      <c r="J18" s="18">
        <v>2</v>
      </c>
      <c r="K18" s="18">
        <v>24</v>
      </c>
      <c r="L18" s="18">
        <v>173</v>
      </c>
      <c r="M18" s="18">
        <v>9211</v>
      </c>
      <c r="N18" s="18">
        <v>176</v>
      </c>
      <c r="O18" s="18">
        <v>4</v>
      </c>
      <c r="P18" s="18">
        <v>52</v>
      </c>
      <c r="Q18" s="18">
        <v>120</v>
      </c>
      <c r="R18" s="18">
        <v>6255</v>
      </c>
    </row>
    <row r="19" spans="1:18">
      <c r="A19" s="21" t="s">
        <v>1717</v>
      </c>
      <c r="B19" s="10" t="s">
        <v>25</v>
      </c>
      <c r="C19" s="11" t="s">
        <v>25</v>
      </c>
      <c r="D19" s="17">
        <v>257</v>
      </c>
      <c r="E19" s="17">
        <v>4</v>
      </c>
      <c r="F19" s="17">
        <v>58</v>
      </c>
      <c r="G19" s="17">
        <v>195</v>
      </c>
      <c r="H19" s="17">
        <v>10822</v>
      </c>
      <c r="I19" s="17">
        <v>140</v>
      </c>
      <c r="J19" s="17">
        <v>1</v>
      </c>
      <c r="K19" s="17">
        <v>14</v>
      </c>
      <c r="L19" s="17">
        <v>125</v>
      </c>
      <c r="M19" s="17">
        <v>6856</v>
      </c>
      <c r="N19" s="17">
        <v>117</v>
      </c>
      <c r="O19" s="17">
        <v>3</v>
      </c>
      <c r="P19" s="17">
        <v>44</v>
      </c>
      <c r="Q19" s="17">
        <v>70</v>
      </c>
      <c r="R19" s="17">
        <v>3966</v>
      </c>
    </row>
    <row r="20" spans="1:18">
      <c r="A20" s="21" t="s">
        <v>1718</v>
      </c>
      <c r="B20" s="10" t="s">
        <v>25</v>
      </c>
      <c r="C20" s="11" t="s">
        <v>25</v>
      </c>
      <c r="D20" s="18">
        <v>877</v>
      </c>
      <c r="E20" s="18">
        <v>10</v>
      </c>
      <c r="F20" s="18">
        <v>226</v>
      </c>
      <c r="G20" s="18">
        <v>641</v>
      </c>
      <c r="H20" s="18">
        <v>36459</v>
      </c>
      <c r="I20" s="18">
        <v>489</v>
      </c>
      <c r="J20" s="18">
        <v>4</v>
      </c>
      <c r="K20" s="18">
        <v>75</v>
      </c>
      <c r="L20" s="18">
        <v>410</v>
      </c>
      <c r="M20" s="18">
        <v>22677</v>
      </c>
      <c r="N20" s="18">
        <v>388</v>
      </c>
      <c r="O20" s="18">
        <v>6</v>
      </c>
      <c r="P20" s="18">
        <v>151</v>
      </c>
      <c r="Q20" s="18">
        <v>231</v>
      </c>
      <c r="R20" s="18">
        <v>13782</v>
      </c>
    </row>
    <row r="21" spans="1:18">
      <c r="A21" s="21" t="s">
        <v>1719</v>
      </c>
      <c r="B21" s="10" t="s">
        <v>25</v>
      </c>
      <c r="C21" s="11" t="s">
        <v>25</v>
      </c>
      <c r="D21" s="17">
        <v>907</v>
      </c>
      <c r="E21" s="17">
        <v>16</v>
      </c>
      <c r="F21" s="17">
        <v>221</v>
      </c>
      <c r="G21" s="17">
        <v>670</v>
      </c>
      <c r="H21" s="17">
        <v>37039</v>
      </c>
      <c r="I21" s="17">
        <v>491</v>
      </c>
      <c r="J21" s="17">
        <v>6</v>
      </c>
      <c r="K21" s="17">
        <v>62</v>
      </c>
      <c r="L21" s="17">
        <v>423</v>
      </c>
      <c r="M21" s="17">
        <v>22555</v>
      </c>
      <c r="N21" s="17">
        <v>416</v>
      </c>
      <c r="O21" s="17">
        <v>10</v>
      </c>
      <c r="P21" s="17">
        <v>159</v>
      </c>
      <c r="Q21" s="17">
        <v>247</v>
      </c>
      <c r="R21" s="17">
        <v>14484</v>
      </c>
    </row>
    <row r="22" spans="1:18">
      <c r="A22" s="21" t="s">
        <v>1720</v>
      </c>
      <c r="B22" s="10" t="s">
        <v>25</v>
      </c>
      <c r="C22" s="11" t="s">
        <v>25</v>
      </c>
      <c r="D22" s="17">
        <v>724</v>
      </c>
      <c r="E22" s="17">
        <v>13</v>
      </c>
      <c r="F22" s="17">
        <v>189</v>
      </c>
      <c r="G22" s="17">
        <v>522</v>
      </c>
      <c r="H22" s="17">
        <v>29040</v>
      </c>
      <c r="I22" s="17">
        <v>396</v>
      </c>
      <c r="J22" s="17">
        <v>7</v>
      </c>
      <c r="K22" s="17">
        <v>46</v>
      </c>
      <c r="L22" s="17">
        <v>343</v>
      </c>
      <c r="M22" s="17">
        <v>18112</v>
      </c>
      <c r="N22" s="17">
        <v>328</v>
      </c>
      <c r="O22" s="17">
        <v>6</v>
      </c>
      <c r="P22" s="17">
        <v>143</v>
      </c>
      <c r="Q22" s="17">
        <v>179</v>
      </c>
      <c r="R22" s="17">
        <v>10928</v>
      </c>
    </row>
    <row r="23" spans="1:18">
      <c r="A23" s="21" t="s">
        <v>1721</v>
      </c>
      <c r="B23" s="10" t="s">
        <v>25</v>
      </c>
      <c r="C23" s="11" t="s">
        <v>25</v>
      </c>
      <c r="D23" s="17">
        <v>3097</v>
      </c>
      <c r="E23" s="18">
        <v>44</v>
      </c>
      <c r="F23" s="17">
        <v>763</v>
      </c>
      <c r="G23" s="17">
        <v>2289</v>
      </c>
      <c r="H23" s="17">
        <v>128379</v>
      </c>
      <c r="I23" s="17">
        <v>1695</v>
      </c>
      <c r="J23" s="18">
        <v>14</v>
      </c>
      <c r="K23" s="17">
        <v>213</v>
      </c>
      <c r="L23" s="17">
        <v>1467</v>
      </c>
      <c r="M23" s="17">
        <v>79354</v>
      </c>
      <c r="N23" s="17">
        <v>1402</v>
      </c>
      <c r="O23" s="18">
        <v>30</v>
      </c>
      <c r="P23" s="17">
        <v>550</v>
      </c>
      <c r="Q23" s="17">
        <v>822</v>
      </c>
      <c r="R23" s="17">
        <v>49025</v>
      </c>
    </row>
    <row r="24" spans="1:18">
      <c r="A24" s="21" t="s">
        <v>1722</v>
      </c>
      <c r="B24" s="10" t="s">
        <v>25</v>
      </c>
      <c r="C24" s="11" t="s">
        <v>25</v>
      </c>
      <c r="D24" s="17">
        <v>66</v>
      </c>
      <c r="E24" s="17" t="s">
        <v>35</v>
      </c>
      <c r="F24" s="17">
        <v>15</v>
      </c>
      <c r="G24" s="17">
        <v>51</v>
      </c>
      <c r="H24" s="17">
        <v>2827</v>
      </c>
      <c r="I24" s="17">
        <v>20</v>
      </c>
      <c r="J24" s="17" t="s">
        <v>35</v>
      </c>
      <c r="K24" s="17">
        <v>2</v>
      </c>
      <c r="L24" s="17">
        <v>18</v>
      </c>
      <c r="M24" s="17">
        <v>984</v>
      </c>
      <c r="N24" s="17">
        <v>46</v>
      </c>
      <c r="O24" s="17" t="s">
        <v>35</v>
      </c>
      <c r="P24" s="17">
        <v>13</v>
      </c>
      <c r="Q24" s="17">
        <v>33</v>
      </c>
      <c r="R24" s="17">
        <v>1843</v>
      </c>
    </row>
    <row r="25" spans="1:18">
      <c r="A25" s="21" t="s">
        <v>1723</v>
      </c>
      <c r="B25" s="10" t="s">
        <v>25</v>
      </c>
      <c r="C25" s="11" t="s">
        <v>25</v>
      </c>
      <c r="D25" s="17">
        <v>1329</v>
      </c>
      <c r="E25" s="17">
        <v>20</v>
      </c>
      <c r="F25" s="17">
        <v>340</v>
      </c>
      <c r="G25" s="17">
        <v>969</v>
      </c>
      <c r="H25" s="17">
        <v>55100</v>
      </c>
      <c r="I25" s="17">
        <v>716</v>
      </c>
      <c r="J25" s="17">
        <v>9</v>
      </c>
      <c r="K25" s="17">
        <v>92</v>
      </c>
      <c r="L25" s="17">
        <v>615</v>
      </c>
      <c r="M25" s="17">
        <v>33398</v>
      </c>
      <c r="N25" s="17">
        <v>613</v>
      </c>
      <c r="O25" s="17">
        <v>11</v>
      </c>
      <c r="P25" s="17">
        <v>248</v>
      </c>
      <c r="Q25" s="17">
        <v>354</v>
      </c>
      <c r="R25" s="17">
        <v>21702</v>
      </c>
    </row>
    <row r="26" spans="1:18">
      <c r="A26" s="21" t="s">
        <v>1724</v>
      </c>
      <c r="B26" s="10" t="s">
        <v>25</v>
      </c>
      <c r="C26" s="11" t="s">
        <v>25</v>
      </c>
      <c r="D26" s="17">
        <v>1224</v>
      </c>
      <c r="E26" s="17">
        <v>14</v>
      </c>
      <c r="F26" s="17">
        <v>276</v>
      </c>
      <c r="G26" s="17">
        <v>933</v>
      </c>
      <c r="H26" s="17">
        <v>50997</v>
      </c>
      <c r="I26" s="17">
        <v>697</v>
      </c>
      <c r="J26" s="17">
        <v>4</v>
      </c>
      <c r="K26" s="17">
        <v>78</v>
      </c>
      <c r="L26" s="17">
        <v>614</v>
      </c>
      <c r="M26" s="17">
        <v>32761</v>
      </c>
      <c r="N26" s="17">
        <v>527</v>
      </c>
      <c r="O26" s="17">
        <v>10</v>
      </c>
      <c r="P26" s="17">
        <v>198</v>
      </c>
      <c r="Q26" s="17">
        <v>319</v>
      </c>
      <c r="R26" s="17">
        <v>18236</v>
      </c>
    </row>
    <row r="27" spans="1:18">
      <c r="A27" s="21" t="s">
        <v>1725</v>
      </c>
      <c r="B27" s="10" t="s">
        <v>25</v>
      </c>
      <c r="C27" s="11" t="s">
        <v>25</v>
      </c>
      <c r="D27" s="17">
        <v>478</v>
      </c>
      <c r="E27" s="17">
        <v>10</v>
      </c>
      <c r="F27" s="17">
        <v>132</v>
      </c>
      <c r="G27" s="17">
        <v>336</v>
      </c>
      <c r="H27" s="17">
        <v>19455</v>
      </c>
      <c r="I27" s="17">
        <v>262</v>
      </c>
      <c r="J27" s="17">
        <v>1</v>
      </c>
      <c r="K27" s="17">
        <v>41</v>
      </c>
      <c r="L27" s="17">
        <v>220</v>
      </c>
      <c r="M27" s="17">
        <v>12211</v>
      </c>
      <c r="N27" s="17">
        <v>216</v>
      </c>
      <c r="O27" s="17">
        <v>9</v>
      </c>
      <c r="P27" s="17">
        <v>91</v>
      </c>
      <c r="Q27" s="17">
        <v>116</v>
      </c>
      <c r="R27" s="17">
        <v>7244</v>
      </c>
    </row>
    <row r="28" spans="1:18">
      <c r="A28" s="21" t="s">
        <v>1726</v>
      </c>
      <c r="B28" s="10" t="s">
        <v>25</v>
      </c>
      <c r="C28" s="11" t="s">
        <v>25</v>
      </c>
      <c r="D28" s="17">
        <v>1072</v>
      </c>
      <c r="E28" s="17">
        <v>15</v>
      </c>
      <c r="F28" s="17">
        <v>287</v>
      </c>
      <c r="G28" s="17">
        <v>770</v>
      </c>
      <c r="H28" s="17">
        <v>43190</v>
      </c>
      <c r="I28" s="17">
        <v>593</v>
      </c>
      <c r="J28" s="17">
        <v>7</v>
      </c>
      <c r="K28" s="17">
        <v>69</v>
      </c>
      <c r="L28" s="17">
        <v>517</v>
      </c>
      <c r="M28" s="17">
        <v>27494</v>
      </c>
      <c r="N28" s="17">
        <v>479</v>
      </c>
      <c r="O28" s="17">
        <v>8</v>
      </c>
      <c r="P28" s="17">
        <v>218</v>
      </c>
      <c r="Q28" s="17">
        <v>253</v>
      </c>
      <c r="R28" s="17">
        <v>15696</v>
      </c>
    </row>
    <row r="29" spans="1:18">
      <c r="A29" s="21" t="s">
        <v>1727</v>
      </c>
      <c r="B29" s="10" t="s">
        <v>25</v>
      </c>
      <c r="C29" s="11" t="s">
        <v>25</v>
      </c>
      <c r="D29" s="17">
        <v>649</v>
      </c>
      <c r="E29" s="17">
        <v>6</v>
      </c>
      <c r="F29" s="17">
        <v>159</v>
      </c>
      <c r="G29" s="17">
        <v>484</v>
      </c>
      <c r="H29" s="17">
        <v>26399</v>
      </c>
      <c r="I29" s="17">
        <v>362</v>
      </c>
      <c r="J29" s="17">
        <v>2</v>
      </c>
      <c r="K29" s="17">
        <v>43</v>
      </c>
      <c r="L29" s="17">
        <v>317</v>
      </c>
      <c r="M29" s="17">
        <v>16843</v>
      </c>
      <c r="N29" s="17">
        <v>287</v>
      </c>
      <c r="O29" s="17">
        <v>4</v>
      </c>
      <c r="P29" s="17">
        <v>116</v>
      </c>
      <c r="Q29" s="17">
        <v>167</v>
      </c>
      <c r="R29" s="17">
        <v>9556</v>
      </c>
    </row>
    <row r="30" spans="1:18">
      <c r="A30" s="21" t="s">
        <v>1728</v>
      </c>
      <c r="B30" s="10" t="s">
        <v>25</v>
      </c>
      <c r="C30" s="11" t="s">
        <v>25</v>
      </c>
      <c r="D30" s="17">
        <v>423</v>
      </c>
      <c r="E30" s="17">
        <v>9</v>
      </c>
      <c r="F30" s="17">
        <v>128</v>
      </c>
      <c r="G30" s="17">
        <v>286</v>
      </c>
      <c r="H30" s="17">
        <v>16791</v>
      </c>
      <c r="I30" s="17">
        <v>231</v>
      </c>
      <c r="J30" s="17">
        <v>5</v>
      </c>
      <c r="K30" s="17">
        <v>26</v>
      </c>
      <c r="L30" s="17">
        <v>200</v>
      </c>
      <c r="M30" s="17">
        <v>10651</v>
      </c>
      <c r="N30" s="17">
        <v>192</v>
      </c>
      <c r="O30" s="17">
        <v>4</v>
      </c>
      <c r="P30" s="17">
        <v>102</v>
      </c>
      <c r="Q30" s="17">
        <v>86</v>
      </c>
      <c r="R30" s="17">
        <v>6140</v>
      </c>
    </row>
    <row r="31" spans="1:18">
      <c r="A31" s="21" t="s">
        <v>1729</v>
      </c>
      <c r="B31" s="10" t="s">
        <v>25</v>
      </c>
      <c r="C31" s="11" t="s">
        <v>25</v>
      </c>
      <c r="D31" s="17">
        <v>1405</v>
      </c>
      <c r="E31" s="17">
        <v>26</v>
      </c>
      <c r="F31" s="17">
        <v>359</v>
      </c>
      <c r="G31" s="17">
        <v>1018</v>
      </c>
      <c r="H31" s="17">
        <v>58452</v>
      </c>
      <c r="I31" s="17">
        <v>786</v>
      </c>
      <c r="J31" s="17">
        <v>16</v>
      </c>
      <c r="K31" s="17">
        <v>105</v>
      </c>
      <c r="L31" s="17">
        <v>665</v>
      </c>
      <c r="M31" s="17">
        <v>36981</v>
      </c>
      <c r="N31" s="17">
        <v>619</v>
      </c>
      <c r="O31" s="17">
        <v>10</v>
      </c>
      <c r="P31" s="17">
        <v>254</v>
      </c>
      <c r="Q31" s="17">
        <v>353</v>
      </c>
      <c r="R31" s="17">
        <v>21471</v>
      </c>
    </row>
    <row r="32" spans="1:18">
      <c r="A32" s="21" t="s">
        <v>1730</v>
      </c>
      <c r="B32" s="10" t="s">
        <v>25</v>
      </c>
      <c r="C32" s="11" t="s">
        <v>25</v>
      </c>
      <c r="D32" s="17">
        <v>292</v>
      </c>
      <c r="E32" s="17">
        <v>5</v>
      </c>
      <c r="F32" s="17">
        <v>86</v>
      </c>
      <c r="G32" s="17">
        <v>201</v>
      </c>
      <c r="H32" s="17">
        <v>11911</v>
      </c>
      <c r="I32" s="17">
        <v>154</v>
      </c>
      <c r="J32" s="18">
        <v>4</v>
      </c>
      <c r="K32" s="17">
        <v>27</v>
      </c>
      <c r="L32" s="17">
        <v>123</v>
      </c>
      <c r="M32" s="17">
        <v>7059</v>
      </c>
      <c r="N32" s="17">
        <v>138</v>
      </c>
      <c r="O32" s="17">
        <v>1</v>
      </c>
      <c r="P32" s="17">
        <v>59</v>
      </c>
      <c r="Q32" s="17">
        <v>78</v>
      </c>
      <c r="R32" s="17">
        <v>4852</v>
      </c>
    </row>
    <row r="33" spans="1:18">
      <c r="A33" s="21" t="s">
        <v>1731</v>
      </c>
      <c r="B33" s="10" t="s">
        <v>25</v>
      </c>
      <c r="C33" s="11" t="s">
        <v>25</v>
      </c>
      <c r="D33" s="17">
        <v>751</v>
      </c>
      <c r="E33" s="17">
        <v>9</v>
      </c>
      <c r="F33" s="17">
        <v>191</v>
      </c>
      <c r="G33" s="17">
        <v>550</v>
      </c>
      <c r="H33" s="17">
        <v>31767</v>
      </c>
      <c r="I33" s="17">
        <v>426</v>
      </c>
      <c r="J33" s="17">
        <v>3</v>
      </c>
      <c r="K33" s="17">
        <v>61</v>
      </c>
      <c r="L33" s="17">
        <v>362</v>
      </c>
      <c r="M33" s="17">
        <v>20258</v>
      </c>
      <c r="N33" s="17">
        <v>325</v>
      </c>
      <c r="O33" s="17">
        <v>6</v>
      </c>
      <c r="P33" s="17">
        <v>130</v>
      </c>
      <c r="Q33" s="17">
        <v>188</v>
      </c>
      <c r="R33" s="17">
        <v>11509</v>
      </c>
    </row>
    <row r="34" spans="1:18">
      <c r="A34" s="21" t="s">
        <v>1732</v>
      </c>
      <c r="B34" s="10" t="s">
        <v>25</v>
      </c>
      <c r="C34" s="11" t="s">
        <v>25</v>
      </c>
      <c r="D34" s="18">
        <v>362</v>
      </c>
      <c r="E34" s="18">
        <v>12</v>
      </c>
      <c r="F34" s="18">
        <v>82</v>
      </c>
      <c r="G34" s="18">
        <v>267</v>
      </c>
      <c r="H34" s="18">
        <v>14774</v>
      </c>
      <c r="I34" s="18">
        <v>206</v>
      </c>
      <c r="J34" s="18">
        <v>9</v>
      </c>
      <c r="K34" s="18">
        <v>17</v>
      </c>
      <c r="L34" s="18">
        <v>180</v>
      </c>
      <c r="M34" s="18">
        <v>9664</v>
      </c>
      <c r="N34" s="18">
        <v>156</v>
      </c>
      <c r="O34" s="18">
        <v>3</v>
      </c>
      <c r="P34" s="18">
        <v>65</v>
      </c>
      <c r="Q34" s="18">
        <v>87</v>
      </c>
      <c r="R34" s="18">
        <v>5110</v>
      </c>
    </row>
    <row r="35" spans="1:18">
      <c r="A35" s="21" t="s">
        <v>1733</v>
      </c>
      <c r="B35" s="10" t="s">
        <v>25</v>
      </c>
      <c r="C35" s="11" t="s">
        <v>25</v>
      </c>
      <c r="D35" s="17">
        <v>1572</v>
      </c>
      <c r="E35" s="18">
        <v>21</v>
      </c>
      <c r="F35" s="17">
        <v>382</v>
      </c>
      <c r="G35" s="17">
        <v>1169</v>
      </c>
      <c r="H35" s="17">
        <v>65035</v>
      </c>
      <c r="I35" s="17">
        <v>861</v>
      </c>
      <c r="J35" s="18">
        <v>9</v>
      </c>
      <c r="K35" s="17">
        <v>114</v>
      </c>
      <c r="L35" s="17">
        <v>738</v>
      </c>
      <c r="M35" s="17">
        <v>39923</v>
      </c>
      <c r="N35" s="17">
        <v>711</v>
      </c>
      <c r="O35" s="18">
        <v>12</v>
      </c>
      <c r="P35" s="17">
        <v>268</v>
      </c>
      <c r="Q35" s="17">
        <v>431</v>
      </c>
      <c r="R35" s="17">
        <v>25112</v>
      </c>
    </row>
    <row r="36" spans="1:18">
      <c r="A36" s="21" t="s">
        <v>1734</v>
      </c>
      <c r="B36" s="10" t="s">
        <v>25</v>
      </c>
      <c r="C36" s="11" t="s">
        <v>25</v>
      </c>
      <c r="D36" s="17">
        <v>315</v>
      </c>
      <c r="E36" s="17">
        <v>4</v>
      </c>
      <c r="F36" s="17">
        <v>73</v>
      </c>
      <c r="G36" s="17">
        <v>238</v>
      </c>
      <c r="H36" s="17">
        <v>13103</v>
      </c>
      <c r="I36" s="17">
        <v>179</v>
      </c>
      <c r="J36" s="17" t="s">
        <v>35</v>
      </c>
      <c r="K36" s="17">
        <v>29</v>
      </c>
      <c r="L36" s="17">
        <v>150</v>
      </c>
      <c r="M36" s="17">
        <v>8145</v>
      </c>
      <c r="N36" s="17">
        <v>136</v>
      </c>
      <c r="O36" s="17">
        <v>4</v>
      </c>
      <c r="P36" s="17">
        <v>44</v>
      </c>
      <c r="Q36" s="17">
        <v>88</v>
      </c>
      <c r="R36" s="17">
        <v>4958</v>
      </c>
    </row>
    <row r="37" spans="1:18">
      <c r="A37" s="21" t="s">
        <v>1735</v>
      </c>
      <c r="B37" s="10" t="s">
        <v>25</v>
      </c>
      <c r="C37" s="11" t="s">
        <v>25</v>
      </c>
      <c r="D37" s="17">
        <v>527</v>
      </c>
      <c r="E37" s="17">
        <v>5</v>
      </c>
      <c r="F37" s="17">
        <v>128</v>
      </c>
      <c r="G37" s="17">
        <v>394</v>
      </c>
      <c r="H37" s="17">
        <v>22843</v>
      </c>
      <c r="I37" s="17">
        <v>280</v>
      </c>
      <c r="J37" s="17">
        <v>2</v>
      </c>
      <c r="K37" s="17">
        <v>37</v>
      </c>
      <c r="L37" s="17">
        <v>241</v>
      </c>
      <c r="M37" s="17">
        <v>13814</v>
      </c>
      <c r="N37" s="17">
        <v>247</v>
      </c>
      <c r="O37" s="17">
        <v>3</v>
      </c>
      <c r="P37" s="17">
        <v>91</v>
      </c>
      <c r="Q37" s="17">
        <v>153</v>
      </c>
      <c r="R37" s="17">
        <v>9029</v>
      </c>
    </row>
    <row r="38" spans="1:18">
      <c r="A38" s="21" t="s">
        <v>1736</v>
      </c>
      <c r="B38" s="10" t="s">
        <v>25</v>
      </c>
      <c r="C38" s="11" t="s">
        <v>25</v>
      </c>
      <c r="D38" s="17">
        <v>730</v>
      </c>
      <c r="E38" s="17">
        <v>12</v>
      </c>
      <c r="F38" s="17">
        <v>181</v>
      </c>
      <c r="G38" s="17">
        <v>537</v>
      </c>
      <c r="H38" s="17">
        <v>29089</v>
      </c>
      <c r="I38" s="17">
        <v>402</v>
      </c>
      <c r="J38" s="17">
        <v>7</v>
      </c>
      <c r="K38" s="17">
        <v>48</v>
      </c>
      <c r="L38" s="17">
        <v>347</v>
      </c>
      <c r="M38" s="17">
        <v>17964</v>
      </c>
      <c r="N38" s="17">
        <v>328</v>
      </c>
      <c r="O38" s="17">
        <v>5</v>
      </c>
      <c r="P38" s="17">
        <v>133</v>
      </c>
      <c r="Q38" s="17">
        <v>190</v>
      </c>
      <c r="R38" s="17">
        <v>11125</v>
      </c>
    </row>
    <row r="39" spans="1:18">
      <c r="A39" s="21" t="s">
        <v>1737</v>
      </c>
      <c r="B39" s="10" t="s">
        <v>25</v>
      </c>
      <c r="C39" s="11" t="s">
        <v>25</v>
      </c>
      <c r="D39" s="17">
        <v>1864</v>
      </c>
      <c r="E39" s="17">
        <v>26</v>
      </c>
      <c r="F39" s="17">
        <v>474</v>
      </c>
      <c r="G39" s="17">
        <v>1360</v>
      </c>
      <c r="H39" s="17">
        <v>75931</v>
      </c>
      <c r="I39" s="17">
        <v>1040</v>
      </c>
      <c r="J39" s="17">
        <v>14</v>
      </c>
      <c r="K39" s="17">
        <v>148</v>
      </c>
      <c r="L39" s="17">
        <v>876</v>
      </c>
      <c r="M39" s="17">
        <v>47487</v>
      </c>
      <c r="N39" s="17">
        <v>824</v>
      </c>
      <c r="O39" s="17">
        <v>12</v>
      </c>
      <c r="P39" s="17">
        <v>326</v>
      </c>
      <c r="Q39" s="17">
        <v>484</v>
      </c>
      <c r="R39" s="17">
        <v>28444</v>
      </c>
    </row>
    <row r="40" spans="1:18">
      <c r="A40" s="21" t="s">
        <v>1738</v>
      </c>
      <c r="B40" s="10" t="s">
        <v>25</v>
      </c>
      <c r="C40" s="11" t="s">
        <v>25</v>
      </c>
      <c r="D40" s="17">
        <v>211</v>
      </c>
      <c r="E40" s="17">
        <v>4</v>
      </c>
      <c r="F40" s="17">
        <v>63</v>
      </c>
      <c r="G40" s="17">
        <v>144</v>
      </c>
      <c r="H40" s="17">
        <v>8602</v>
      </c>
      <c r="I40" s="17">
        <v>119</v>
      </c>
      <c r="J40" s="18">
        <v>3</v>
      </c>
      <c r="K40" s="17">
        <v>20</v>
      </c>
      <c r="L40" s="17">
        <v>96</v>
      </c>
      <c r="M40" s="17">
        <v>5468</v>
      </c>
      <c r="N40" s="17">
        <v>92</v>
      </c>
      <c r="O40" s="17">
        <v>1</v>
      </c>
      <c r="P40" s="17">
        <v>43</v>
      </c>
      <c r="Q40" s="17">
        <v>48</v>
      </c>
      <c r="R40" s="17">
        <v>3134</v>
      </c>
    </row>
    <row r="41" spans="1:18">
      <c r="A41" s="21" t="s">
        <v>1739</v>
      </c>
      <c r="B41" s="10" t="s">
        <v>25</v>
      </c>
      <c r="C41" s="11" t="s">
        <v>25</v>
      </c>
      <c r="D41" s="17">
        <v>411</v>
      </c>
      <c r="E41" s="17">
        <v>9</v>
      </c>
      <c r="F41" s="17">
        <v>95</v>
      </c>
      <c r="G41" s="17">
        <v>306</v>
      </c>
      <c r="H41" s="17">
        <v>16900</v>
      </c>
      <c r="I41" s="17">
        <v>224</v>
      </c>
      <c r="J41" s="17">
        <v>3</v>
      </c>
      <c r="K41" s="17">
        <v>34</v>
      </c>
      <c r="L41" s="17">
        <v>187</v>
      </c>
      <c r="M41" s="17">
        <v>10065</v>
      </c>
      <c r="N41" s="17">
        <v>187</v>
      </c>
      <c r="O41" s="17">
        <v>6</v>
      </c>
      <c r="P41" s="17">
        <v>61</v>
      </c>
      <c r="Q41" s="17">
        <v>119</v>
      </c>
      <c r="R41" s="17">
        <v>6835</v>
      </c>
    </row>
    <row r="42" spans="1:18">
      <c r="A42" s="21" t="s">
        <v>1740</v>
      </c>
      <c r="B42" s="10" t="s">
        <v>25</v>
      </c>
      <c r="C42" s="11" t="s">
        <v>25</v>
      </c>
      <c r="D42" s="18">
        <v>479</v>
      </c>
      <c r="E42" s="18">
        <v>9</v>
      </c>
      <c r="F42" s="18">
        <v>113</v>
      </c>
      <c r="G42" s="18">
        <v>355</v>
      </c>
      <c r="H42" s="18">
        <v>19471</v>
      </c>
      <c r="I42" s="18">
        <v>267</v>
      </c>
      <c r="J42" s="18">
        <v>5</v>
      </c>
      <c r="K42" s="18">
        <v>35</v>
      </c>
      <c r="L42" s="18">
        <v>226</v>
      </c>
      <c r="M42" s="18">
        <v>12427</v>
      </c>
      <c r="N42" s="18">
        <v>212</v>
      </c>
      <c r="O42" s="18">
        <v>4</v>
      </c>
      <c r="P42" s="18">
        <v>78</v>
      </c>
      <c r="Q42" s="18">
        <v>129</v>
      </c>
      <c r="R42" s="18">
        <v>7044</v>
      </c>
    </row>
    <row r="43" spans="1:18">
      <c r="A43" s="21" t="s">
        <v>1741</v>
      </c>
      <c r="B43" s="10" t="s">
        <v>25</v>
      </c>
      <c r="C43" s="11" t="s">
        <v>25</v>
      </c>
      <c r="D43" s="17">
        <v>763</v>
      </c>
      <c r="E43" s="17">
        <v>4</v>
      </c>
      <c r="F43" s="17">
        <v>203</v>
      </c>
      <c r="G43" s="17">
        <v>555</v>
      </c>
      <c r="H43" s="17">
        <v>30958</v>
      </c>
      <c r="I43" s="17">
        <v>430</v>
      </c>
      <c r="J43" s="17">
        <v>3</v>
      </c>
      <c r="K43" s="17">
        <v>59</v>
      </c>
      <c r="L43" s="17">
        <v>367</v>
      </c>
      <c r="M43" s="17">
        <v>19527</v>
      </c>
      <c r="N43" s="17">
        <v>333</v>
      </c>
      <c r="O43" s="17">
        <v>1</v>
      </c>
      <c r="P43" s="17">
        <v>144</v>
      </c>
      <c r="Q43" s="17">
        <v>188</v>
      </c>
      <c r="R43" s="17">
        <v>11431</v>
      </c>
    </row>
    <row r="44" spans="1:18">
      <c r="A44" s="21" t="s">
        <v>1742</v>
      </c>
      <c r="B44" s="10" t="s">
        <v>25</v>
      </c>
      <c r="C44" s="11" t="s">
        <v>25</v>
      </c>
      <c r="D44" s="17">
        <v>3320</v>
      </c>
      <c r="E44" s="18">
        <v>62</v>
      </c>
      <c r="F44" s="17">
        <v>796</v>
      </c>
      <c r="G44" s="17">
        <v>2457</v>
      </c>
      <c r="H44" s="17">
        <v>137759</v>
      </c>
      <c r="I44" s="17">
        <v>1790</v>
      </c>
      <c r="J44" s="18">
        <v>36</v>
      </c>
      <c r="K44" s="17">
        <v>236</v>
      </c>
      <c r="L44" s="17">
        <v>1516</v>
      </c>
      <c r="M44" s="17">
        <v>83057</v>
      </c>
      <c r="N44" s="17">
        <v>1530</v>
      </c>
      <c r="O44" s="18">
        <v>26</v>
      </c>
      <c r="P44" s="17">
        <v>560</v>
      </c>
      <c r="Q44" s="17">
        <v>941</v>
      </c>
      <c r="R44" s="17">
        <v>54702</v>
      </c>
    </row>
    <row r="45" spans="1:18">
      <c r="A45" s="21" t="s">
        <v>1743</v>
      </c>
      <c r="B45" s="10" t="s">
        <v>25</v>
      </c>
      <c r="C45" s="11" t="s">
        <v>25</v>
      </c>
      <c r="D45" s="17">
        <v>1162</v>
      </c>
      <c r="E45" s="17">
        <v>19</v>
      </c>
      <c r="F45" s="17">
        <v>263</v>
      </c>
      <c r="G45" s="17">
        <v>878</v>
      </c>
      <c r="H45" s="17">
        <v>49764</v>
      </c>
      <c r="I45" s="17">
        <v>584</v>
      </c>
      <c r="J45" s="17">
        <v>12</v>
      </c>
      <c r="K45" s="17">
        <v>71</v>
      </c>
      <c r="L45" s="17">
        <v>499</v>
      </c>
      <c r="M45" s="17">
        <v>28007</v>
      </c>
      <c r="N45" s="17">
        <v>578</v>
      </c>
      <c r="O45" s="17">
        <v>7</v>
      </c>
      <c r="P45" s="17">
        <v>192</v>
      </c>
      <c r="Q45" s="17">
        <v>379</v>
      </c>
      <c r="R45" s="17">
        <v>21757</v>
      </c>
    </row>
    <row r="46" spans="1:18">
      <c r="A46" s="21" t="s">
        <v>1744</v>
      </c>
      <c r="B46" s="10" t="s">
        <v>25</v>
      </c>
      <c r="C46" s="11" t="s">
        <v>25</v>
      </c>
      <c r="D46" s="17">
        <v>829</v>
      </c>
      <c r="E46" s="17">
        <v>12</v>
      </c>
      <c r="F46" s="17">
        <v>200</v>
      </c>
      <c r="G46" s="17">
        <v>615</v>
      </c>
      <c r="H46" s="17">
        <v>33841</v>
      </c>
      <c r="I46" s="17">
        <v>456</v>
      </c>
      <c r="J46" s="17">
        <v>6</v>
      </c>
      <c r="K46" s="17">
        <v>57</v>
      </c>
      <c r="L46" s="17">
        <v>393</v>
      </c>
      <c r="M46" s="17">
        <v>21115</v>
      </c>
      <c r="N46" s="17">
        <v>373</v>
      </c>
      <c r="O46" s="17">
        <v>6</v>
      </c>
      <c r="P46" s="17">
        <v>143</v>
      </c>
      <c r="Q46" s="17">
        <v>222</v>
      </c>
      <c r="R46" s="17">
        <v>12726</v>
      </c>
    </row>
    <row r="47" spans="1:18">
      <c r="A47" s="21" t="s">
        <v>1745</v>
      </c>
      <c r="B47" s="10" t="s">
        <v>25</v>
      </c>
      <c r="C47" s="11" t="s">
        <v>25</v>
      </c>
      <c r="D47" s="17">
        <v>468</v>
      </c>
      <c r="E47" s="17">
        <v>11</v>
      </c>
      <c r="F47" s="17">
        <v>124</v>
      </c>
      <c r="G47" s="17">
        <v>333</v>
      </c>
      <c r="H47" s="17">
        <v>18334</v>
      </c>
      <c r="I47" s="17">
        <v>262</v>
      </c>
      <c r="J47" s="17">
        <v>6</v>
      </c>
      <c r="K47" s="17">
        <v>44</v>
      </c>
      <c r="L47" s="17">
        <v>212</v>
      </c>
      <c r="M47" s="17">
        <v>11319</v>
      </c>
      <c r="N47" s="17">
        <v>206</v>
      </c>
      <c r="O47" s="17">
        <v>5</v>
      </c>
      <c r="P47" s="17">
        <v>80</v>
      </c>
      <c r="Q47" s="17">
        <v>121</v>
      </c>
      <c r="R47" s="17">
        <v>7015</v>
      </c>
    </row>
    <row r="48" spans="1:18">
      <c r="A48" s="21" t="s">
        <v>1746</v>
      </c>
      <c r="B48" s="10" t="s">
        <v>25</v>
      </c>
      <c r="C48" s="11" t="s">
        <v>25</v>
      </c>
      <c r="D48" s="17">
        <v>471</v>
      </c>
      <c r="E48" s="18">
        <v>10</v>
      </c>
      <c r="F48" s="17">
        <v>123</v>
      </c>
      <c r="G48" s="17">
        <v>338</v>
      </c>
      <c r="H48" s="17">
        <v>19391</v>
      </c>
      <c r="I48" s="17">
        <v>272</v>
      </c>
      <c r="J48" s="18">
        <v>6</v>
      </c>
      <c r="K48" s="17">
        <v>39</v>
      </c>
      <c r="L48" s="17">
        <v>227</v>
      </c>
      <c r="M48" s="17">
        <v>12632</v>
      </c>
      <c r="N48" s="17">
        <v>199</v>
      </c>
      <c r="O48" s="18">
        <v>4</v>
      </c>
      <c r="P48" s="17">
        <v>84</v>
      </c>
      <c r="Q48" s="17">
        <v>111</v>
      </c>
      <c r="R48" s="17">
        <v>6759</v>
      </c>
    </row>
    <row r="49" spans="1:18">
      <c r="A49" s="21" t="s">
        <v>1747</v>
      </c>
      <c r="B49" s="10" t="s">
        <v>25</v>
      </c>
      <c r="C49" s="11" t="s">
        <v>25</v>
      </c>
      <c r="D49" s="17">
        <v>390</v>
      </c>
      <c r="E49" s="18">
        <v>10</v>
      </c>
      <c r="F49" s="17">
        <v>86</v>
      </c>
      <c r="G49" s="17">
        <v>293</v>
      </c>
      <c r="H49" s="17">
        <v>16429</v>
      </c>
      <c r="I49" s="17">
        <v>216</v>
      </c>
      <c r="J49" s="18">
        <v>6</v>
      </c>
      <c r="K49" s="17">
        <v>25</v>
      </c>
      <c r="L49" s="17">
        <v>185</v>
      </c>
      <c r="M49" s="17">
        <v>9984</v>
      </c>
      <c r="N49" s="17">
        <v>174</v>
      </c>
      <c r="O49" s="18">
        <v>4</v>
      </c>
      <c r="P49" s="17">
        <v>61</v>
      </c>
      <c r="Q49" s="17">
        <v>108</v>
      </c>
      <c r="R49" s="17">
        <v>6445</v>
      </c>
    </row>
    <row r="50" spans="1:18">
      <c r="A50" s="21" t="s">
        <v>1748</v>
      </c>
      <c r="B50" s="10" t="s">
        <v>25</v>
      </c>
      <c r="C50" s="11" t="s">
        <v>25</v>
      </c>
      <c r="D50" s="17">
        <v>8806</v>
      </c>
      <c r="E50" s="18">
        <v>126</v>
      </c>
      <c r="F50" s="17">
        <v>2190</v>
      </c>
      <c r="G50" s="17">
        <v>6482</v>
      </c>
      <c r="H50" s="17">
        <v>360215</v>
      </c>
      <c r="I50" s="17">
        <v>4863</v>
      </c>
      <c r="J50" s="18">
        <v>63</v>
      </c>
      <c r="K50" s="17">
        <v>688</v>
      </c>
      <c r="L50" s="17">
        <v>4108</v>
      </c>
      <c r="M50" s="17">
        <v>222497</v>
      </c>
      <c r="N50" s="17">
        <v>3943</v>
      </c>
      <c r="O50" s="18">
        <v>63</v>
      </c>
      <c r="P50" s="17">
        <v>1502</v>
      </c>
      <c r="Q50" s="17">
        <v>2374</v>
      </c>
      <c r="R50" s="17">
        <v>137718</v>
      </c>
    </row>
    <row r="51" spans="1:18">
      <c r="A51" s="21" t="s">
        <v>1749</v>
      </c>
      <c r="B51" s="10" t="s">
        <v>25</v>
      </c>
      <c r="C51" s="11" t="s">
        <v>25</v>
      </c>
      <c r="D51" s="17">
        <v>2701</v>
      </c>
      <c r="E51" s="17">
        <v>29</v>
      </c>
      <c r="F51" s="17">
        <v>715</v>
      </c>
      <c r="G51" s="17">
        <v>1951</v>
      </c>
      <c r="H51" s="17">
        <v>109053</v>
      </c>
      <c r="I51" s="17">
        <v>1494</v>
      </c>
      <c r="J51" s="18">
        <v>15</v>
      </c>
      <c r="K51" s="17">
        <v>233</v>
      </c>
      <c r="L51" s="17">
        <v>1243</v>
      </c>
      <c r="M51" s="17">
        <v>67552</v>
      </c>
      <c r="N51" s="17">
        <v>1207</v>
      </c>
      <c r="O51" s="17">
        <v>14</v>
      </c>
      <c r="P51" s="17">
        <v>482</v>
      </c>
      <c r="Q51" s="17">
        <v>708</v>
      </c>
      <c r="R51" s="17">
        <v>41501</v>
      </c>
    </row>
    <row r="52" spans="1:18">
      <c r="A52" s="21" t="s">
        <v>1750</v>
      </c>
      <c r="B52" s="10" t="s">
        <v>25</v>
      </c>
      <c r="C52" s="11" t="s">
        <v>25</v>
      </c>
      <c r="D52" s="17">
        <v>1281</v>
      </c>
      <c r="E52" s="17">
        <v>19</v>
      </c>
      <c r="F52" s="17">
        <v>276</v>
      </c>
      <c r="G52" s="17">
        <v>986</v>
      </c>
      <c r="H52" s="17">
        <v>53816</v>
      </c>
      <c r="I52" s="17">
        <v>654</v>
      </c>
      <c r="J52" s="18">
        <v>11</v>
      </c>
      <c r="K52" s="17">
        <v>80</v>
      </c>
      <c r="L52" s="17">
        <v>563</v>
      </c>
      <c r="M52" s="17">
        <v>30242</v>
      </c>
      <c r="N52" s="17">
        <v>627</v>
      </c>
      <c r="O52" s="17">
        <v>8</v>
      </c>
      <c r="P52" s="17">
        <v>196</v>
      </c>
      <c r="Q52" s="17">
        <v>423</v>
      </c>
      <c r="R52" s="17">
        <v>23574</v>
      </c>
    </row>
    <row r="53" spans="1:18">
      <c r="A53" s="21" t="s">
        <v>1751</v>
      </c>
      <c r="B53" s="10" t="s">
        <v>25</v>
      </c>
      <c r="C53" s="11" t="s">
        <v>25</v>
      </c>
      <c r="D53" s="17">
        <v>1793</v>
      </c>
      <c r="E53" s="18">
        <v>27</v>
      </c>
      <c r="F53" s="17">
        <v>458</v>
      </c>
      <c r="G53" s="17">
        <v>1307</v>
      </c>
      <c r="H53" s="17">
        <v>73013</v>
      </c>
      <c r="I53" s="17">
        <v>980</v>
      </c>
      <c r="J53" s="18">
        <v>11</v>
      </c>
      <c r="K53" s="17">
        <v>138</v>
      </c>
      <c r="L53" s="17">
        <v>830</v>
      </c>
      <c r="M53" s="17">
        <v>45063</v>
      </c>
      <c r="N53" s="17">
        <v>813</v>
      </c>
      <c r="O53" s="18">
        <v>16</v>
      </c>
      <c r="P53" s="17">
        <v>320</v>
      </c>
      <c r="Q53" s="17">
        <v>477</v>
      </c>
      <c r="R53" s="17">
        <v>27950</v>
      </c>
    </row>
    <row r="54" spans="1:18">
      <c r="A54" s="21" t="s">
        <v>1752</v>
      </c>
      <c r="B54" s="10" t="s">
        <v>25</v>
      </c>
      <c r="C54" s="11" t="s">
        <v>25</v>
      </c>
      <c r="D54" s="17">
        <v>813</v>
      </c>
      <c r="E54" s="18">
        <v>10</v>
      </c>
      <c r="F54" s="17">
        <v>214</v>
      </c>
      <c r="G54" s="17">
        <v>588</v>
      </c>
      <c r="H54" s="17">
        <v>33143</v>
      </c>
      <c r="I54" s="17">
        <v>462</v>
      </c>
      <c r="J54" s="18">
        <v>6</v>
      </c>
      <c r="K54" s="17">
        <v>76</v>
      </c>
      <c r="L54" s="17">
        <v>380</v>
      </c>
      <c r="M54" s="17">
        <v>20930</v>
      </c>
      <c r="N54" s="17">
        <v>351</v>
      </c>
      <c r="O54" s="18">
        <v>4</v>
      </c>
      <c r="P54" s="17">
        <v>138</v>
      </c>
      <c r="Q54" s="17">
        <v>208</v>
      </c>
      <c r="R54" s="17">
        <v>12213</v>
      </c>
    </row>
    <row r="55" spans="1:18">
      <c r="A55" s="21" t="s">
        <v>1753</v>
      </c>
      <c r="B55" s="10" t="s">
        <v>25</v>
      </c>
      <c r="C55" s="11" t="s">
        <v>25</v>
      </c>
      <c r="D55" s="17">
        <v>991</v>
      </c>
      <c r="E55" s="17">
        <v>23</v>
      </c>
      <c r="F55" s="17">
        <v>245</v>
      </c>
      <c r="G55" s="17">
        <v>723</v>
      </c>
      <c r="H55" s="17">
        <v>39355</v>
      </c>
      <c r="I55" s="17">
        <v>532</v>
      </c>
      <c r="J55" s="17">
        <v>13</v>
      </c>
      <c r="K55" s="17">
        <v>74</v>
      </c>
      <c r="L55" s="17">
        <v>445</v>
      </c>
      <c r="M55" s="17">
        <v>23431</v>
      </c>
      <c r="N55" s="17">
        <v>459</v>
      </c>
      <c r="O55" s="17">
        <v>10</v>
      </c>
      <c r="P55" s="17">
        <v>171</v>
      </c>
      <c r="Q55" s="17">
        <v>278</v>
      </c>
      <c r="R55" s="17">
        <v>15924</v>
      </c>
    </row>
    <row r="56" spans="1:18">
      <c r="A56" s="21" t="s">
        <v>1754</v>
      </c>
      <c r="B56" s="10" t="s">
        <v>25</v>
      </c>
      <c r="C56" s="11" t="s">
        <v>25</v>
      </c>
      <c r="D56" s="17">
        <v>612</v>
      </c>
      <c r="E56" s="17">
        <v>10</v>
      </c>
      <c r="F56" s="17">
        <v>171</v>
      </c>
      <c r="G56" s="17">
        <v>431</v>
      </c>
      <c r="H56" s="17">
        <v>24582</v>
      </c>
      <c r="I56" s="17">
        <v>356</v>
      </c>
      <c r="J56" s="17">
        <v>4</v>
      </c>
      <c r="K56" s="17">
        <v>61</v>
      </c>
      <c r="L56" s="17">
        <v>291</v>
      </c>
      <c r="M56" s="17">
        <v>16087</v>
      </c>
      <c r="N56" s="17">
        <v>256</v>
      </c>
      <c r="O56" s="17">
        <v>6</v>
      </c>
      <c r="P56" s="17">
        <v>110</v>
      </c>
      <c r="Q56" s="17">
        <v>140</v>
      </c>
      <c r="R56" s="17">
        <v>8495</v>
      </c>
    </row>
    <row r="57" spans="1:18">
      <c r="A57" s="21" t="s">
        <v>1755</v>
      </c>
      <c r="B57" s="10" t="s">
        <v>25</v>
      </c>
      <c r="C57" s="11" t="s">
        <v>25</v>
      </c>
      <c r="D57" s="17">
        <v>615</v>
      </c>
      <c r="E57" s="17">
        <v>8</v>
      </c>
      <c r="F57" s="17">
        <v>111</v>
      </c>
      <c r="G57" s="17">
        <v>496</v>
      </c>
      <c r="H57" s="17">
        <v>27253</v>
      </c>
      <c r="I57" s="17">
        <v>385</v>
      </c>
      <c r="J57" s="18">
        <v>3</v>
      </c>
      <c r="K57" s="17">
        <v>26</v>
      </c>
      <c r="L57" s="17">
        <v>356</v>
      </c>
      <c r="M57" s="17">
        <v>19192</v>
      </c>
      <c r="N57" s="17">
        <v>230</v>
      </c>
      <c r="O57" s="17">
        <v>5</v>
      </c>
      <c r="P57" s="17">
        <v>85</v>
      </c>
      <c r="Q57" s="17">
        <v>140</v>
      </c>
      <c r="R57" s="17">
        <v>8061</v>
      </c>
    </row>
    <row r="58" spans="1:18">
      <c r="A58" s="21" t="s">
        <v>1756</v>
      </c>
      <c r="B58" s="10" t="s">
        <v>25</v>
      </c>
      <c r="C58" s="11" t="s">
        <v>25</v>
      </c>
      <c r="D58" s="17">
        <v>2449</v>
      </c>
      <c r="E58" s="17">
        <v>35</v>
      </c>
      <c r="F58" s="17">
        <v>606</v>
      </c>
      <c r="G58" s="17">
        <v>1807</v>
      </c>
      <c r="H58" s="17">
        <v>101325</v>
      </c>
      <c r="I58" s="17">
        <v>1377</v>
      </c>
      <c r="J58" s="17">
        <v>20</v>
      </c>
      <c r="K58" s="17">
        <v>197</v>
      </c>
      <c r="L58" s="17">
        <v>1159</v>
      </c>
      <c r="M58" s="17">
        <v>62791</v>
      </c>
      <c r="N58" s="17">
        <v>1072</v>
      </c>
      <c r="O58" s="17">
        <v>15</v>
      </c>
      <c r="P58" s="17">
        <v>409</v>
      </c>
      <c r="Q58" s="17">
        <v>648</v>
      </c>
      <c r="R58" s="17">
        <v>38534</v>
      </c>
    </row>
    <row r="59" spans="1:18">
      <c r="A59" s="21" t="s">
        <v>1757</v>
      </c>
      <c r="B59" s="10" t="s">
        <v>25</v>
      </c>
      <c r="C59" s="11" t="s">
        <v>25</v>
      </c>
      <c r="D59" s="17">
        <v>712</v>
      </c>
      <c r="E59" s="17">
        <v>7</v>
      </c>
      <c r="F59" s="17">
        <v>191</v>
      </c>
      <c r="G59" s="17">
        <v>514</v>
      </c>
      <c r="H59" s="17">
        <v>28845</v>
      </c>
      <c r="I59" s="17">
        <v>381</v>
      </c>
      <c r="J59" s="17">
        <v>4</v>
      </c>
      <c r="K59" s="17">
        <v>52</v>
      </c>
      <c r="L59" s="17">
        <v>325</v>
      </c>
      <c r="M59" s="17">
        <v>17319</v>
      </c>
      <c r="N59" s="17">
        <v>331</v>
      </c>
      <c r="O59" s="17">
        <v>3</v>
      </c>
      <c r="P59" s="17">
        <v>139</v>
      </c>
      <c r="Q59" s="17">
        <v>189</v>
      </c>
      <c r="R59" s="17">
        <v>11526</v>
      </c>
    </row>
    <row r="60" spans="1:18">
      <c r="A60" s="21" t="s">
        <v>1758</v>
      </c>
      <c r="B60" s="10" t="s">
        <v>25</v>
      </c>
      <c r="C60" s="11" t="s">
        <v>25</v>
      </c>
      <c r="D60" s="17">
        <v>605</v>
      </c>
      <c r="E60" s="17">
        <v>11</v>
      </c>
      <c r="F60" s="17">
        <v>158</v>
      </c>
      <c r="G60" s="17">
        <v>435</v>
      </c>
      <c r="H60" s="17">
        <v>25237</v>
      </c>
      <c r="I60" s="17">
        <v>336</v>
      </c>
      <c r="J60" s="17">
        <v>5</v>
      </c>
      <c r="K60" s="17">
        <v>57</v>
      </c>
      <c r="L60" s="17">
        <v>273</v>
      </c>
      <c r="M60" s="17">
        <v>15558</v>
      </c>
      <c r="N60" s="17">
        <v>269</v>
      </c>
      <c r="O60" s="17">
        <v>6</v>
      </c>
      <c r="P60" s="17">
        <v>101</v>
      </c>
      <c r="Q60" s="17">
        <v>162</v>
      </c>
      <c r="R60" s="17">
        <v>9679</v>
      </c>
    </row>
    <row r="61" spans="1:18">
      <c r="A61" s="21" t="s">
        <v>1759</v>
      </c>
      <c r="B61" s="10" t="s">
        <v>25</v>
      </c>
      <c r="C61" s="11" t="s">
        <v>25</v>
      </c>
      <c r="D61" s="17">
        <v>584</v>
      </c>
      <c r="E61" s="17">
        <v>10</v>
      </c>
      <c r="F61" s="17">
        <v>136</v>
      </c>
      <c r="G61" s="17">
        <v>438</v>
      </c>
      <c r="H61" s="17">
        <v>24878</v>
      </c>
      <c r="I61" s="17">
        <v>345</v>
      </c>
      <c r="J61" s="17">
        <v>8</v>
      </c>
      <c r="K61" s="17">
        <v>52</v>
      </c>
      <c r="L61" s="17">
        <v>285</v>
      </c>
      <c r="M61" s="17">
        <v>15865</v>
      </c>
      <c r="N61" s="17">
        <v>239</v>
      </c>
      <c r="O61" s="17">
        <v>2</v>
      </c>
      <c r="P61" s="17">
        <v>84</v>
      </c>
      <c r="Q61" s="17">
        <v>153</v>
      </c>
      <c r="R61" s="17">
        <v>9013</v>
      </c>
    </row>
    <row r="62" spans="1:18">
      <c r="A62" s="21" t="s">
        <v>1760</v>
      </c>
      <c r="B62" s="10" t="s">
        <v>25</v>
      </c>
      <c r="C62" s="11" t="s">
        <v>25</v>
      </c>
      <c r="D62" s="17">
        <v>548</v>
      </c>
      <c r="E62" s="17">
        <v>7</v>
      </c>
      <c r="F62" s="17">
        <v>121</v>
      </c>
      <c r="G62" s="17">
        <v>420</v>
      </c>
      <c r="H62" s="17">
        <v>22365</v>
      </c>
      <c r="I62" s="17">
        <v>315</v>
      </c>
      <c r="J62" s="17">
        <v>3</v>
      </c>
      <c r="K62" s="17">
        <v>36</v>
      </c>
      <c r="L62" s="17">
        <v>276</v>
      </c>
      <c r="M62" s="17">
        <v>14049</v>
      </c>
      <c r="N62" s="17">
        <v>233</v>
      </c>
      <c r="O62" s="17">
        <v>4</v>
      </c>
      <c r="P62" s="17">
        <v>85</v>
      </c>
      <c r="Q62" s="17">
        <v>144</v>
      </c>
      <c r="R62" s="17">
        <v>8316</v>
      </c>
    </row>
    <row r="63" spans="1:18">
      <c r="A63" s="21" t="s">
        <v>1761</v>
      </c>
      <c r="B63" s="10" t="s">
        <v>25</v>
      </c>
      <c r="C63" s="11" t="s">
        <v>25</v>
      </c>
      <c r="D63" s="17">
        <v>832</v>
      </c>
      <c r="E63" s="17">
        <v>7</v>
      </c>
      <c r="F63" s="17">
        <v>235</v>
      </c>
      <c r="G63" s="17">
        <v>590</v>
      </c>
      <c r="H63" s="17">
        <v>32966</v>
      </c>
      <c r="I63" s="17">
        <v>474</v>
      </c>
      <c r="J63" s="17">
        <v>4</v>
      </c>
      <c r="K63" s="17">
        <v>83</v>
      </c>
      <c r="L63" s="17">
        <v>387</v>
      </c>
      <c r="M63" s="17">
        <v>21033</v>
      </c>
      <c r="N63" s="17">
        <v>358</v>
      </c>
      <c r="O63" s="17">
        <v>3</v>
      </c>
      <c r="P63" s="17">
        <v>152</v>
      </c>
      <c r="Q63" s="17">
        <v>203</v>
      </c>
      <c r="R63" s="17">
        <v>11933</v>
      </c>
    </row>
    <row r="64" spans="1:18">
      <c r="A64" s="21" t="s">
        <v>1762</v>
      </c>
      <c r="B64" s="10" t="s">
        <v>25</v>
      </c>
      <c r="C64" s="11" t="s">
        <v>25</v>
      </c>
      <c r="D64" s="17">
        <v>496</v>
      </c>
      <c r="E64" s="17">
        <v>5</v>
      </c>
      <c r="F64" s="17">
        <v>139</v>
      </c>
      <c r="G64" s="17">
        <v>352</v>
      </c>
      <c r="H64" s="17">
        <v>19724</v>
      </c>
      <c r="I64" s="17">
        <v>289</v>
      </c>
      <c r="J64" s="17">
        <v>2</v>
      </c>
      <c r="K64" s="17">
        <v>57</v>
      </c>
      <c r="L64" s="17">
        <v>230</v>
      </c>
      <c r="M64" s="17">
        <v>12726</v>
      </c>
      <c r="N64" s="17">
        <v>207</v>
      </c>
      <c r="O64" s="18">
        <v>3</v>
      </c>
      <c r="P64" s="17">
        <v>82</v>
      </c>
      <c r="Q64" s="17">
        <v>122</v>
      </c>
      <c r="R64" s="17">
        <v>6998</v>
      </c>
    </row>
    <row r="65" spans="1:18">
      <c r="A65" s="21" t="s">
        <v>1763</v>
      </c>
      <c r="B65" s="10" t="s">
        <v>25</v>
      </c>
      <c r="C65" s="11" t="s">
        <v>25</v>
      </c>
      <c r="D65" s="17">
        <v>336</v>
      </c>
      <c r="E65" s="17">
        <v>2</v>
      </c>
      <c r="F65" s="17">
        <v>96</v>
      </c>
      <c r="G65" s="17">
        <v>238</v>
      </c>
      <c r="H65" s="17">
        <v>13242</v>
      </c>
      <c r="I65" s="17">
        <v>185</v>
      </c>
      <c r="J65" s="17">
        <v>2</v>
      </c>
      <c r="K65" s="17">
        <v>26</v>
      </c>
      <c r="L65" s="17">
        <v>157</v>
      </c>
      <c r="M65" s="17">
        <v>8307</v>
      </c>
      <c r="N65" s="17">
        <v>151</v>
      </c>
      <c r="O65" s="17" t="s">
        <v>35</v>
      </c>
      <c r="P65" s="17">
        <v>70</v>
      </c>
      <c r="Q65" s="17">
        <v>81</v>
      </c>
      <c r="R65" s="17">
        <v>4935</v>
      </c>
    </row>
    <row r="66" spans="1:18">
      <c r="A66" s="21" t="s">
        <v>1764</v>
      </c>
      <c r="B66" s="10" t="s">
        <v>25</v>
      </c>
      <c r="C66" s="11" t="s">
        <v>25</v>
      </c>
      <c r="D66" s="17">
        <v>854</v>
      </c>
      <c r="E66" s="17">
        <v>12</v>
      </c>
      <c r="F66" s="17">
        <v>229</v>
      </c>
      <c r="G66" s="17">
        <v>613</v>
      </c>
      <c r="H66" s="17">
        <v>34273</v>
      </c>
      <c r="I66" s="17">
        <v>493</v>
      </c>
      <c r="J66" s="17">
        <v>8</v>
      </c>
      <c r="K66" s="17">
        <v>63</v>
      </c>
      <c r="L66" s="17">
        <v>422</v>
      </c>
      <c r="M66" s="17">
        <v>22423</v>
      </c>
      <c r="N66" s="17">
        <v>361</v>
      </c>
      <c r="O66" s="17">
        <v>4</v>
      </c>
      <c r="P66" s="17">
        <v>166</v>
      </c>
      <c r="Q66" s="17">
        <v>191</v>
      </c>
      <c r="R66" s="17">
        <v>11850</v>
      </c>
    </row>
    <row r="67" spans="1:18">
      <c r="A67" s="21" t="s">
        <v>1765</v>
      </c>
      <c r="B67" s="10" t="s">
        <v>25</v>
      </c>
      <c r="C67" s="11" t="s">
        <v>25</v>
      </c>
      <c r="D67" s="17">
        <v>409</v>
      </c>
      <c r="E67" s="17">
        <v>7</v>
      </c>
      <c r="F67" s="17">
        <v>97</v>
      </c>
      <c r="G67" s="17">
        <v>305</v>
      </c>
      <c r="H67" s="17">
        <v>17141</v>
      </c>
      <c r="I67" s="17">
        <v>247</v>
      </c>
      <c r="J67" s="17">
        <v>4</v>
      </c>
      <c r="K67" s="17">
        <v>30</v>
      </c>
      <c r="L67" s="17">
        <v>213</v>
      </c>
      <c r="M67" s="17">
        <v>11531</v>
      </c>
      <c r="N67" s="17">
        <v>162</v>
      </c>
      <c r="O67" s="17">
        <v>3</v>
      </c>
      <c r="P67" s="17">
        <v>67</v>
      </c>
      <c r="Q67" s="17">
        <v>92</v>
      </c>
      <c r="R67" s="17">
        <v>5610</v>
      </c>
    </row>
    <row r="68" spans="1:18">
      <c r="A68" s="21" t="s">
        <v>1766</v>
      </c>
      <c r="B68" s="10" t="s">
        <v>25</v>
      </c>
      <c r="C68" s="11" t="s">
        <v>25</v>
      </c>
      <c r="D68" s="17">
        <v>445</v>
      </c>
      <c r="E68" s="17">
        <v>5</v>
      </c>
      <c r="F68" s="17">
        <v>132</v>
      </c>
      <c r="G68" s="17">
        <v>308</v>
      </c>
      <c r="H68" s="17">
        <v>17132</v>
      </c>
      <c r="I68" s="17">
        <v>246</v>
      </c>
      <c r="J68" s="17">
        <v>4</v>
      </c>
      <c r="K68" s="17">
        <v>33</v>
      </c>
      <c r="L68" s="17">
        <v>209</v>
      </c>
      <c r="M68" s="17">
        <v>10892</v>
      </c>
      <c r="N68" s="17">
        <v>199</v>
      </c>
      <c r="O68" s="17">
        <v>1</v>
      </c>
      <c r="P68" s="17">
        <v>99</v>
      </c>
      <c r="Q68" s="17">
        <v>99</v>
      </c>
      <c r="R68" s="17">
        <v>6240</v>
      </c>
    </row>
    <row r="69" spans="1:18">
      <c r="A69" s="21" t="s">
        <v>1767</v>
      </c>
      <c r="B69" s="10" t="s">
        <v>25</v>
      </c>
      <c r="C69" s="11" t="s">
        <v>25</v>
      </c>
      <c r="D69" s="17">
        <v>1057</v>
      </c>
      <c r="E69" s="17">
        <v>16</v>
      </c>
      <c r="F69" s="17">
        <v>304</v>
      </c>
      <c r="G69" s="17">
        <v>736</v>
      </c>
      <c r="H69" s="17">
        <v>41741</v>
      </c>
      <c r="I69" s="17">
        <v>586</v>
      </c>
      <c r="J69" s="17">
        <v>10</v>
      </c>
      <c r="K69" s="17">
        <v>98</v>
      </c>
      <c r="L69" s="17">
        <v>478</v>
      </c>
      <c r="M69" s="17">
        <v>26097</v>
      </c>
      <c r="N69" s="17">
        <v>471</v>
      </c>
      <c r="O69" s="17">
        <v>6</v>
      </c>
      <c r="P69" s="17">
        <v>206</v>
      </c>
      <c r="Q69" s="17">
        <v>258</v>
      </c>
      <c r="R69" s="17">
        <v>15644</v>
      </c>
    </row>
    <row r="70" spans="1:18">
      <c r="A70" s="21" t="s">
        <v>1768</v>
      </c>
      <c r="B70" s="10" t="s">
        <v>25</v>
      </c>
      <c r="C70" s="11" t="s">
        <v>25</v>
      </c>
      <c r="D70" s="17">
        <v>314</v>
      </c>
      <c r="E70" s="17">
        <v>2</v>
      </c>
      <c r="F70" s="17">
        <v>94</v>
      </c>
      <c r="G70" s="17">
        <v>217</v>
      </c>
      <c r="H70" s="17">
        <v>12352</v>
      </c>
      <c r="I70" s="17">
        <v>175</v>
      </c>
      <c r="J70" s="17">
        <v>1</v>
      </c>
      <c r="K70" s="17">
        <v>29</v>
      </c>
      <c r="L70" s="17">
        <v>145</v>
      </c>
      <c r="M70" s="17">
        <v>7997</v>
      </c>
      <c r="N70" s="17">
        <v>139</v>
      </c>
      <c r="O70" s="17">
        <v>1</v>
      </c>
      <c r="P70" s="17">
        <v>65</v>
      </c>
      <c r="Q70" s="17">
        <v>72</v>
      </c>
      <c r="R70" s="17">
        <v>4355</v>
      </c>
    </row>
    <row r="71" spans="1:18">
      <c r="A71" s="21" t="s">
        <v>1769</v>
      </c>
      <c r="B71" s="10" t="s">
        <v>25</v>
      </c>
      <c r="C71" s="11" t="s">
        <v>25</v>
      </c>
      <c r="D71" s="17">
        <v>527</v>
      </c>
      <c r="E71" s="17">
        <v>9</v>
      </c>
      <c r="F71" s="17">
        <v>150</v>
      </c>
      <c r="G71" s="17">
        <v>368</v>
      </c>
      <c r="H71" s="17">
        <v>20797</v>
      </c>
      <c r="I71" s="17">
        <v>293</v>
      </c>
      <c r="J71" s="17">
        <v>5</v>
      </c>
      <c r="K71" s="17">
        <v>56</v>
      </c>
      <c r="L71" s="17">
        <v>232</v>
      </c>
      <c r="M71" s="17">
        <v>12824</v>
      </c>
      <c r="N71" s="17">
        <v>234</v>
      </c>
      <c r="O71" s="17">
        <v>4</v>
      </c>
      <c r="P71" s="17">
        <v>94</v>
      </c>
      <c r="Q71" s="17">
        <v>136</v>
      </c>
      <c r="R71" s="17">
        <v>7973</v>
      </c>
    </row>
    <row r="72" spans="1:18">
      <c r="A72" s="21" t="s">
        <v>1770</v>
      </c>
      <c r="B72" s="10" t="s">
        <v>25</v>
      </c>
      <c r="C72" s="11" t="s">
        <v>25</v>
      </c>
      <c r="D72" s="17">
        <v>216</v>
      </c>
      <c r="E72" s="17">
        <v>5</v>
      </c>
      <c r="F72" s="17">
        <v>60</v>
      </c>
      <c r="G72" s="17">
        <v>151</v>
      </c>
      <c r="H72" s="17">
        <v>8592</v>
      </c>
      <c r="I72" s="17">
        <v>118</v>
      </c>
      <c r="J72" s="17">
        <v>4</v>
      </c>
      <c r="K72" s="17">
        <v>13</v>
      </c>
      <c r="L72" s="17">
        <v>101</v>
      </c>
      <c r="M72" s="17">
        <v>5276</v>
      </c>
      <c r="N72" s="17">
        <v>98</v>
      </c>
      <c r="O72" s="17">
        <v>1</v>
      </c>
      <c r="P72" s="17">
        <v>47</v>
      </c>
      <c r="Q72" s="17">
        <v>50</v>
      </c>
      <c r="R72" s="17">
        <v>3316</v>
      </c>
    </row>
    <row r="73" spans="1:18">
      <c r="A73" s="21" t="s">
        <v>1771</v>
      </c>
      <c r="B73" s="10" t="s">
        <v>25</v>
      </c>
      <c r="C73" s="11" t="s">
        <v>25</v>
      </c>
      <c r="D73" s="17">
        <v>1048</v>
      </c>
      <c r="E73" s="17">
        <v>9</v>
      </c>
      <c r="F73" s="17">
        <v>295</v>
      </c>
      <c r="G73" s="17">
        <v>744</v>
      </c>
      <c r="H73" s="17">
        <v>42309</v>
      </c>
      <c r="I73" s="17">
        <v>585</v>
      </c>
      <c r="J73" s="17">
        <v>7</v>
      </c>
      <c r="K73" s="17">
        <v>78</v>
      </c>
      <c r="L73" s="17">
        <v>500</v>
      </c>
      <c r="M73" s="17">
        <v>27266</v>
      </c>
      <c r="N73" s="17">
        <v>463</v>
      </c>
      <c r="O73" s="17">
        <v>2</v>
      </c>
      <c r="P73" s="17">
        <v>217</v>
      </c>
      <c r="Q73" s="17">
        <v>244</v>
      </c>
      <c r="R73" s="17">
        <v>15043</v>
      </c>
    </row>
    <row r="74" spans="1:18">
      <c r="A74" s="21" t="s">
        <v>1772</v>
      </c>
      <c r="B74" s="10" t="s">
        <v>25</v>
      </c>
      <c r="C74" s="11" t="s">
        <v>25</v>
      </c>
      <c r="D74" s="17">
        <v>893</v>
      </c>
      <c r="E74" s="17">
        <v>5</v>
      </c>
      <c r="F74" s="17">
        <v>208</v>
      </c>
      <c r="G74" s="17">
        <v>679</v>
      </c>
      <c r="H74" s="17">
        <v>36624</v>
      </c>
      <c r="I74" s="17">
        <v>480</v>
      </c>
      <c r="J74" s="17">
        <v>3</v>
      </c>
      <c r="K74" s="17">
        <v>64</v>
      </c>
      <c r="L74" s="17">
        <v>412</v>
      </c>
      <c r="M74" s="17">
        <v>22002</v>
      </c>
      <c r="N74" s="17">
        <v>413</v>
      </c>
      <c r="O74" s="17">
        <v>2</v>
      </c>
      <c r="P74" s="17">
        <v>144</v>
      </c>
      <c r="Q74" s="17">
        <v>267</v>
      </c>
      <c r="R74" s="17">
        <v>14622</v>
      </c>
    </row>
    <row r="75" spans="1:18">
      <c r="A75" s="21" t="s">
        <v>1773</v>
      </c>
      <c r="B75" s="10" t="s">
        <v>25</v>
      </c>
      <c r="C75" s="11" t="s">
        <v>25</v>
      </c>
      <c r="D75" s="17">
        <v>506</v>
      </c>
      <c r="E75" s="17">
        <v>4</v>
      </c>
      <c r="F75" s="17">
        <v>118</v>
      </c>
      <c r="G75" s="17">
        <v>383</v>
      </c>
      <c r="H75" s="17">
        <v>20333</v>
      </c>
      <c r="I75" s="17">
        <v>274</v>
      </c>
      <c r="J75" s="18">
        <v>2</v>
      </c>
      <c r="K75" s="17">
        <v>33</v>
      </c>
      <c r="L75" s="17">
        <v>238</v>
      </c>
      <c r="M75" s="17">
        <v>12303</v>
      </c>
      <c r="N75" s="17">
        <v>232</v>
      </c>
      <c r="O75" s="17">
        <v>2</v>
      </c>
      <c r="P75" s="17">
        <v>85</v>
      </c>
      <c r="Q75" s="17">
        <v>145</v>
      </c>
      <c r="R75" s="17">
        <v>8030</v>
      </c>
    </row>
    <row r="76" spans="1:18">
      <c r="A76" s="21" t="s">
        <v>1774</v>
      </c>
      <c r="B76" s="10" t="s">
        <v>25</v>
      </c>
      <c r="C76" s="11" t="s">
        <v>25</v>
      </c>
      <c r="D76" s="17">
        <v>387</v>
      </c>
      <c r="E76" s="17">
        <v>1</v>
      </c>
      <c r="F76" s="17">
        <v>90</v>
      </c>
      <c r="G76" s="17">
        <v>296</v>
      </c>
      <c r="H76" s="17">
        <v>16291</v>
      </c>
      <c r="I76" s="17">
        <v>206</v>
      </c>
      <c r="J76" s="17">
        <v>1</v>
      </c>
      <c r="K76" s="17">
        <v>31</v>
      </c>
      <c r="L76" s="17">
        <v>174</v>
      </c>
      <c r="M76" s="17">
        <v>9699</v>
      </c>
      <c r="N76" s="17">
        <v>181</v>
      </c>
      <c r="O76" s="17" t="s">
        <v>35</v>
      </c>
      <c r="P76" s="17">
        <v>59</v>
      </c>
      <c r="Q76" s="17">
        <v>122</v>
      </c>
      <c r="R76" s="17">
        <v>6592</v>
      </c>
    </row>
    <row r="77" spans="1:18">
      <c r="A77" s="21" t="s">
        <v>1775</v>
      </c>
      <c r="B77" s="10" t="s">
        <v>25</v>
      </c>
      <c r="C77" s="11" t="s">
        <v>25</v>
      </c>
      <c r="D77" s="17">
        <v>566</v>
      </c>
      <c r="E77" s="17">
        <v>8</v>
      </c>
      <c r="F77" s="17">
        <v>138</v>
      </c>
      <c r="G77" s="17">
        <v>419</v>
      </c>
      <c r="H77" s="17">
        <v>22663</v>
      </c>
      <c r="I77" s="17">
        <v>315</v>
      </c>
      <c r="J77" s="17">
        <v>5</v>
      </c>
      <c r="K77" s="17">
        <v>40</v>
      </c>
      <c r="L77" s="17">
        <v>270</v>
      </c>
      <c r="M77" s="17">
        <v>14124</v>
      </c>
      <c r="N77" s="17">
        <v>251</v>
      </c>
      <c r="O77" s="17">
        <v>3</v>
      </c>
      <c r="P77" s="17">
        <v>98</v>
      </c>
      <c r="Q77" s="17">
        <v>149</v>
      </c>
      <c r="R77" s="17">
        <v>8539</v>
      </c>
    </row>
    <row r="78" spans="1:18">
      <c r="A78" s="21" t="s">
        <v>1776</v>
      </c>
      <c r="B78" s="10" t="s">
        <v>25</v>
      </c>
      <c r="C78" s="11" t="s">
        <v>25</v>
      </c>
      <c r="D78" s="17">
        <v>1589</v>
      </c>
      <c r="E78" s="17">
        <v>25</v>
      </c>
      <c r="F78" s="17">
        <v>349</v>
      </c>
      <c r="G78" s="17">
        <v>1212</v>
      </c>
      <c r="H78" s="17">
        <v>66909</v>
      </c>
      <c r="I78" s="17">
        <v>948</v>
      </c>
      <c r="J78" s="17">
        <v>11</v>
      </c>
      <c r="K78" s="17">
        <v>105</v>
      </c>
      <c r="L78" s="17">
        <v>832</v>
      </c>
      <c r="M78" s="17">
        <v>44661</v>
      </c>
      <c r="N78" s="17">
        <v>641</v>
      </c>
      <c r="O78" s="17">
        <v>14</v>
      </c>
      <c r="P78" s="17">
        <v>244</v>
      </c>
      <c r="Q78" s="17">
        <v>380</v>
      </c>
      <c r="R78" s="17">
        <v>22248</v>
      </c>
    </row>
    <row r="79" spans="1:18">
      <c r="A79" s="21" t="s">
        <v>1777</v>
      </c>
      <c r="B79" s="10" t="s">
        <v>25</v>
      </c>
      <c r="C79" s="11" t="s">
        <v>25</v>
      </c>
      <c r="D79" s="17">
        <v>831</v>
      </c>
      <c r="E79" s="17">
        <v>16</v>
      </c>
      <c r="F79" s="17">
        <v>191</v>
      </c>
      <c r="G79" s="17">
        <v>622</v>
      </c>
      <c r="H79" s="17">
        <v>34072</v>
      </c>
      <c r="I79" s="17">
        <v>516</v>
      </c>
      <c r="J79" s="17">
        <v>10</v>
      </c>
      <c r="K79" s="17">
        <v>57</v>
      </c>
      <c r="L79" s="17">
        <v>449</v>
      </c>
      <c r="M79" s="17">
        <v>23685</v>
      </c>
      <c r="N79" s="17">
        <v>315</v>
      </c>
      <c r="O79" s="17">
        <v>6</v>
      </c>
      <c r="P79" s="17">
        <v>134</v>
      </c>
      <c r="Q79" s="17">
        <v>173</v>
      </c>
      <c r="R79" s="17">
        <v>10387</v>
      </c>
    </row>
    <row r="80" spans="1:18">
      <c r="A80" s="21" t="s">
        <v>1778</v>
      </c>
      <c r="B80" s="10" t="s">
        <v>25</v>
      </c>
      <c r="C80" s="11" t="s">
        <v>25</v>
      </c>
      <c r="D80" s="17">
        <v>758</v>
      </c>
      <c r="E80" s="17">
        <v>9</v>
      </c>
      <c r="F80" s="17">
        <v>158</v>
      </c>
      <c r="G80" s="17">
        <v>590</v>
      </c>
      <c r="H80" s="17">
        <v>32837</v>
      </c>
      <c r="I80" s="17">
        <v>432</v>
      </c>
      <c r="J80" s="17">
        <v>1</v>
      </c>
      <c r="K80" s="17">
        <v>48</v>
      </c>
      <c r="L80" s="17">
        <v>383</v>
      </c>
      <c r="M80" s="17">
        <v>20976</v>
      </c>
      <c r="N80" s="17">
        <v>326</v>
      </c>
      <c r="O80" s="18">
        <v>8</v>
      </c>
      <c r="P80" s="17">
        <v>110</v>
      </c>
      <c r="Q80" s="17">
        <v>207</v>
      </c>
      <c r="R80" s="17">
        <v>11861</v>
      </c>
    </row>
    <row r="81" spans="1:18">
      <c r="A81" s="21" t="s">
        <v>1779</v>
      </c>
      <c r="B81" s="10" t="s">
        <v>25</v>
      </c>
      <c r="C81" s="11" t="s">
        <v>25</v>
      </c>
      <c r="D81" s="17">
        <v>825</v>
      </c>
      <c r="E81" s="17">
        <v>7</v>
      </c>
      <c r="F81" s="17">
        <v>218</v>
      </c>
      <c r="G81" s="17">
        <v>600</v>
      </c>
      <c r="H81" s="17">
        <v>33575</v>
      </c>
      <c r="I81" s="17">
        <v>495</v>
      </c>
      <c r="J81" s="17">
        <v>5</v>
      </c>
      <c r="K81" s="17">
        <v>70</v>
      </c>
      <c r="L81" s="17">
        <v>420</v>
      </c>
      <c r="M81" s="17">
        <v>22538</v>
      </c>
      <c r="N81" s="17">
        <v>330</v>
      </c>
      <c r="O81" s="18">
        <v>2</v>
      </c>
      <c r="P81" s="17">
        <v>148</v>
      </c>
      <c r="Q81" s="17">
        <v>180</v>
      </c>
      <c r="R81" s="17">
        <v>11037</v>
      </c>
    </row>
    <row r="82" spans="1:18">
      <c r="A82" s="21" t="s">
        <v>1780</v>
      </c>
      <c r="B82" s="10" t="s">
        <v>25</v>
      </c>
      <c r="C82" s="11" t="s">
        <v>25</v>
      </c>
      <c r="D82" s="17">
        <v>634</v>
      </c>
      <c r="E82" s="18">
        <v>6</v>
      </c>
      <c r="F82" s="17">
        <v>153</v>
      </c>
      <c r="G82" s="17">
        <v>475</v>
      </c>
      <c r="H82" s="17">
        <v>26079</v>
      </c>
      <c r="I82" s="17">
        <v>370</v>
      </c>
      <c r="J82" s="18">
        <v>5</v>
      </c>
      <c r="K82" s="17">
        <v>43</v>
      </c>
      <c r="L82" s="17">
        <v>322</v>
      </c>
      <c r="M82" s="17">
        <v>17246</v>
      </c>
      <c r="N82" s="17">
        <v>264</v>
      </c>
      <c r="O82" s="18">
        <v>1</v>
      </c>
      <c r="P82" s="17">
        <v>110</v>
      </c>
      <c r="Q82" s="17">
        <v>153</v>
      </c>
      <c r="R82" s="17">
        <v>8833</v>
      </c>
    </row>
    <row r="83" spans="1:18">
      <c r="A83" s="21" t="s">
        <v>1781</v>
      </c>
      <c r="B83" s="10" t="s">
        <v>25</v>
      </c>
      <c r="C83" s="11" t="s">
        <v>25</v>
      </c>
      <c r="D83" s="17">
        <v>1509</v>
      </c>
      <c r="E83" s="18">
        <v>27</v>
      </c>
      <c r="F83" s="17">
        <v>397</v>
      </c>
      <c r="G83" s="17">
        <v>1085</v>
      </c>
      <c r="H83" s="17">
        <v>61409</v>
      </c>
      <c r="I83" s="17">
        <v>910</v>
      </c>
      <c r="J83" s="18">
        <v>17</v>
      </c>
      <c r="K83" s="17">
        <v>116</v>
      </c>
      <c r="L83" s="17">
        <v>777</v>
      </c>
      <c r="M83" s="17">
        <v>41524</v>
      </c>
      <c r="N83" s="17">
        <v>599</v>
      </c>
      <c r="O83" s="18">
        <v>10</v>
      </c>
      <c r="P83" s="17">
        <v>281</v>
      </c>
      <c r="Q83" s="17">
        <v>308</v>
      </c>
      <c r="R83" s="17">
        <v>19885</v>
      </c>
    </row>
    <row r="84" spans="1:18">
      <c r="A84" s="21" t="s">
        <v>1782</v>
      </c>
      <c r="B84" s="10" t="s">
        <v>25</v>
      </c>
      <c r="C84" s="11" t="s">
        <v>25</v>
      </c>
      <c r="D84" s="18">
        <v>736</v>
      </c>
      <c r="E84" s="18">
        <v>14</v>
      </c>
      <c r="F84" s="18">
        <v>191</v>
      </c>
      <c r="G84" s="18">
        <v>531</v>
      </c>
      <c r="H84" s="18">
        <v>29887</v>
      </c>
      <c r="I84" s="18">
        <v>446</v>
      </c>
      <c r="J84" s="18">
        <v>9</v>
      </c>
      <c r="K84" s="18">
        <v>53</v>
      </c>
      <c r="L84" s="18">
        <v>384</v>
      </c>
      <c r="M84" s="18">
        <v>20322</v>
      </c>
      <c r="N84" s="18">
        <v>290</v>
      </c>
      <c r="O84" s="18">
        <v>5</v>
      </c>
      <c r="P84" s="18">
        <v>138</v>
      </c>
      <c r="Q84" s="18">
        <v>147</v>
      </c>
      <c r="R84" s="18">
        <v>9565</v>
      </c>
    </row>
    <row r="85" spans="1:18">
      <c r="A85" s="21" t="s">
        <v>1783</v>
      </c>
      <c r="B85" s="10" t="s">
        <v>25</v>
      </c>
      <c r="C85" s="11" t="s">
        <v>25</v>
      </c>
      <c r="D85" s="18">
        <v>773</v>
      </c>
      <c r="E85" s="18">
        <v>13</v>
      </c>
      <c r="F85" s="18">
        <v>206</v>
      </c>
      <c r="G85" s="18">
        <v>554</v>
      </c>
      <c r="H85" s="18">
        <v>31522</v>
      </c>
      <c r="I85" s="18">
        <v>464</v>
      </c>
      <c r="J85" s="18">
        <v>8</v>
      </c>
      <c r="K85" s="18">
        <v>63</v>
      </c>
      <c r="L85" s="18">
        <v>393</v>
      </c>
      <c r="M85" s="18">
        <v>21202</v>
      </c>
      <c r="N85" s="18">
        <v>309</v>
      </c>
      <c r="O85" s="18">
        <v>5</v>
      </c>
      <c r="P85" s="18">
        <v>143</v>
      </c>
      <c r="Q85" s="18">
        <v>161</v>
      </c>
      <c r="R85" s="18">
        <v>10320</v>
      </c>
    </row>
    <row r="86" spans="1:18">
      <c r="A86" s="21" t="s">
        <v>1784</v>
      </c>
      <c r="B86" s="10" t="s">
        <v>25</v>
      </c>
      <c r="C86" s="11" t="s">
        <v>25</v>
      </c>
      <c r="D86" s="18">
        <v>2478</v>
      </c>
      <c r="E86" s="18">
        <v>39</v>
      </c>
      <c r="F86" s="18">
        <v>650</v>
      </c>
      <c r="G86" s="18">
        <v>1789</v>
      </c>
      <c r="H86" s="18">
        <v>99681</v>
      </c>
      <c r="I86" s="18">
        <v>1505</v>
      </c>
      <c r="J86" s="18">
        <v>16</v>
      </c>
      <c r="K86" s="18">
        <v>182</v>
      </c>
      <c r="L86" s="18">
        <v>1307</v>
      </c>
      <c r="M86" s="18">
        <v>69107</v>
      </c>
      <c r="N86" s="18">
        <v>973</v>
      </c>
      <c r="O86" s="18">
        <v>23</v>
      </c>
      <c r="P86" s="18">
        <v>468</v>
      </c>
      <c r="Q86" s="18">
        <v>482</v>
      </c>
      <c r="R86" s="18">
        <v>30574</v>
      </c>
    </row>
    <row r="87" spans="1:18">
      <c r="A87" s="21" t="s">
        <v>1785</v>
      </c>
      <c r="B87" s="10" t="s">
        <v>25</v>
      </c>
      <c r="C87" s="11" t="s">
        <v>25</v>
      </c>
      <c r="D87" s="17">
        <v>904</v>
      </c>
      <c r="E87" s="17">
        <v>12</v>
      </c>
      <c r="F87" s="17">
        <v>244</v>
      </c>
      <c r="G87" s="17">
        <v>648</v>
      </c>
      <c r="H87" s="17">
        <v>36381</v>
      </c>
      <c r="I87" s="17">
        <v>534</v>
      </c>
      <c r="J87" s="17">
        <v>3</v>
      </c>
      <c r="K87" s="17">
        <v>58</v>
      </c>
      <c r="L87" s="17">
        <v>473</v>
      </c>
      <c r="M87" s="17">
        <v>24994</v>
      </c>
      <c r="N87" s="17">
        <v>370</v>
      </c>
      <c r="O87" s="17">
        <v>9</v>
      </c>
      <c r="P87" s="17">
        <v>186</v>
      </c>
      <c r="Q87" s="17">
        <v>175</v>
      </c>
      <c r="R87" s="17">
        <v>11387</v>
      </c>
    </row>
    <row r="88" spans="1:18">
      <c r="A88" s="21" t="s">
        <v>1786</v>
      </c>
      <c r="B88" s="10" t="s">
        <v>25</v>
      </c>
      <c r="C88" s="11" t="s">
        <v>25</v>
      </c>
      <c r="D88" s="17">
        <v>497</v>
      </c>
      <c r="E88" s="17">
        <v>9</v>
      </c>
      <c r="F88" s="17">
        <v>115</v>
      </c>
      <c r="G88" s="17">
        <v>373</v>
      </c>
      <c r="H88" s="17">
        <v>19699</v>
      </c>
      <c r="I88" s="17">
        <v>338</v>
      </c>
      <c r="J88" s="17">
        <v>5</v>
      </c>
      <c r="K88" s="17">
        <v>40</v>
      </c>
      <c r="L88" s="17">
        <v>293</v>
      </c>
      <c r="M88" s="17">
        <v>14718</v>
      </c>
      <c r="N88" s="17">
        <v>159</v>
      </c>
      <c r="O88" s="17">
        <v>4</v>
      </c>
      <c r="P88" s="17">
        <v>75</v>
      </c>
      <c r="Q88" s="17">
        <v>80</v>
      </c>
      <c r="R88" s="17">
        <v>4981</v>
      </c>
    </row>
    <row r="89" spans="1:18">
      <c r="A89" s="21" t="s">
        <v>1787</v>
      </c>
      <c r="B89" s="10" t="s">
        <v>25</v>
      </c>
      <c r="C89" s="11" t="s">
        <v>25</v>
      </c>
      <c r="D89" s="17">
        <v>1077</v>
      </c>
      <c r="E89" s="17">
        <v>18</v>
      </c>
      <c r="F89" s="17">
        <v>291</v>
      </c>
      <c r="G89" s="17">
        <v>768</v>
      </c>
      <c r="H89" s="17">
        <v>43601</v>
      </c>
      <c r="I89" s="17">
        <v>633</v>
      </c>
      <c r="J89" s="17">
        <v>8</v>
      </c>
      <c r="K89" s="17">
        <v>84</v>
      </c>
      <c r="L89" s="17">
        <v>541</v>
      </c>
      <c r="M89" s="17">
        <v>29395</v>
      </c>
      <c r="N89" s="17">
        <v>444</v>
      </c>
      <c r="O89" s="17">
        <v>10</v>
      </c>
      <c r="P89" s="17">
        <v>207</v>
      </c>
      <c r="Q89" s="17">
        <v>227</v>
      </c>
      <c r="R89" s="17">
        <v>14206</v>
      </c>
    </row>
    <row r="90" spans="1:18">
      <c r="A90" s="21" t="s">
        <v>1788</v>
      </c>
      <c r="B90" s="10" t="s">
        <v>25</v>
      </c>
      <c r="C90" s="11" t="s">
        <v>25</v>
      </c>
      <c r="D90" s="17">
        <v>1032</v>
      </c>
      <c r="E90" s="17">
        <v>20</v>
      </c>
      <c r="F90" s="17">
        <v>248</v>
      </c>
      <c r="G90" s="17">
        <v>764</v>
      </c>
      <c r="H90" s="17">
        <v>40860</v>
      </c>
      <c r="I90" s="17">
        <v>594</v>
      </c>
      <c r="J90" s="17">
        <v>15</v>
      </c>
      <c r="K90" s="17">
        <v>75</v>
      </c>
      <c r="L90" s="17">
        <v>504</v>
      </c>
      <c r="M90" s="17">
        <v>26109</v>
      </c>
      <c r="N90" s="17">
        <v>438</v>
      </c>
      <c r="O90" s="17">
        <v>5</v>
      </c>
      <c r="P90" s="17">
        <v>173</v>
      </c>
      <c r="Q90" s="17">
        <v>260</v>
      </c>
      <c r="R90" s="17">
        <v>14751</v>
      </c>
    </row>
    <row r="91" spans="1:18">
      <c r="A91" s="21" t="s">
        <v>1789</v>
      </c>
      <c r="B91" s="10" t="s">
        <v>25</v>
      </c>
      <c r="C91" s="11" t="s">
        <v>25</v>
      </c>
      <c r="D91" s="17">
        <v>235</v>
      </c>
      <c r="E91" s="17">
        <v>4</v>
      </c>
      <c r="F91" s="17">
        <v>64</v>
      </c>
      <c r="G91" s="17">
        <v>167</v>
      </c>
      <c r="H91" s="17">
        <v>9436</v>
      </c>
      <c r="I91" s="17">
        <v>138</v>
      </c>
      <c r="J91" s="17">
        <v>2</v>
      </c>
      <c r="K91" s="17">
        <v>18</v>
      </c>
      <c r="L91" s="17">
        <v>118</v>
      </c>
      <c r="M91" s="17">
        <v>6364</v>
      </c>
      <c r="N91" s="17">
        <v>97</v>
      </c>
      <c r="O91" s="18">
        <v>2</v>
      </c>
      <c r="P91" s="17">
        <v>46</v>
      </c>
      <c r="Q91" s="17">
        <v>49</v>
      </c>
      <c r="R91" s="17">
        <v>3072</v>
      </c>
    </row>
    <row r="92" spans="1:18">
      <c r="A92" s="21" t="s">
        <v>1790</v>
      </c>
      <c r="B92" s="10" t="s">
        <v>25</v>
      </c>
      <c r="C92" s="11" t="s">
        <v>25</v>
      </c>
      <c r="D92" s="17">
        <v>2379</v>
      </c>
      <c r="E92" s="17">
        <v>26</v>
      </c>
      <c r="F92" s="17">
        <v>608</v>
      </c>
      <c r="G92" s="17">
        <v>1744</v>
      </c>
      <c r="H92" s="17">
        <v>96574</v>
      </c>
      <c r="I92" s="17">
        <v>1341</v>
      </c>
      <c r="J92" s="17">
        <v>15</v>
      </c>
      <c r="K92" s="17">
        <v>165</v>
      </c>
      <c r="L92" s="17">
        <v>1160</v>
      </c>
      <c r="M92" s="17">
        <v>61438</v>
      </c>
      <c r="N92" s="17">
        <v>1038</v>
      </c>
      <c r="O92" s="17">
        <v>11</v>
      </c>
      <c r="P92" s="17">
        <v>443</v>
      </c>
      <c r="Q92" s="17">
        <v>584</v>
      </c>
      <c r="R92" s="17">
        <v>35136</v>
      </c>
    </row>
    <row r="93" spans="1:18">
      <c r="A93" s="21" t="s">
        <v>1791</v>
      </c>
      <c r="B93" s="10" t="s">
        <v>25</v>
      </c>
      <c r="C93" s="11" t="s">
        <v>25</v>
      </c>
      <c r="D93" s="17">
        <v>1106</v>
      </c>
      <c r="E93" s="17">
        <v>14</v>
      </c>
      <c r="F93" s="17">
        <v>291</v>
      </c>
      <c r="G93" s="17">
        <v>801</v>
      </c>
      <c r="H93" s="17">
        <v>44851</v>
      </c>
      <c r="I93" s="17">
        <v>606</v>
      </c>
      <c r="J93" s="17">
        <v>10</v>
      </c>
      <c r="K93" s="17">
        <v>69</v>
      </c>
      <c r="L93" s="17">
        <v>527</v>
      </c>
      <c r="M93" s="17">
        <v>27813</v>
      </c>
      <c r="N93" s="17">
        <v>500</v>
      </c>
      <c r="O93" s="17">
        <v>4</v>
      </c>
      <c r="P93" s="17">
        <v>222</v>
      </c>
      <c r="Q93" s="17">
        <v>274</v>
      </c>
      <c r="R93" s="17">
        <v>17038</v>
      </c>
    </row>
    <row r="94" spans="1:18">
      <c r="A94" s="21" t="s">
        <v>1792</v>
      </c>
      <c r="B94" s="10" t="s">
        <v>25</v>
      </c>
      <c r="C94" s="11" t="s">
        <v>25</v>
      </c>
      <c r="D94" s="17">
        <v>423</v>
      </c>
      <c r="E94" s="17">
        <v>1</v>
      </c>
      <c r="F94" s="17">
        <v>122</v>
      </c>
      <c r="G94" s="17">
        <v>300</v>
      </c>
      <c r="H94" s="17">
        <v>17044</v>
      </c>
      <c r="I94" s="17">
        <v>238</v>
      </c>
      <c r="J94" s="17" t="s">
        <v>35</v>
      </c>
      <c r="K94" s="17">
        <v>31</v>
      </c>
      <c r="L94" s="17">
        <v>207</v>
      </c>
      <c r="M94" s="17">
        <v>11037</v>
      </c>
      <c r="N94" s="17">
        <v>185</v>
      </c>
      <c r="O94" s="17">
        <v>1</v>
      </c>
      <c r="P94" s="17">
        <v>91</v>
      </c>
      <c r="Q94" s="17">
        <v>93</v>
      </c>
      <c r="R94" s="17">
        <v>6007</v>
      </c>
    </row>
    <row r="95" spans="1:18">
      <c r="A95" s="21" t="s">
        <v>1793</v>
      </c>
      <c r="B95" s="10" t="s">
        <v>25</v>
      </c>
      <c r="C95" s="11" t="s">
        <v>25</v>
      </c>
      <c r="D95" s="17">
        <v>850</v>
      </c>
      <c r="E95" s="17">
        <v>11</v>
      </c>
      <c r="F95" s="17">
        <v>195</v>
      </c>
      <c r="G95" s="17">
        <v>643</v>
      </c>
      <c r="H95" s="17">
        <v>34679</v>
      </c>
      <c r="I95" s="17">
        <v>497</v>
      </c>
      <c r="J95" s="17">
        <v>5</v>
      </c>
      <c r="K95" s="17">
        <v>65</v>
      </c>
      <c r="L95" s="17">
        <v>426</v>
      </c>
      <c r="M95" s="17">
        <v>22588</v>
      </c>
      <c r="N95" s="17">
        <v>353</v>
      </c>
      <c r="O95" s="17">
        <v>6</v>
      </c>
      <c r="P95" s="17">
        <v>130</v>
      </c>
      <c r="Q95" s="17">
        <v>217</v>
      </c>
      <c r="R95" s="17">
        <v>12091</v>
      </c>
    </row>
    <row r="96" spans="1:18">
      <c r="A96" s="22"/>
      <c r="B96" s="28"/>
      <c r="C96" s="28"/>
      <c r="D96" s="19"/>
      <c r="E96" s="19"/>
      <c r="F96" s="19"/>
      <c r="G96" s="19"/>
      <c r="H96" s="19"/>
      <c r="I96" s="19"/>
      <c r="J96" s="19"/>
      <c r="K96" s="19"/>
      <c r="L96" s="19"/>
      <c r="M96" s="19"/>
      <c r="N96" s="19"/>
      <c r="O96" s="19"/>
      <c r="P96" s="19"/>
      <c r="Q96" s="19"/>
      <c r="R96" s="19"/>
    </row>
    <row r="97" spans="2:3">
      <c r="B97" s="28"/>
      <c r="C97" s="28"/>
    </row>
    <row r="98" spans="2:3">
      <c r="B98" s="28"/>
      <c r="C98" s="28"/>
    </row>
    <row r="99" spans="2:3">
      <c r="B99" s="28"/>
      <c r="C99" s="28"/>
    </row>
    <row r="100" spans="2:3">
      <c r="B100" s="28"/>
      <c r="C100" s="28"/>
    </row>
    <row r="101" spans="2:3">
      <c r="B101" s="28"/>
      <c r="C101" s="28"/>
    </row>
    <row r="102" spans="2:3">
      <c r="B102" s="28"/>
      <c r="C102" s="28"/>
    </row>
    <row r="103" spans="2:3">
      <c r="B103" s="28"/>
      <c r="C103" s="28"/>
    </row>
    <row r="104" spans="2:3">
      <c r="B104" s="28"/>
      <c r="C104" s="28"/>
    </row>
    <row r="105" spans="2:3">
      <c r="B105" s="28"/>
      <c r="C105" s="28"/>
    </row>
    <row r="106" spans="2:3">
      <c r="B106" s="28"/>
      <c r="C106" s="28"/>
    </row>
    <row r="107" spans="2:3">
      <c r="B107" s="28"/>
      <c r="C107" s="28"/>
    </row>
    <row r="108" spans="2:3">
      <c r="B108" s="28"/>
      <c r="C108" s="28"/>
    </row>
    <row r="109" spans="2:3">
      <c r="B109" s="28"/>
      <c r="C109" s="28"/>
    </row>
    <row r="110" spans="2:3">
      <c r="B110" s="28"/>
      <c r="C110" s="28"/>
    </row>
    <row r="111" spans="2:3">
      <c r="B111" s="28"/>
      <c r="C111" s="28"/>
    </row>
    <row r="112" spans="2:3">
      <c r="B112" s="28"/>
      <c r="C112" s="28"/>
    </row>
  </sheetData>
  <mergeCells count="7">
    <mergeCell ref="A1:D1"/>
    <mergeCell ref="A3:R3"/>
    <mergeCell ref="A6:A7"/>
    <mergeCell ref="B6:C7"/>
    <mergeCell ref="D6:H6"/>
    <mergeCell ref="I6:M6"/>
    <mergeCell ref="N6:R6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35433070866141736" header="0.31496062992125984" footer="0.31496062992125984"/>
  <pageSetup paperSize="8" scale="64" fitToHeight="0" pageOrder="overThenDown" orientation="landscape" horizontalDpi="300" verticalDpi="300" r:id="rId1"/>
  <headerFooter alignWithMargins="0"/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R151"/>
  <sheetViews>
    <sheetView zoomScaleNormal="100" workbookViewId="0">
      <selection sqref="A1:XFD2"/>
    </sheetView>
  </sheetViews>
  <sheetFormatPr defaultRowHeight="13.5"/>
  <cols>
    <col min="1" max="1" width="25.83203125" style="12" customWidth="1"/>
    <col min="2" max="3" width="4.83203125" style="12" customWidth="1"/>
    <col min="4" max="4" width="22.1640625" style="9" customWidth="1"/>
    <col min="5" max="5" width="13.6640625" style="9" bestFit="1" customWidth="1"/>
    <col min="6" max="7" width="19.5" style="9" bestFit="1" customWidth="1"/>
    <col min="8" max="8" width="30.33203125" style="9" bestFit="1" customWidth="1"/>
    <col min="9" max="9" width="22.1640625" style="9" customWidth="1"/>
    <col min="10" max="10" width="13.6640625" style="9" bestFit="1" customWidth="1"/>
    <col min="11" max="12" width="19.5" style="9" bestFit="1" customWidth="1"/>
    <col min="13" max="13" width="30.33203125" style="9" bestFit="1" customWidth="1"/>
    <col min="14" max="14" width="22.6640625" style="9" customWidth="1"/>
    <col min="15" max="15" width="13.6640625" style="9" bestFit="1" customWidth="1"/>
    <col min="16" max="17" width="19.5" style="9" bestFit="1" customWidth="1"/>
    <col min="18" max="18" width="30.33203125" style="9" bestFit="1" customWidth="1"/>
    <col min="19" max="16384" width="9.33203125" style="9"/>
  </cols>
  <sheetData>
    <row r="1" spans="1:18" s="1" customFormat="1" ht="16.5" customHeight="1">
      <c r="A1" s="37" t="s">
        <v>0</v>
      </c>
      <c r="B1" s="37"/>
      <c r="C1" s="37"/>
      <c r="D1" s="37"/>
      <c r="E1" s="31"/>
      <c r="F1" s="31"/>
      <c r="G1" s="31"/>
      <c r="H1" s="31"/>
      <c r="I1" s="32"/>
      <c r="J1" s="32"/>
      <c r="K1" s="32"/>
      <c r="L1" s="32"/>
      <c r="M1" s="32"/>
      <c r="N1" s="32"/>
      <c r="O1" s="32"/>
      <c r="P1" s="31"/>
      <c r="Q1" s="31"/>
      <c r="R1" s="31"/>
    </row>
    <row r="2" spans="1:18" s="1" customFormat="1" ht="16.5" customHeight="1">
      <c r="D2" s="31"/>
      <c r="E2" s="31"/>
      <c r="F2" s="31"/>
      <c r="G2" s="31"/>
      <c r="H2" s="31"/>
      <c r="I2" s="32"/>
      <c r="J2" s="32"/>
      <c r="K2" s="32"/>
      <c r="L2" s="32"/>
      <c r="M2" s="32"/>
      <c r="N2" s="32"/>
      <c r="O2" s="32"/>
      <c r="P2" s="31"/>
      <c r="Q2" s="31"/>
      <c r="R2" s="31"/>
    </row>
    <row r="3" spans="1:18">
      <c r="A3" s="38" t="s">
        <v>2462</v>
      </c>
      <c r="B3" s="38"/>
      <c r="C3" s="38"/>
      <c r="D3" s="38"/>
      <c r="E3" s="38"/>
      <c r="F3" s="38"/>
      <c r="G3" s="38"/>
      <c r="H3" s="38"/>
      <c r="I3" s="38"/>
      <c r="J3" s="38"/>
      <c r="K3" s="38"/>
      <c r="L3" s="38"/>
      <c r="M3" s="38"/>
      <c r="N3" s="38"/>
      <c r="O3" s="38"/>
      <c r="P3" s="38"/>
      <c r="Q3" s="38"/>
      <c r="R3" s="38"/>
    </row>
    <row r="4" spans="1:18">
      <c r="A4" s="9"/>
      <c r="B4" s="9"/>
      <c r="C4" s="9"/>
    </row>
    <row r="6" spans="1:18" ht="13.5" customHeight="1">
      <c r="A6" s="48" t="s">
        <v>26</v>
      </c>
      <c r="B6" s="41" t="s">
        <v>27</v>
      </c>
      <c r="C6" s="42"/>
      <c r="D6" s="45" t="s">
        <v>2463</v>
      </c>
      <c r="E6" s="46"/>
      <c r="F6" s="46"/>
      <c r="G6" s="46"/>
      <c r="H6" s="47"/>
      <c r="I6" s="45" t="s">
        <v>2464</v>
      </c>
      <c r="J6" s="46"/>
      <c r="K6" s="46"/>
      <c r="L6" s="46"/>
      <c r="M6" s="47"/>
      <c r="N6" s="45" t="s">
        <v>2465</v>
      </c>
      <c r="O6" s="46"/>
      <c r="P6" s="46"/>
      <c r="Q6" s="46"/>
      <c r="R6" s="47"/>
    </row>
    <row r="7" spans="1:18" s="23" customFormat="1">
      <c r="A7" s="49"/>
      <c r="B7" s="43"/>
      <c r="C7" s="44"/>
      <c r="D7" s="29" t="s">
        <v>2466</v>
      </c>
      <c r="E7" s="29" t="s">
        <v>2467</v>
      </c>
      <c r="F7" s="29" t="s">
        <v>2468</v>
      </c>
      <c r="G7" s="29" t="s">
        <v>2469</v>
      </c>
      <c r="H7" s="29" t="s">
        <v>2470</v>
      </c>
      <c r="I7" s="29" t="s">
        <v>2471</v>
      </c>
      <c r="J7" s="29" t="s">
        <v>2467</v>
      </c>
      <c r="K7" s="29" t="s">
        <v>2468</v>
      </c>
      <c r="L7" s="29" t="s">
        <v>2469</v>
      </c>
      <c r="M7" s="29" t="s">
        <v>2470</v>
      </c>
      <c r="N7" s="29" t="s">
        <v>2471</v>
      </c>
      <c r="O7" s="29" t="s">
        <v>2467</v>
      </c>
      <c r="P7" s="29" t="s">
        <v>2468</v>
      </c>
      <c r="Q7" s="29" t="s">
        <v>2469</v>
      </c>
      <c r="R7" s="29" t="s">
        <v>2470</v>
      </c>
    </row>
    <row r="8" spans="1:18" s="15" customFormat="1">
      <c r="A8" s="20" t="s">
        <v>1794</v>
      </c>
      <c r="B8" s="13" t="s">
        <v>25</v>
      </c>
      <c r="C8" s="14"/>
      <c r="D8" s="16">
        <v>58781</v>
      </c>
      <c r="E8" s="16">
        <v>865</v>
      </c>
      <c r="F8" s="16">
        <v>15449</v>
      </c>
      <c r="G8" s="16">
        <v>42394</v>
      </c>
      <c r="H8" s="16">
        <v>2360771</v>
      </c>
      <c r="I8" s="16">
        <v>33385</v>
      </c>
      <c r="J8" s="16">
        <v>501</v>
      </c>
      <c r="K8" s="16">
        <v>4189</v>
      </c>
      <c r="L8" s="16">
        <v>28650</v>
      </c>
      <c r="M8" s="16">
        <v>1521180</v>
      </c>
      <c r="N8" s="16">
        <v>25396</v>
      </c>
      <c r="O8" s="16">
        <v>364</v>
      </c>
      <c r="P8" s="16">
        <v>11260</v>
      </c>
      <c r="Q8" s="16">
        <v>13744</v>
      </c>
      <c r="R8" s="16">
        <v>839591</v>
      </c>
    </row>
    <row r="9" spans="1:18">
      <c r="A9" s="30" t="s">
        <v>1795</v>
      </c>
      <c r="B9" s="10" t="s">
        <v>25</v>
      </c>
      <c r="C9" s="11"/>
      <c r="D9" s="17">
        <v>2899</v>
      </c>
      <c r="E9" s="17">
        <v>33</v>
      </c>
      <c r="F9" s="17">
        <v>740</v>
      </c>
      <c r="G9" s="17">
        <v>2124</v>
      </c>
      <c r="H9" s="17">
        <v>119403</v>
      </c>
      <c r="I9" s="17">
        <v>1589</v>
      </c>
      <c r="J9" s="17">
        <v>19</v>
      </c>
      <c r="K9" s="17">
        <v>199</v>
      </c>
      <c r="L9" s="17">
        <v>1370</v>
      </c>
      <c r="M9" s="17">
        <v>73724</v>
      </c>
      <c r="N9" s="17">
        <v>1310</v>
      </c>
      <c r="O9" s="17">
        <v>14</v>
      </c>
      <c r="P9" s="17">
        <v>541</v>
      </c>
      <c r="Q9" s="17">
        <v>754</v>
      </c>
      <c r="R9" s="17">
        <v>45679</v>
      </c>
    </row>
    <row r="10" spans="1:18">
      <c r="A10" s="21" t="s">
        <v>1796</v>
      </c>
      <c r="B10" s="10" t="s">
        <v>25</v>
      </c>
      <c r="C10" s="11"/>
      <c r="D10" s="17">
        <v>1262</v>
      </c>
      <c r="E10" s="17">
        <v>15</v>
      </c>
      <c r="F10" s="17">
        <v>326</v>
      </c>
      <c r="G10" s="17">
        <v>920</v>
      </c>
      <c r="H10" s="17">
        <v>51007</v>
      </c>
      <c r="I10" s="17">
        <v>683</v>
      </c>
      <c r="J10" s="17">
        <v>6</v>
      </c>
      <c r="K10" s="17">
        <v>93</v>
      </c>
      <c r="L10" s="17">
        <v>584</v>
      </c>
      <c r="M10" s="17">
        <v>30909</v>
      </c>
      <c r="N10" s="17">
        <v>579</v>
      </c>
      <c r="O10" s="17">
        <v>9</v>
      </c>
      <c r="P10" s="17">
        <v>233</v>
      </c>
      <c r="Q10" s="17">
        <v>336</v>
      </c>
      <c r="R10" s="17">
        <v>20098</v>
      </c>
    </row>
    <row r="11" spans="1:18">
      <c r="A11" s="21" t="s">
        <v>1797</v>
      </c>
      <c r="B11" s="10" t="s">
        <v>25</v>
      </c>
      <c r="C11" s="11"/>
      <c r="D11" s="17">
        <v>732</v>
      </c>
      <c r="E11" s="17">
        <v>9</v>
      </c>
      <c r="F11" s="17">
        <v>187</v>
      </c>
      <c r="G11" s="17">
        <v>536</v>
      </c>
      <c r="H11" s="17">
        <v>30580</v>
      </c>
      <c r="I11" s="17">
        <v>401</v>
      </c>
      <c r="J11" s="17">
        <v>6</v>
      </c>
      <c r="K11" s="17">
        <v>49</v>
      </c>
      <c r="L11" s="17">
        <v>346</v>
      </c>
      <c r="M11" s="17">
        <v>18974</v>
      </c>
      <c r="N11" s="17">
        <v>331</v>
      </c>
      <c r="O11" s="17">
        <v>3</v>
      </c>
      <c r="P11" s="17">
        <v>138</v>
      </c>
      <c r="Q11" s="17">
        <v>190</v>
      </c>
      <c r="R11" s="17">
        <v>11606</v>
      </c>
    </row>
    <row r="12" spans="1:18">
      <c r="A12" s="21" t="s">
        <v>1798</v>
      </c>
      <c r="B12" s="10" t="s">
        <v>25</v>
      </c>
      <c r="C12" s="11"/>
      <c r="D12" s="17">
        <v>905</v>
      </c>
      <c r="E12" s="17">
        <v>9</v>
      </c>
      <c r="F12" s="17">
        <v>227</v>
      </c>
      <c r="G12" s="17">
        <v>668</v>
      </c>
      <c r="H12" s="17">
        <v>37816</v>
      </c>
      <c r="I12" s="17">
        <v>505</v>
      </c>
      <c r="J12" s="17">
        <v>7</v>
      </c>
      <c r="K12" s="17">
        <v>57</v>
      </c>
      <c r="L12" s="17">
        <v>440</v>
      </c>
      <c r="M12" s="17">
        <v>23841</v>
      </c>
      <c r="N12" s="17">
        <v>400</v>
      </c>
      <c r="O12" s="17">
        <v>2</v>
      </c>
      <c r="P12" s="17">
        <v>170</v>
      </c>
      <c r="Q12" s="17">
        <v>228</v>
      </c>
      <c r="R12" s="17">
        <v>13975</v>
      </c>
    </row>
    <row r="13" spans="1:18">
      <c r="A13" s="21" t="s">
        <v>1799</v>
      </c>
      <c r="B13" s="10" t="s">
        <v>25</v>
      </c>
      <c r="C13" s="11"/>
      <c r="D13" s="17">
        <v>3170</v>
      </c>
      <c r="E13" s="17">
        <v>47</v>
      </c>
      <c r="F13" s="17">
        <v>858</v>
      </c>
      <c r="G13" s="17">
        <v>2261</v>
      </c>
      <c r="H13" s="17">
        <v>125667</v>
      </c>
      <c r="I13" s="17">
        <v>1762</v>
      </c>
      <c r="J13" s="17">
        <v>24</v>
      </c>
      <c r="K13" s="17">
        <v>241</v>
      </c>
      <c r="L13" s="17">
        <v>1494</v>
      </c>
      <c r="M13" s="17">
        <v>79095</v>
      </c>
      <c r="N13" s="17">
        <v>1408</v>
      </c>
      <c r="O13" s="17">
        <v>23</v>
      </c>
      <c r="P13" s="17">
        <v>617</v>
      </c>
      <c r="Q13" s="17">
        <v>767</v>
      </c>
      <c r="R13" s="17">
        <v>46572</v>
      </c>
    </row>
    <row r="14" spans="1:18">
      <c r="A14" s="21" t="s">
        <v>1800</v>
      </c>
      <c r="B14" s="10" t="s">
        <v>25</v>
      </c>
      <c r="C14" s="11"/>
      <c r="D14" s="17">
        <v>934</v>
      </c>
      <c r="E14" s="17">
        <v>11</v>
      </c>
      <c r="F14" s="17">
        <v>229</v>
      </c>
      <c r="G14" s="17">
        <v>691</v>
      </c>
      <c r="H14" s="17">
        <v>37628</v>
      </c>
      <c r="I14" s="17">
        <v>519</v>
      </c>
      <c r="J14" s="17">
        <v>5</v>
      </c>
      <c r="K14" s="17">
        <v>63</v>
      </c>
      <c r="L14" s="17">
        <v>448</v>
      </c>
      <c r="M14" s="17">
        <v>23414</v>
      </c>
      <c r="N14" s="17">
        <v>415</v>
      </c>
      <c r="O14" s="18">
        <v>6</v>
      </c>
      <c r="P14" s="17">
        <v>166</v>
      </c>
      <c r="Q14" s="18">
        <v>243</v>
      </c>
      <c r="R14" s="17">
        <v>14214</v>
      </c>
    </row>
    <row r="15" spans="1:18">
      <c r="A15" s="21" t="s">
        <v>1801</v>
      </c>
      <c r="B15" s="10" t="s">
        <v>25</v>
      </c>
      <c r="C15" s="11"/>
      <c r="D15" s="17">
        <v>796</v>
      </c>
      <c r="E15" s="17">
        <v>20</v>
      </c>
      <c r="F15" s="18">
        <v>229</v>
      </c>
      <c r="G15" s="17">
        <v>547</v>
      </c>
      <c r="H15" s="17">
        <v>30708</v>
      </c>
      <c r="I15" s="17">
        <v>472</v>
      </c>
      <c r="J15" s="17">
        <v>11</v>
      </c>
      <c r="K15" s="18">
        <v>64</v>
      </c>
      <c r="L15" s="17">
        <v>397</v>
      </c>
      <c r="M15" s="17">
        <v>20828</v>
      </c>
      <c r="N15" s="17">
        <v>324</v>
      </c>
      <c r="O15" s="18">
        <v>9</v>
      </c>
      <c r="P15" s="18">
        <v>165</v>
      </c>
      <c r="Q15" s="17">
        <v>150</v>
      </c>
      <c r="R15" s="17">
        <v>9880</v>
      </c>
    </row>
    <row r="16" spans="1:18">
      <c r="A16" s="21" t="s">
        <v>1802</v>
      </c>
      <c r="B16" s="10" t="s">
        <v>25</v>
      </c>
      <c r="C16" s="11"/>
      <c r="D16" s="17">
        <v>1440</v>
      </c>
      <c r="E16" s="17">
        <v>16</v>
      </c>
      <c r="F16" s="18">
        <v>400</v>
      </c>
      <c r="G16" s="18">
        <v>1023</v>
      </c>
      <c r="H16" s="18">
        <v>57331</v>
      </c>
      <c r="I16" s="18">
        <v>771</v>
      </c>
      <c r="J16" s="18">
        <v>8</v>
      </c>
      <c r="K16" s="18">
        <v>114</v>
      </c>
      <c r="L16" s="18">
        <v>649</v>
      </c>
      <c r="M16" s="18">
        <v>34853</v>
      </c>
      <c r="N16" s="17">
        <v>669</v>
      </c>
      <c r="O16" s="17">
        <v>8</v>
      </c>
      <c r="P16" s="18">
        <v>286</v>
      </c>
      <c r="Q16" s="18">
        <v>374</v>
      </c>
      <c r="R16" s="18">
        <v>22478</v>
      </c>
    </row>
    <row r="17" spans="1:18">
      <c r="A17" s="21" t="s">
        <v>1803</v>
      </c>
      <c r="B17" s="10" t="s">
        <v>25</v>
      </c>
      <c r="C17" s="11"/>
      <c r="D17" s="17">
        <v>1949</v>
      </c>
      <c r="E17" s="17">
        <v>40</v>
      </c>
      <c r="F17" s="17">
        <v>534</v>
      </c>
      <c r="G17" s="17">
        <v>1375</v>
      </c>
      <c r="H17" s="17">
        <v>78585</v>
      </c>
      <c r="I17" s="17">
        <v>1115</v>
      </c>
      <c r="J17" s="17">
        <v>29</v>
      </c>
      <c r="K17" s="17">
        <v>179</v>
      </c>
      <c r="L17" s="17">
        <v>907</v>
      </c>
      <c r="M17" s="17">
        <v>49868</v>
      </c>
      <c r="N17" s="17">
        <v>834</v>
      </c>
      <c r="O17" s="17">
        <v>11</v>
      </c>
      <c r="P17" s="17">
        <v>355</v>
      </c>
      <c r="Q17" s="17">
        <v>468</v>
      </c>
      <c r="R17" s="17">
        <v>28717</v>
      </c>
    </row>
    <row r="18" spans="1:18">
      <c r="A18" s="21" t="s">
        <v>1804</v>
      </c>
      <c r="B18" s="10" t="s">
        <v>25</v>
      </c>
      <c r="C18" s="11"/>
      <c r="D18" s="18">
        <v>618</v>
      </c>
      <c r="E18" s="18">
        <v>17</v>
      </c>
      <c r="F18" s="18">
        <v>175</v>
      </c>
      <c r="G18" s="18">
        <v>426</v>
      </c>
      <c r="H18" s="18">
        <v>24044</v>
      </c>
      <c r="I18" s="18">
        <v>359</v>
      </c>
      <c r="J18" s="18">
        <v>10</v>
      </c>
      <c r="K18" s="18">
        <v>59</v>
      </c>
      <c r="L18" s="18">
        <v>290</v>
      </c>
      <c r="M18" s="18">
        <v>15613</v>
      </c>
      <c r="N18" s="18">
        <v>259</v>
      </c>
      <c r="O18" s="18">
        <v>7</v>
      </c>
      <c r="P18" s="18">
        <v>116</v>
      </c>
      <c r="Q18" s="18">
        <v>136</v>
      </c>
      <c r="R18" s="18">
        <v>8431</v>
      </c>
    </row>
    <row r="19" spans="1:18">
      <c r="A19" s="21" t="s">
        <v>1805</v>
      </c>
      <c r="B19" s="10" t="s">
        <v>25</v>
      </c>
      <c r="C19" s="11"/>
      <c r="D19" s="17">
        <v>440</v>
      </c>
      <c r="E19" s="17">
        <v>7</v>
      </c>
      <c r="F19" s="17">
        <v>101</v>
      </c>
      <c r="G19" s="17">
        <v>332</v>
      </c>
      <c r="H19" s="17">
        <v>18394</v>
      </c>
      <c r="I19" s="17">
        <v>233</v>
      </c>
      <c r="J19" s="17">
        <v>4</v>
      </c>
      <c r="K19" s="17">
        <v>36</v>
      </c>
      <c r="L19" s="17">
        <v>193</v>
      </c>
      <c r="M19" s="17">
        <v>10582</v>
      </c>
      <c r="N19" s="17">
        <v>207</v>
      </c>
      <c r="O19" s="17">
        <v>3</v>
      </c>
      <c r="P19" s="17">
        <v>65</v>
      </c>
      <c r="Q19" s="17">
        <v>139</v>
      </c>
      <c r="R19" s="17">
        <v>7812</v>
      </c>
    </row>
    <row r="20" spans="1:18">
      <c r="A20" s="21" t="s">
        <v>1806</v>
      </c>
      <c r="B20" s="10" t="s">
        <v>25</v>
      </c>
      <c r="C20" s="11"/>
      <c r="D20" s="18">
        <v>336</v>
      </c>
      <c r="E20" s="18">
        <v>6</v>
      </c>
      <c r="F20" s="18">
        <v>82</v>
      </c>
      <c r="G20" s="18">
        <v>248</v>
      </c>
      <c r="H20" s="18">
        <v>14437</v>
      </c>
      <c r="I20" s="18">
        <v>198</v>
      </c>
      <c r="J20" s="18">
        <v>6</v>
      </c>
      <c r="K20" s="18">
        <v>28</v>
      </c>
      <c r="L20" s="18">
        <v>164</v>
      </c>
      <c r="M20" s="18">
        <v>9324</v>
      </c>
      <c r="N20" s="18">
        <v>138</v>
      </c>
      <c r="O20" s="18" t="s">
        <v>35</v>
      </c>
      <c r="P20" s="18">
        <v>54</v>
      </c>
      <c r="Q20" s="18">
        <v>84</v>
      </c>
      <c r="R20" s="18">
        <v>5113</v>
      </c>
    </row>
    <row r="21" spans="1:18">
      <c r="A21" s="21" t="s">
        <v>1807</v>
      </c>
      <c r="B21" s="10" t="s">
        <v>25</v>
      </c>
      <c r="C21" s="11"/>
      <c r="D21" s="17">
        <v>555</v>
      </c>
      <c r="E21" s="17">
        <v>10</v>
      </c>
      <c r="F21" s="17">
        <v>176</v>
      </c>
      <c r="G21" s="17">
        <v>369</v>
      </c>
      <c r="H21" s="17">
        <v>21710</v>
      </c>
      <c r="I21" s="17">
        <v>325</v>
      </c>
      <c r="J21" s="17">
        <v>9</v>
      </c>
      <c r="K21" s="17">
        <v>56</v>
      </c>
      <c r="L21" s="17">
        <v>260</v>
      </c>
      <c r="M21" s="17">
        <v>14349</v>
      </c>
      <c r="N21" s="17">
        <v>230</v>
      </c>
      <c r="O21" s="17">
        <v>1</v>
      </c>
      <c r="P21" s="17">
        <v>120</v>
      </c>
      <c r="Q21" s="17">
        <v>109</v>
      </c>
      <c r="R21" s="17">
        <v>7361</v>
      </c>
    </row>
    <row r="22" spans="1:18">
      <c r="A22" s="21" t="s">
        <v>1808</v>
      </c>
      <c r="B22" s="10" t="s">
        <v>25</v>
      </c>
      <c r="C22" s="11"/>
      <c r="D22" s="17">
        <v>1149</v>
      </c>
      <c r="E22" s="17">
        <v>15</v>
      </c>
      <c r="F22" s="17">
        <v>298</v>
      </c>
      <c r="G22" s="17">
        <v>835</v>
      </c>
      <c r="H22" s="17">
        <v>46721</v>
      </c>
      <c r="I22" s="17">
        <v>665</v>
      </c>
      <c r="J22" s="17">
        <v>14</v>
      </c>
      <c r="K22" s="17">
        <v>90</v>
      </c>
      <c r="L22" s="17">
        <v>560</v>
      </c>
      <c r="M22" s="17">
        <v>30274</v>
      </c>
      <c r="N22" s="17">
        <v>484</v>
      </c>
      <c r="O22" s="17">
        <v>1</v>
      </c>
      <c r="P22" s="17">
        <v>208</v>
      </c>
      <c r="Q22" s="17">
        <v>275</v>
      </c>
      <c r="R22" s="17">
        <v>16447</v>
      </c>
    </row>
    <row r="23" spans="1:18">
      <c r="A23" s="21" t="s">
        <v>1809</v>
      </c>
      <c r="B23" s="10" t="s">
        <v>25</v>
      </c>
      <c r="C23" s="11"/>
      <c r="D23" s="17">
        <v>29</v>
      </c>
      <c r="E23" s="18" t="s">
        <v>35</v>
      </c>
      <c r="F23" s="17">
        <v>8</v>
      </c>
      <c r="G23" s="17">
        <v>21</v>
      </c>
      <c r="H23" s="17">
        <v>1142</v>
      </c>
      <c r="I23" s="17">
        <v>16</v>
      </c>
      <c r="J23" s="18" t="s">
        <v>35</v>
      </c>
      <c r="K23" s="17">
        <v>3</v>
      </c>
      <c r="L23" s="17">
        <v>13</v>
      </c>
      <c r="M23" s="17">
        <v>685</v>
      </c>
      <c r="N23" s="17">
        <v>13</v>
      </c>
      <c r="O23" s="18" t="s">
        <v>35</v>
      </c>
      <c r="P23" s="17">
        <v>5</v>
      </c>
      <c r="Q23" s="17">
        <v>8</v>
      </c>
      <c r="R23" s="17">
        <v>457</v>
      </c>
    </row>
    <row r="24" spans="1:18">
      <c r="A24" s="21" t="s">
        <v>1810</v>
      </c>
      <c r="B24" s="10" t="s">
        <v>25</v>
      </c>
      <c r="C24" s="11"/>
      <c r="D24" s="17">
        <v>546</v>
      </c>
      <c r="E24" s="17">
        <v>6</v>
      </c>
      <c r="F24" s="17">
        <v>134</v>
      </c>
      <c r="G24" s="17">
        <v>406</v>
      </c>
      <c r="H24" s="17">
        <v>22324</v>
      </c>
      <c r="I24" s="17">
        <v>321</v>
      </c>
      <c r="J24" s="17">
        <v>5</v>
      </c>
      <c r="K24" s="17">
        <v>45</v>
      </c>
      <c r="L24" s="17">
        <v>271</v>
      </c>
      <c r="M24" s="17">
        <v>14622</v>
      </c>
      <c r="N24" s="17">
        <v>225</v>
      </c>
      <c r="O24" s="17">
        <v>1</v>
      </c>
      <c r="P24" s="17">
        <v>89</v>
      </c>
      <c r="Q24" s="17">
        <v>135</v>
      </c>
      <c r="R24" s="17">
        <v>7702</v>
      </c>
    </row>
    <row r="25" spans="1:18">
      <c r="A25" s="21" t="s">
        <v>1811</v>
      </c>
      <c r="B25" s="10" t="s">
        <v>25</v>
      </c>
      <c r="C25" s="11"/>
      <c r="D25" s="17">
        <v>574</v>
      </c>
      <c r="E25" s="17">
        <v>9</v>
      </c>
      <c r="F25" s="17">
        <v>156</v>
      </c>
      <c r="G25" s="17">
        <v>408</v>
      </c>
      <c r="H25" s="17">
        <v>23255</v>
      </c>
      <c r="I25" s="17">
        <v>328</v>
      </c>
      <c r="J25" s="17">
        <v>9</v>
      </c>
      <c r="K25" s="17">
        <v>42</v>
      </c>
      <c r="L25" s="17">
        <v>276</v>
      </c>
      <c r="M25" s="17">
        <v>14967</v>
      </c>
      <c r="N25" s="17">
        <v>246</v>
      </c>
      <c r="O25" s="17" t="s">
        <v>35</v>
      </c>
      <c r="P25" s="17">
        <v>114</v>
      </c>
      <c r="Q25" s="17">
        <v>132</v>
      </c>
      <c r="R25" s="17">
        <v>8288</v>
      </c>
    </row>
    <row r="26" spans="1:18">
      <c r="A26" s="21" t="s">
        <v>1812</v>
      </c>
      <c r="B26" s="10" t="s">
        <v>25</v>
      </c>
      <c r="C26" s="11"/>
      <c r="D26" s="17">
        <v>1943</v>
      </c>
      <c r="E26" s="17">
        <v>27</v>
      </c>
      <c r="F26" s="17">
        <v>516</v>
      </c>
      <c r="G26" s="17">
        <v>1397</v>
      </c>
      <c r="H26" s="17">
        <v>77926</v>
      </c>
      <c r="I26" s="17">
        <v>1083</v>
      </c>
      <c r="J26" s="17">
        <v>15</v>
      </c>
      <c r="K26" s="17">
        <v>136</v>
      </c>
      <c r="L26" s="17">
        <v>931</v>
      </c>
      <c r="M26" s="17">
        <v>49982</v>
      </c>
      <c r="N26" s="17">
        <v>860</v>
      </c>
      <c r="O26" s="17">
        <v>12</v>
      </c>
      <c r="P26" s="17">
        <v>380</v>
      </c>
      <c r="Q26" s="17">
        <v>466</v>
      </c>
      <c r="R26" s="17">
        <v>27944</v>
      </c>
    </row>
    <row r="27" spans="1:18">
      <c r="A27" s="21" t="s">
        <v>1813</v>
      </c>
      <c r="B27" s="10" t="s">
        <v>25</v>
      </c>
      <c r="C27" s="11"/>
      <c r="D27" s="17">
        <v>866</v>
      </c>
      <c r="E27" s="17">
        <v>13</v>
      </c>
      <c r="F27" s="17">
        <v>246</v>
      </c>
      <c r="G27" s="17">
        <v>607</v>
      </c>
      <c r="H27" s="17">
        <v>34251</v>
      </c>
      <c r="I27" s="17">
        <v>479</v>
      </c>
      <c r="J27" s="17">
        <v>7</v>
      </c>
      <c r="K27" s="17">
        <v>66</v>
      </c>
      <c r="L27" s="17">
        <v>406</v>
      </c>
      <c r="M27" s="17">
        <v>22006</v>
      </c>
      <c r="N27" s="17">
        <v>387</v>
      </c>
      <c r="O27" s="17">
        <v>6</v>
      </c>
      <c r="P27" s="17">
        <v>180</v>
      </c>
      <c r="Q27" s="17">
        <v>201</v>
      </c>
      <c r="R27" s="17">
        <v>12245</v>
      </c>
    </row>
    <row r="28" spans="1:18">
      <c r="A28" s="21" t="s">
        <v>1814</v>
      </c>
      <c r="B28" s="10" t="s">
        <v>25</v>
      </c>
      <c r="C28" s="11"/>
      <c r="D28" s="17">
        <v>703</v>
      </c>
      <c r="E28" s="17">
        <v>8</v>
      </c>
      <c r="F28" s="17">
        <v>161</v>
      </c>
      <c r="G28" s="17">
        <v>532</v>
      </c>
      <c r="H28" s="17">
        <v>29073</v>
      </c>
      <c r="I28" s="17">
        <v>397</v>
      </c>
      <c r="J28" s="17">
        <v>5</v>
      </c>
      <c r="K28" s="17">
        <v>44</v>
      </c>
      <c r="L28" s="17">
        <v>347</v>
      </c>
      <c r="M28" s="17">
        <v>18603</v>
      </c>
      <c r="N28" s="17">
        <v>306</v>
      </c>
      <c r="O28" s="17">
        <v>3</v>
      </c>
      <c r="P28" s="17">
        <v>117</v>
      </c>
      <c r="Q28" s="17">
        <v>185</v>
      </c>
      <c r="R28" s="17">
        <v>10470</v>
      </c>
    </row>
    <row r="29" spans="1:18">
      <c r="A29" s="21" t="s">
        <v>1815</v>
      </c>
      <c r="B29" s="10" t="s">
        <v>25</v>
      </c>
      <c r="C29" s="11"/>
      <c r="D29" s="17">
        <v>374</v>
      </c>
      <c r="E29" s="17">
        <v>6</v>
      </c>
      <c r="F29" s="17">
        <v>109</v>
      </c>
      <c r="G29" s="17">
        <v>258</v>
      </c>
      <c r="H29" s="17">
        <v>14602</v>
      </c>
      <c r="I29" s="17">
        <v>207</v>
      </c>
      <c r="J29" s="17">
        <v>3</v>
      </c>
      <c r="K29" s="17">
        <v>26</v>
      </c>
      <c r="L29" s="17">
        <v>178</v>
      </c>
      <c r="M29" s="17">
        <v>9373</v>
      </c>
      <c r="N29" s="17">
        <v>167</v>
      </c>
      <c r="O29" s="17">
        <v>3</v>
      </c>
      <c r="P29" s="17">
        <v>83</v>
      </c>
      <c r="Q29" s="17">
        <v>80</v>
      </c>
      <c r="R29" s="17">
        <v>5229</v>
      </c>
    </row>
    <row r="30" spans="1:18">
      <c r="A30" s="21" t="s">
        <v>1816</v>
      </c>
      <c r="B30" s="10" t="s">
        <v>25</v>
      </c>
      <c r="C30" s="11"/>
      <c r="D30" s="17">
        <v>1148</v>
      </c>
      <c r="E30" s="17">
        <v>27</v>
      </c>
      <c r="F30" s="17">
        <v>268</v>
      </c>
      <c r="G30" s="17">
        <v>853</v>
      </c>
      <c r="H30" s="17">
        <v>47256</v>
      </c>
      <c r="I30" s="17">
        <v>663</v>
      </c>
      <c r="J30" s="17">
        <v>15</v>
      </c>
      <c r="K30" s="17">
        <v>83</v>
      </c>
      <c r="L30" s="17">
        <v>565</v>
      </c>
      <c r="M30" s="17">
        <v>30172</v>
      </c>
      <c r="N30" s="17">
        <v>485</v>
      </c>
      <c r="O30" s="17">
        <v>12</v>
      </c>
      <c r="P30" s="17">
        <v>185</v>
      </c>
      <c r="Q30" s="17">
        <v>288</v>
      </c>
      <c r="R30" s="17">
        <v>17084</v>
      </c>
    </row>
    <row r="31" spans="1:18">
      <c r="A31" s="21" t="s">
        <v>1817</v>
      </c>
      <c r="B31" s="10" t="s">
        <v>25</v>
      </c>
      <c r="C31" s="11"/>
      <c r="D31" s="17">
        <v>313</v>
      </c>
      <c r="E31" s="17">
        <v>8</v>
      </c>
      <c r="F31" s="17">
        <v>69</v>
      </c>
      <c r="G31" s="17">
        <v>236</v>
      </c>
      <c r="H31" s="17">
        <v>12788</v>
      </c>
      <c r="I31" s="17">
        <v>178</v>
      </c>
      <c r="J31" s="17">
        <v>4</v>
      </c>
      <c r="K31" s="17">
        <v>19</v>
      </c>
      <c r="L31" s="17">
        <v>155</v>
      </c>
      <c r="M31" s="17">
        <v>8113</v>
      </c>
      <c r="N31" s="17">
        <v>135</v>
      </c>
      <c r="O31" s="17">
        <v>4</v>
      </c>
      <c r="P31" s="17">
        <v>50</v>
      </c>
      <c r="Q31" s="17">
        <v>81</v>
      </c>
      <c r="R31" s="17">
        <v>4675</v>
      </c>
    </row>
    <row r="32" spans="1:18">
      <c r="A32" s="21" t="s">
        <v>1818</v>
      </c>
      <c r="B32" s="10" t="s">
        <v>25</v>
      </c>
      <c r="C32" s="11"/>
      <c r="D32" s="17">
        <v>389</v>
      </c>
      <c r="E32" s="17">
        <v>7</v>
      </c>
      <c r="F32" s="17">
        <v>92</v>
      </c>
      <c r="G32" s="17">
        <v>290</v>
      </c>
      <c r="H32" s="17">
        <v>16343</v>
      </c>
      <c r="I32" s="17">
        <v>224</v>
      </c>
      <c r="J32" s="18">
        <v>5</v>
      </c>
      <c r="K32" s="17">
        <v>33</v>
      </c>
      <c r="L32" s="17">
        <v>186</v>
      </c>
      <c r="M32" s="17">
        <v>10229</v>
      </c>
      <c r="N32" s="17">
        <v>165</v>
      </c>
      <c r="O32" s="17">
        <v>2</v>
      </c>
      <c r="P32" s="17">
        <v>59</v>
      </c>
      <c r="Q32" s="17">
        <v>104</v>
      </c>
      <c r="R32" s="17">
        <v>6114</v>
      </c>
    </row>
    <row r="33" spans="1:18">
      <c r="A33" s="21" t="s">
        <v>1819</v>
      </c>
      <c r="B33" s="10" t="s">
        <v>25</v>
      </c>
      <c r="C33" s="11"/>
      <c r="D33" s="17">
        <v>446</v>
      </c>
      <c r="E33" s="17">
        <v>12</v>
      </c>
      <c r="F33" s="17">
        <v>107</v>
      </c>
      <c r="G33" s="17">
        <v>327</v>
      </c>
      <c r="H33" s="17">
        <v>18125</v>
      </c>
      <c r="I33" s="17">
        <v>261</v>
      </c>
      <c r="J33" s="17">
        <v>6</v>
      </c>
      <c r="K33" s="17">
        <v>31</v>
      </c>
      <c r="L33" s="17">
        <v>224</v>
      </c>
      <c r="M33" s="17">
        <v>11830</v>
      </c>
      <c r="N33" s="17">
        <v>185</v>
      </c>
      <c r="O33" s="17">
        <v>6</v>
      </c>
      <c r="P33" s="17">
        <v>76</v>
      </c>
      <c r="Q33" s="17">
        <v>103</v>
      </c>
      <c r="R33" s="17">
        <v>6295</v>
      </c>
    </row>
    <row r="34" spans="1:18">
      <c r="A34" s="21" t="s">
        <v>1820</v>
      </c>
      <c r="B34" s="10" t="s">
        <v>25</v>
      </c>
      <c r="C34" s="11"/>
      <c r="D34" s="18">
        <v>2208</v>
      </c>
      <c r="E34" s="18">
        <v>30</v>
      </c>
      <c r="F34" s="18">
        <v>554</v>
      </c>
      <c r="G34" s="18">
        <v>1621</v>
      </c>
      <c r="H34" s="18">
        <v>88935</v>
      </c>
      <c r="I34" s="18">
        <v>1249</v>
      </c>
      <c r="J34" s="18">
        <v>16</v>
      </c>
      <c r="K34" s="18">
        <v>158</v>
      </c>
      <c r="L34" s="18">
        <v>1074</v>
      </c>
      <c r="M34" s="18">
        <v>56780</v>
      </c>
      <c r="N34" s="18">
        <v>959</v>
      </c>
      <c r="O34" s="18">
        <v>14</v>
      </c>
      <c r="P34" s="18">
        <v>396</v>
      </c>
      <c r="Q34" s="18">
        <v>547</v>
      </c>
      <c r="R34" s="18">
        <v>32155</v>
      </c>
    </row>
    <row r="35" spans="1:18">
      <c r="A35" s="21" t="s">
        <v>1821</v>
      </c>
      <c r="B35" s="10" t="s">
        <v>25</v>
      </c>
      <c r="C35" s="11"/>
      <c r="D35" s="17">
        <v>757</v>
      </c>
      <c r="E35" s="18">
        <v>4</v>
      </c>
      <c r="F35" s="17">
        <v>171</v>
      </c>
      <c r="G35" s="17">
        <v>581</v>
      </c>
      <c r="H35" s="17">
        <v>31539</v>
      </c>
      <c r="I35" s="17">
        <v>421</v>
      </c>
      <c r="J35" s="18">
        <v>2</v>
      </c>
      <c r="K35" s="17">
        <v>43</v>
      </c>
      <c r="L35" s="17">
        <v>375</v>
      </c>
      <c r="M35" s="17">
        <v>19566</v>
      </c>
      <c r="N35" s="17">
        <v>336</v>
      </c>
      <c r="O35" s="18">
        <v>2</v>
      </c>
      <c r="P35" s="17">
        <v>128</v>
      </c>
      <c r="Q35" s="17">
        <v>206</v>
      </c>
      <c r="R35" s="17">
        <v>11973</v>
      </c>
    </row>
    <row r="36" spans="1:18">
      <c r="A36" s="21" t="s">
        <v>1822</v>
      </c>
      <c r="B36" s="10" t="s">
        <v>25</v>
      </c>
      <c r="C36" s="11"/>
      <c r="D36" s="17">
        <v>646</v>
      </c>
      <c r="E36" s="17">
        <v>14</v>
      </c>
      <c r="F36" s="17">
        <v>161</v>
      </c>
      <c r="G36" s="17">
        <v>469</v>
      </c>
      <c r="H36" s="17">
        <v>25726</v>
      </c>
      <c r="I36" s="17">
        <v>367</v>
      </c>
      <c r="J36" s="17">
        <v>7</v>
      </c>
      <c r="K36" s="17">
        <v>46</v>
      </c>
      <c r="L36" s="17">
        <v>314</v>
      </c>
      <c r="M36" s="17">
        <v>16615</v>
      </c>
      <c r="N36" s="17">
        <v>279</v>
      </c>
      <c r="O36" s="17">
        <v>7</v>
      </c>
      <c r="P36" s="17">
        <v>115</v>
      </c>
      <c r="Q36" s="17">
        <v>155</v>
      </c>
      <c r="R36" s="17">
        <v>9111</v>
      </c>
    </row>
    <row r="37" spans="1:18">
      <c r="A37" s="21" t="s">
        <v>1823</v>
      </c>
      <c r="B37" s="10" t="s">
        <v>25</v>
      </c>
      <c r="C37" s="11"/>
      <c r="D37" s="17">
        <v>515</v>
      </c>
      <c r="E37" s="17">
        <v>10</v>
      </c>
      <c r="F37" s="17">
        <v>143</v>
      </c>
      <c r="G37" s="17">
        <v>362</v>
      </c>
      <c r="H37" s="17">
        <v>20383</v>
      </c>
      <c r="I37" s="17">
        <v>306</v>
      </c>
      <c r="J37" s="17">
        <v>6</v>
      </c>
      <c r="K37" s="17">
        <v>43</v>
      </c>
      <c r="L37" s="17">
        <v>257</v>
      </c>
      <c r="M37" s="17">
        <v>13825</v>
      </c>
      <c r="N37" s="17">
        <v>209</v>
      </c>
      <c r="O37" s="17">
        <v>4</v>
      </c>
      <c r="P37" s="17">
        <v>100</v>
      </c>
      <c r="Q37" s="17">
        <v>105</v>
      </c>
      <c r="R37" s="17">
        <v>6558</v>
      </c>
    </row>
    <row r="38" spans="1:18">
      <c r="A38" s="21" t="s">
        <v>1824</v>
      </c>
      <c r="B38" s="10" t="s">
        <v>25</v>
      </c>
      <c r="C38" s="11"/>
      <c r="D38" s="17">
        <v>290</v>
      </c>
      <c r="E38" s="17">
        <v>2</v>
      </c>
      <c r="F38" s="17">
        <v>79</v>
      </c>
      <c r="G38" s="17">
        <v>209</v>
      </c>
      <c r="H38" s="17">
        <v>11287</v>
      </c>
      <c r="I38" s="17">
        <v>155</v>
      </c>
      <c r="J38" s="17">
        <v>1</v>
      </c>
      <c r="K38" s="17">
        <v>26</v>
      </c>
      <c r="L38" s="17">
        <v>128</v>
      </c>
      <c r="M38" s="17">
        <v>6774</v>
      </c>
      <c r="N38" s="17">
        <v>135</v>
      </c>
      <c r="O38" s="17">
        <v>1</v>
      </c>
      <c r="P38" s="17">
        <v>53</v>
      </c>
      <c r="Q38" s="17">
        <v>81</v>
      </c>
      <c r="R38" s="17">
        <v>4513</v>
      </c>
    </row>
    <row r="39" spans="1:18">
      <c r="A39" s="21" t="s">
        <v>1825</v>
      </c>
      <c r="B39" s="10" t="s">
        <v>25</v>
      </c>
      <c r="C39" s="11"/>
      <c r="D39" s="17">
        <v>5853</v>
      </c>
      <c r="E39" s="17">
        <v>81</v>
      </c>
      <c r="F39" s="17">
        <v>1491</v>
      </c>
      <c r="G39" s="17">
        <v>4274</v>
      </c>
      <c r="H39" s="17">
        <v>238773</v>
      </c>
      <c r="I39" s="17">
        <v>3408</v>
      </c>
      <c r="J39" s="17">
        <v>51</v>
      </c>
      <c r="K39" s="17">
        <v>419</v>
      </c>
      <c r="L39" s="17">
        <v>2933</v>
      </c>
      <c r="M39" s="17">
        <v>156527</v>
      </c>
      <c r="N39" s="17">
        <v>2445</v>
      </c>
      <c r="O39" s="17">
        <v>30</v>
      </c>
      <c r="P39" s="17">
        <v>1072</v>
      </c>
      <c r="Q39" s="17">
        <v>1341</v>
      </c>
      <c r="R39" s="17">
        <v>82246</v>
      </c>
    </row>
    <row r="40" spans="1:18">
      <c r="A40" s="21" t="s">
        <v>1826</v>
      </c>
      <c r="B40" s="10" t="s">
        <v>25</v>
      </c>
      <c r="C40" s="11"/>
      <c r="D40" s="17">
        <v>879</v>
      </c>
      <c r="E40" s="17">
        <v>13</v>
      </c>
      <c r="F40" s="17">
        <v>201</v>
      </c>
      <c r="G40" s="17">
        <v>665</v>
      </c>
      <c r="H40" s="17">
        <v>36763</v>
      </c>
      <c r="I40" s="17">
        <v>520</v>
      </c>
      <c r="J40" s="18">
        <v>6</v>
      </c>
      <c r="K40" s="17">
        <v>66</v>
      </c>
      <c r="L40" s="17">
        <v>448</v>
      </c>
      <c r="M40" s="17">
        <v>23886</v>
      </c>
      <c r="N40" s="17">
        <v>359</v>
      </c>
      <c r="O40" s="17">
        <v>7</v>
      </c>
      <c r="P40" s="17">
        <v>135</v>
      </c>
      <c r="Q40" s="17">
        <v>217</v>
      </c>
      <c r="R40" s="17">
        <v>12877</v>
      </c>
    </row>
    <row r="41" spans="1:18">
      <c r="A41" s="21" t="s">
        <v>1827</v>
      </c>
      <c r="B41" s="10" t="s">
        <v>25</v>
      </c>
      <c r="C41" s="11"/>
      <c r="D41" s="17">
        <v>890</v>
      </c>
      <c r="E41" s="17">
        <v>16</v>
      </c>
      <c r="F41" s="17">
        <v>244</v>
      </c>
      <c r="G41" s="17">
        <v>629</v>
      </c>
      <c r="H41" s="17">
        <v>35801</v>
      </c>
      <c r="I41" s="17">
        <v>512</v>
      </c>
      <c r="J41" s="17">
        <v>12</v>
      </c>
      <c r="K41" s="17">
        <v>69</v>
      </c>
      <c r="L41" s="17">
        <v>430</v>
      </c>
      <c r="M41" s="17">
        <v>23149</v>
      </c>
      <c r="N41" s="17">
        <v>378</v>
      </c>
      <c r="O41" s="17">
        <v>4</v>
      </c>
      <c r="P41" s="17">
        <v>175</v>
      </c>
      <c r="Q41" s="17">
        <v>199</v>
      </c>
      <c r="R41" s="17">
        <v>12652</v>
      </c>
    </row>
    <row r="42" spans="1:18">
      <c r="A42" s="21" t="s">
        <v>1828</v>
      </c>
      <c r="B42" s="10" t="s">
        <v>25</v>
      </c>
      <c r="C42" s="11"/>
      <c r="D42" s="18">
        <v>492</v>
      </c>
      <c r="E42" s="18">
        <v>10</v>
      </c>
      <c r="F42" s="18">
        <v>126</v>
      </c>
      <c r="G42" s="18">
        <v>356</v>
      </c>
      <c r="H42" s="18">
        <v>19512</v>
      </c>
      <c r="I42" s="18">
        <v>275</v>
      </c>
      <c r="J42" s="18">
        <v>6</v>
      </c>
      <c r="K42" s="18">
        <v>36</v>
      </c>
      <c r="L42" s="18">
        <v>233</v>
      </c>
      <c r="M42" s="18">
        <v>12266</v>
      </c>
      <c r="N42" s="18">
        <v>217</v>
      </c>
      <c r="O42" s="18">
        <v>4</v>
      </c>
      <c r="P42" s="18">
        <v>90</v>
      </c>
      <c r="Q42" s="18">
        <v>123</v>
      </c>
      <c r="R42" s="18">
        <v>7246</v>
      </c>
    </row>
    <row r="43" spans="1:18">
      <c r="A43" s="21" t="s">
        <v>1829</v>
      </c>
      <c r="B43" s="10" t="s">
        <v>25</v>
      </c>
      <c r="C43" s="11"/>
      <c r="D43" s="17">
        <v>856</v>
      </c>
      <c r="E43" s="17">
        <v>7</v>
      </c>
      <c r="F43" s="17">
        <v>229</v>
      </c>
      <c r="G43" s="17">
        <v>620</v>
      </c>
      <c r="H43" s="17">
        <v>34437</v>
      </c>
      <c r="I43" s="17">
        <v>478</v>
      </c>
      <c r="J43" s="17">
        <v>6</v>
      </c>
      <c r="K43" s="17">
        <v>49</v>
      </c>
      <c r="L43" s="17">
        <v>423</v>
      </c>
      <c r="M43" s="17">
        <v>21893</v>
      </c>
      <c r="N43" s="17">
        <v>378</v>
      </c>
      <c r="O43" s="17">
        <v>1</v>
      </c>
      <c r="P43" s="17">
        <v>180</v>
      </c>
      <c r="Q43" s="17">
        <v>197</v>
      </c>
      <c r="R43" s="17">
        <v>12544</v>
      </c>
    </row>
    <row r="44" spans="1:18">
      <c r="A44" s="21" t="s">
        <v>1830</v>
      </c>
      <c r="B44" s="10" t="s">
        <v>25</v>
      </c>
      <c r="C44" s="11"/>
      <c r="D44" s="17">
        <v>661</v>
      </c>
      <c r="E44" s="18">
        <v>12</v>
      </c>
      <c r="F44" s="17">
        <v>175</v>
      </c>
      <c r="G44" s="17">
        <v>472</v>
      </c>
      <c r="H44" s="17">
        <v>26141</v>
      </c>
      <c r="I44" s="17">
        <v>377</v>
      </c>
      <c r="J44" s="18">
        <v>8</v>
      </c>
      <c r="K44" s="17">
        <v>50</v>
      </c>
      <c r="L44" s="17">
        <v>318</v>
      </c>
      <c r="M44" s="17">
        <v>16829</v>
      </c>
      <c r="N44" s="17">
        <v>284</v>
      </c>
      <c r="O44" s="18">
        <v>4</v>
      </c>
      <c r="P44" s="17">
        <v>125</v>
      </c>
      <c r="Q44" s="17">
        <v>154</v>
      </c>
      <c r="R44" s="17">
        <v>9312</v>
      </c>
    </row>
    <row r="45" spans="1:18">
      <c r="A45" s="21" t="s">
        <v>1831</v>
      </c>
      <c r="B45" s="10" t="s">
        <v>25</v>
      </c>
      <c r="C45" s="11"/>
      <c r="D45" s="17">
        <v>1104</v>
      </c>
      <c r="E45" s="17">
        <v>14</v>
      </c>
      <c r="F45" s="17">
        <v>266</v>
      </c>
      <c r="G45" s="17">
        <v>823</v>
      </c>
      <c r="H45" s="17">
        <v>46489</v>
      </c>
      <c r="I45" s="17">
        <v>660</v>
      </c>
      <c r="J45" s="17">
        <v>8</v>
      </c>
      <c r="K45" s="17">
        <v>70</v>
      </c>
      <c r="L45" s="17">
        <v>581</v>
      </c>
      <c r="M45" s="17">
        <v>31774</v>
      </c>
      <c r="N45" s="17">
        <v>444</v>
      </c>
      <c r="O45" s="17">
        <v>6</v>
      </c>
      <c r="P45" s="17">
        <v>196</v>
      </c>
      <c r="Q45" s="17">
        <v>242</v>
      </c>
      <c r="R45" s="17">
        <v>14715</v>
      </c>
    </row>
    <row r="46" spans="1:18">
      <c r="A46" s="21" t="s">
        <v>1832</v>
      </c>
      <c r="B46" s="10" t="s">
        <v>25</v>
      </c>
      <c r="C46" s="11"/>
      <c r="D46" s="17">
        <v>642</v>
      </c>
      <c r="E46" s="17">
        <v>8</v>
      </c>
      <c r="F46" s="17">
        <v>172</v>
      </c>
      <c r="G46" s="17">
        <v>459</v>
      </c>
      <c r="H46" s="17">
        <v>25628</v>
      </c>
      <c r="I46" s="17">
        <v>394</v>
      </c>
      <c r="J46" s="17">
        <v>4</v>
      </c>
      <c r="K46" s="17">
        <v>58</v>
      </c>
      <c r="L46" s="17">
        <v>330</v>
      </c>
      <c r="M46" s="17">
        <v>17575</v>
      </c>
      <c r="N46" s="17">
        <v>248</v>
      </c>
      <c r="O46" s="17">
        <v>4</v>
      </c>
      <c r="P46" s="17">
        <v>114</v>
      </c>
      <c r="Q46" s="17">
        <v>129</v>
      </c>
      <c r="R46" s="17">
        <v>8053</v>
      </c>
    </row>
    <row r="47" spans="1:18">
      <c r="A47" s="21" t="s">
        <v>1833</v>
      </c>
      <c r="B47" s="10" t="s">
        <v>25</v>
      </c>
      <c r="C47" s="11"/>
      <c r="D47" s="17">
        <v>329</v>
      </c>
      <c r="E47" s="17">
        <v>1</v>
      </c>
      <c r="F47" s="17">
        <v>78</v>
      </c>
      <c r="G47" s="17">
        <v>250</v>
      </c>
      <c r="H47" s="17">
        <v>14002</v>
      </c>
      <c r="I47" s="17">
        <v>192</v>
      </c>
      <c r="J47" s="17">
        <v>1</v>
      </c>
      <c r="K47" s="17">
        <v>21</v>
      </c>
      <c r="L47" s="17">
        <v>170</v>
      </c>
      <c r="M47" s="17">
        <v>9155</v>
      </c>
      <c r="N47" s="17">
        <v>137</v>
      </c>
      <c r="O47" s="17" t="s">
        <v>35</v>
      </c>
      <c r="P47" s="17">
        <v>57</v>
      </c>
      <c r="Q47" s="17">
        <v>80</v>
      </c>
      <c r="R47" s="17">
        <v>4847</v>
      </c>
    </row>
    <row r="48" spans="1:18">
      <c r="A48" s="21" t="s">
        <v>1834</v>
      </c>
      <c r="B48" s="10" t="s">
        <v>25</v>
      </c>
      <c r="C48" s="11"/>
      <c r="D48" s="17">
        <v>2980</v>
      </c>
      <c r="E48" s="18">
        <v>40</v>
      </c>
      <c r="F48" s="17">
        <v>732</v>
      </c>
      <c r="G48" s="17">
        <v>2204</v>
      </c>
      <c r="H48" s="17">
        <v>122232</v>
      </c>
      <c r="I48" s="17">
        <v>1761</v>
      </c>
      <c r="J48" s="18">
        <v>29</v>
      </c>
      <c r="K48" s="17">
        <v>233</v>
      </c>
      <c r="L48" s="17">
        <v>1496</v>
      </c>
      <c r="M48" s="17">
        <v>80189</v>
      </c>
      <c r="N48" s="17">
        <v>1219</v>
      </c>
      <c r="O48" s="18">
        <v>11</v>
      </c>
      <c r="P48" s="17">
        <v>499</v>
      </c>
      <c r="Q48" s="17">
        <v>708</v>
      </c>
      <c r="R48" s="17">
        <v>42043</v>
      </c>
    </row>
    <row r="49" spans="1:18">
      <c r="A49" s="21" t="s">
        <v>1835</v>
      </c>
      <c r="B49" s="10" t="s">
        <v>25</v>
      </c>
      <c r="C49" s="11"/>
      <c r="D49" s="17">
        <v>957</v>
      </c>
      <c r="E49" s="18">
        <v>14</v>
      </c>
      <c r="F49" s="17">
        <v>228</v>
      </c>
      <c r="G49" s="17">
        <v>714</v>
      </c>
      <c r="H49" s="17">
        <v>39481</v>
      </c>
      <c r="I49" s="17">
        <v>559</v>
      </c>
      <c r="J49" s="18">
        <v>11</v>
      </c>
      <c r="K49" s="17">
        <v>75</v>
      </c>
      <c r="L49" s="17">
        <v>472</v>
      </c>
      <c r="M49" s="17">
        <v>25212</v>
      </c>
      <c r="N49" s="17">
        <v>398</v>
      </c>
      <c r="O49" s="18">
        <v>3</v>
      </c>
      <c r="P49" s="17">
        <v>153</v>
      </c>
      <c r="Q49" s="17">
        <v>242</v>
      </c>
      <c r="R49" s="17">
        <v>14269</v>
      </c>
    </row>
    <row r="50" spans="1:18">
      <c r="A50" s="21" t="s">
        <v>1836</v>
      </c>
      <c r="B50" s="10" t="s">
        <v>25</v>
      </c>
      <c r="C50" s="11"/>
      <c r="D50" s="17">
        <v>529</v>
      </c>
      <c r="E50" s="18">
        <v>5</v>
      </c>
      <c r="F50" s="17">
        <v>130</v>
      </c>
      <c r="G50" s="17">
        <v>392</v>
      </c>
      <c r="H50" s="17">
        <v>22094</v>
      </c>
      <c r="I50" s="17">
        <v>310</v>
      </c>
      <c r="J50" s="18">
        <v>3</v>
      </c>
      <c r="K50" s="17">
        <v>47</v>
      </c>
      <c r="L50" s="17">
        <v>259</v>
      </c>
      <c r="M50" s="17">
        <v>14328</v>
      </c>
      <c r="N50" s="17">
        <v>219</v>
      </c>
      <c r="O50" s="18">
        <v>2</v>
      </c>
      <c r="P50" s="17">
        <v>83</v>
      </c>
      <c r="Q50" s="17">
        <v>133</v>
      </c>
      <c r="R50" s="17">
        <v>7766</v>
      </c>
    </row>
    <row r="51" spans="1:18">
      <c r="A51" s="21" t="s">
        <v>1837</v>
      </c>
      <c r="B51" s="10" t="s">
        <v>25</v>
      </c>
      <c r="C51" s="11"/>
      <c r="D51" s="17">
        <v>198</v>
      </c>
      <c r="E51" s="17">
        <v>7</v>
      </c>
      <c r="F51" s="17">
        <v>60</v>
      </c>
      <c r="G51" s="17">
        <v>131</v>
      </c>
      <c r="H51" s="17">
        <v>7612</v>
      </c>
      <c r="I51" s="17">
        <v>140</v>
      </c>
      <c r="J51" s="18">
        <v>6</v>
      </c>
      <c r="K51" s="17">
        <v>28</v>
      </c>
      <c r="L51" s="17">
        <v>106</v>
      </c>
      <c r="M51" s="17">
        <v>5879</v>
      </c>
      <c r="N51" s="17">
        <v>58</v>
      </c>
      <c r="O51" s="17">
        <v>1</v>
      </c>
      <c r="P51" s="17">
        <v>32</v>
      </c>
      <c r="Q51" s="17">
        <v>25</v>
      </c>
      <c r="R51" s="17">
        <v>1733</v>
      </c>
    </row>
    <row r="52" spans="1:18">
      <c r="A52" s="21" t="s">
        <v>1838</v>
      </c>
      <c r="B52" s="10" t="s">
        <v>25</v>
      </c>
      <c r="C52" s="11"/>
      <c r="D52" s="17" t="s">
        <v>35</v>
      </c>
      <c r="E52" s="17" t="s">
        <v>35</v>
      </c>
      <c r="F52" s="17" t="s">
        <v>35</v>
      </c>
      <c r="G52" s="17" t="s">
        <v>35</v>
      </c>
      <c r="H52" s="17" t="s">
        <v>35</v>
      </c>
      <c r="I52" s="17" t="s">
        <v>35</v>
      </c>
      <c r="J52" s="18" t="s">
        <v>35</v>
      </c>
      <c r="K52" s="17" t="s">
        <v>35</v>
      </c>
      <c r="L52" s="17" t="s">
        <v>35</v>
      </c>
      <c r="M52" s="17" t="s">
        <v>35</v>
      </c>
      <c r="N52" s="17" t="s">
        <v>35</v>
      </c>
      <c r="O52" s="17" t="s">
        <v>35</v>
      </c>
      <c r="P52" s="17" t="s">
        <v>35</v>
      </c>
      <c r="Q52" s="17" t="s">
        <v>35</v>
      </c>
      <c r="R52" s="17" t="s">
        <v>35</v>
      </c>
    </row>
    <row r="53" spans="1:18">
      <c r="A53" s="21" t="s">
        <v>1839</v>
      </c>
      <c r="B53" s="10" t="s">
        <v>25</v>
      </c>
      <c r="C53" s="11"/>
      <c r="D53" s="17">
        <v>1296</v>
      </c>
      <c r="E53" s="18">
        <v>14</v>
      </c>
      <c r="F53" s="17">
        <v>314</v>
      </c>
      <c r="G53" s="17">
        <v>967</v>
      </c>
      <c r="H53" s="17">
        <v>53045</v>
      </c>
      <c r="I53" s="17">
        <v>752</v>
      </c>
      <c r="J53" s="18">
        <v>9</v>
      </c>
      <c r="K53" s="17">
        <v>83</v>
      </c>
      <c r="L53" s="17">
        <v>659</v>
      </c>
      <c r="M53" s="17">
        <v>34770</v>
      </c>
      <c r="N53" s="17">
        <v>544</v>
      </c>
      <c r="O53" s="18">
        <v>5</v>
      </c>
      <c r="P53" s="17">
        <v>231</v>
      </c>
      <c r="Q53" s="17">
        <v>308</v>
      </c>
      <c r="R53" s="17">
        <v>18275</v>
      </c>
    </row>
    <row r="54" spans="1:18">
      <c r="A54" s="21" t="s">
        <v>1840</v>
      </c>
      <c r="B54" s="10" t="s">
        <v>25</v>
      </c>
      <c r="C54" s="11"/>
      <c r="D54" s="17">
        <v>3053</v>
      </c>
      <c r="E54" s="18">
        <v>54</v>
      </c>
      <c r="F54" s="17">
        <v>783</v>
      </c>
      <c r="G54" s="17">
        <v>2214</v>
      </c>
      <c r="H54" s="17">
        <v>122847</v>
      </c>
      <c r="I54" s="17">
        <v>1710</v>
      </c>
      <c r="J54" s="18">
        <v>33</v>
      </c>
      <c r="K54" s="17">
        <v>230</v>
      </c>
      <c r="L54" s="17">
        <v>1446</v>
      </c>
      <c r="M54" s="17">
        <v>77075</v>
      </c>
      <c r="N54" s="17">
        <v>1343</v>
      </c>
      <c r="O54" s="18">
        <v>21</v>
      </c>
      <c r="P54" s="17">
        <v>553</v>
      </c>
      <c r="Q54" s="17">
        <v>768</v>
      </c>
      <c r="R54" s="17">
        <v>45772</v>
      </c>
    </row>
    <row r="55" spans="1:18">
      <c r="A55" s="21" t="s">
        <v>1841</v>
      </c>
      <c r="B55" s="10" t="s">
        <v>25</v>
      </c>
      <c r="C55" s="11"/>
      <c r="D55" s="17">
        <v>1439</v>
      </c>
      <c r="E55" s="17">
        <v>18</v>
      </c>
      <c r="F55" s="17">
        <v>346</v>
      </c>
      <c r="G55" s="17">
        <v>1075</v>
      </c>
      <c r="H55" s="17">
        <v>58722</v>
      </c>
      <c r="I55" s="17">
        <v>798</v>
      </c>
      <c r="J55" s="17">
        <v>9</v>
      </c>
      <c r="K55" s="17">
        <v>89</v>
      </c>
      <c r="L55" s="17">
        <v>700</v>
      </c>
      <c r="M55" s="17">
        <v>37046</v>
      </c>
      <c r="N55" s="17">
        <v>641</v>
      </c>
      <c r="O55" s="17">
        <v>9</v>
      </c>
      <c r="P55" s="17">
        <v>257</v>
      </c>
      <c r="Q55" s="17">
        <v>375</v>
      </c>
      <c r="R55" s="17">
        <v>21676</v>
      </c>
    </row>
    <row r="56" spans="1:18">
      <c r="A56" s="21" t="s">
        <v>1842</v>
      </c>
      <c r="B56" s="10" t="s">
        <v>25</v>
      </c>
      <c r="C56" s="11"/>
      <c r="D56" s="17">
        <v>602</v>
      </c>
      <c r="E56" s="17">
        <v>9</v>
      </c>
      <c r="F56" s="17">
        <v>166</v>
      </c>
      <c r="G56" s="17">
        <v>426</v>
      </c>
      <c r="H56" s="17">
        <v>24382</v>
      </c>
      <c r="I56" s="17">
        <v>334</v>
      </c>
      <c r="J56" s="17">
        <v>5</v>
      </c>
      <c r="K56" s="17">
        <v>52</v>
      </c>
      <c r="L56" s="17">
        <v>277</v>
      </c>
      <c r="M56" s="17">
        <v>15161</v>
      </c>
      <c r="N56" s="17">
        <v>268</v>
      </c>
      <c r="O56" s="17">
        <v>4</v>
      </c>
      <c r="P56" s="17">
        <v>114</v>
      </c>
      <c r="Q56" s="17">
        <v>149</v>
      </c>
      <c r="R56" s="17">
        <v>9221</v>
      </c>
    </row>
    <row r="57" spans="1:18">
      <c r="A57" s="21" t="s">
        <v>1843</v>
      </c>
      <c r="B57" s="10" t="s">
        <v>25</v>
      </c>
      <c r="C57" s="11"/>
      <c r="D57" s="17">
        <v>695</v>
      </c>
      <c r="E57" s="17">
        <v>17</v>
      </c>
      <c r="F57" s="17">
        <v>181</v>
      </c>
      <c r="G57" s="17">
        <v>496</v>
      </c>
      <c r="H57" s="17">
        <v>27357</v>
      </c>
      <c r="I57" s="17">
        <v>406</v>
      </c>
      <c r="J57" s="18">
        <v>13</v>
      </c>
      <c r="K57" s="17">
        <v>59</v>
      </c>
      <c r="L57" s="17">
        <v>333</v>
      </c>
      <c r="M57" s="17">
        <v>17414</v>
      </c>
      <c r="N57" s="17">
        <v>289</v>
      </c>
      <c r="O57" s="17">
        <v>4</v>
      </c>
      <c r="P57" s="17">
        <v>122</v>
      </c>
      <c r="Q57" s="17">
        <v>163</v>
      </c>
      <c r="R57" s="17">
        <v>9943</v>
      </c>
    </row>
    <row r="58" spans="1:18">
      <c r="A58" s="21" t="s">
        <v>1844</v>
      </c>
      <c r="B58" s="10" t="s">
        <v>25</v>
      </c>
      <c r="C58" s="11"/>
      <c r="D58" s="17">
        <v>317</v>
      </c>
      <c r="E58" s="17">
        <v>10</v>
      </c>
      <c r="F58" s="17">
        <v>90</v>
      </c>
      <c r="G58" s="17">
        <v>217</v>
      </c>
      <c r="H58" s="17">
        <v>12386</v>
      </c>
      <c r="I58" s="17">
        <v>172</v>
      </c>
      <c r="J58" s="17">
        <v>6</v>
      </c>
      <c r="K58" s="17">
        <v>30</v>
      </c>
      <c r="L58" s="17">
        <v>136</v>
      </c>
      <c r="M58" s="17">
        <v>7454</v>
      </c>
      <c r="N58" s="17">
        <v>145</v>
      </c>
      <c r="O58" s="17">
        <v>4</v>
      </c>
      <c r="P58" s="17">
        <v>60</v>
      </c>
      <c r="Q58" s="17">
        <v>81</v>
      </c>
      <c r="R58" s="17">
        <v>4932</v>
      </c>
    </row>
    <row r="59" spans="1:18">
      <c r="A59" s="21" t="s">
        <v>1845</v>
      </c>
      <c r="B59" s="10" t="s">
        <v>25</v>
      </c>
      <c r="C59" s="11"/>
      <c r="D59" s="17">
        <v>3092</v>
      </c>
      <c r="E59" s="17">
        <v>56</v>
      </c>
      <c r="F59" s="17">
        <v>840</v>
      </c>
      <c r="G59" s="17">
        <v>2196</v>
      </c>
      <c r="H59" s="17">
        <v>122928</v>
      </c>
      <c r="I59" s="17">
        <v>1690</v>
      </c>
      <c r="J59" s="17">
        <v>34</v>
      </c>
      <c r="K59" s="17">
        <v>238</v>
      </c>
      <c r="L59" s="17">
        <v>1418</v>
      </c>
      <c r="M59" s="17">
        <v>75698</v>
      </c>
      <c r="N59" s="17">
        <v>1402</v>
      </c>
      <c r="O59" s="17">
        <v>22</v>
      </c>
      <c r="P59" s="17">
        <v>602</v>
      </c>
      <c r="Q59" s="17">
        <v>778</v>
      </c>
      <c r="R59" s="17">
        <v>47230</v>
      </c>
    </row>
    <row r="60" spans="1:18">
      <c r="A60" s="21" t="s">
        <v>1846</v>
      </c>
      <c r="B60" s="10" t="s">
        <v>25</v>
      </c>
      <c r="C60" s="11"/>
      <c r="D60" s="17">
        <v>1267</v>
      </c>
      <c r="E60" s="17">
        <v>25</v>
      </c>
      <c r="F60" s="17">
        <v>339</v>
      </c>
      <c r="G60" s="17">
        <v>903</v>
      </c>
      <c r="H60" s="17">
        <v>49239</v>
      </c>
      <c r="I60" s="17">
        <v>701</v>
      </c>
      <c r="J60" s="17">
        <v>14</v>
      </c>
      <c r="K60" s="17">
        <v>81</v>
      </c>
      <c r="L60" s="17">
        <v>606</v>
      </c>
      <c r="M60" s="17">
        <v>31065</v>
      </c>
      <c r="N60" s="17">
        <v>566</v>
      </c>
      <c r="O60" s="17">
        <v>11</v>
      </c>
      <c r="P60" s="17">
        <v>258</v>
      </c>
      <c r="Q60" s="17">
        <v>297</v>
      </c>
      <c r="R60" s="17">
        <v>18174</v>
      </c>
    </row>
    <row r="61" spans="1:18">
      <c r="A61" s="21" t="s">
        <v>1847</v>
      </c>
      <c r="B61" s="10" t="s">
        <v>25</v>
      </c>
      <c r="C61" s="11"/>
      <c r="D61" s="17">
        <v>727</v>
      </c>
      <c r="E61" s="17">
        <v>12</v>
      </c>
      <c r="F61" s="17">
        <v>216</v>
      </c>
      <c r="G61" s="17">
        <v>499</v>
      </c>
      <c r="H61" s="17">
        <v>28699</v>
      </c>
      <c r="I61" s="17">
        <v>371</v>
      </c>
      <c r="J61" s="17">
        <v>6</v>
      </c>
      <c r="K61" s="17">
        <v>67</v>
      </c>
      <c r="L61" s="17">
        <v>298</v>
      </c>
      <c r="M61" s="17">
        <v>16498</v>
      </c>
      <c r="N61" s="17">
        <v>356</v>
      </c>
      <c r="O61" s="17">
        <v>6</v>
      </c>
      <c r="P61" s="17">
        <v>149</v>
      </c>
      <c r="Q61" s="17">
        <v>201</v>
      </c>
      <c r="R61" s="17">
        <v>12201</v>
      </c>
    </row>
    <row r="62" spans="1:18">
      <c r="A62" s="21" t="s">
        <v>1848</v>
      </c>
      <c r="B62" s="10" t="s">
        <v>25</v>
      </c>
      <c r="C62" s="11"/>
      <c r="D62" s="17">
        <v>851</v>
      </c>
      <c r="E62" s="17">
        <v>10</v>
      </c>
      <c r="F62" s="17">
        <v>230</v>
      </c>
      <c r="G62" s="17">
        <v>611</v>
      </c>
      <c r="H62" s="17">
        <v>34982</v>
      </c>
      <c r="I62" s="17">
        <v>470</v>
      </c>
      <c r="J62" s="17">
        <v>7</v>
      </c>
      <c r="K62" s="17">
        <v>70</v>
      </c>
      <c r="L62" s="17">
        <v>393</v>
      </c>
      <c r="M62" s="17">
        <v>21656</v>
      </c>
      <c r="N62" s="17">
        <v>381</v>
      </c>
      <c r="O62" s="17">
        <v>3</v>
      </c>
      <c r="P62" s="17">
        <v>160</v>
      </c>
      <c r="Q62" s="17">
        <v>218</v>
      </c>
      <c r="R62" s="17">
        <v>13326</v>
      </c>
    </row>
    <row r="63" spans="1:18">
      <c r="A63" s="21" t="s">
        <v>1849</v>
      </c>
      <c r="B63" s="10" t="s">
        <v>25</v>
      </c>
      <c r="C63" s="11"/>
      <c r="D63" s="17">
        <v>247</v>
      </c>
      <c r="E63" s="17">
        <v>9</v>
      </c>
      <c r="F63" s="17">
        <v>55</v>
      </c>
      <c r="G63" s="17">
        <v>183</v>
      </c>
      <c r="H63" s="17">
        <v>10008</v>
      </c>
      <c r="I63" s="17">
        <v>148</v>
      </c>
      <c r="J63" s="17">
        <v>7</v>
      </c>
      <c r="K63" s="17">
        <v>20</v>
      </c>
      <c r="L63" s="17">
        <v>121</v>
      </c>
      <c r="M63" s="17">
        <v>6479</v>
      </c>
      <c r="N63" s="17">
        <v>99</v>
      </c>
      <c r="O63" s="17">
        <v>2</v>
      </c>
      <c r="P63" s="17">
        <v>35</v>
      </c>
      <c r="Q63" s="17">
        <v>62</v>
      </c>
      <c r="R63" s="17">
        <v>3529</v>
      </c>
    </row>
    <row r="64" spans="1:18">
      <c r="A64" s="21" t="s">
        <v>1850</v>
      </c>
      <c r="B64" s="10" t="s">
        <v>25</v>
      </c>
      <c r="C64" s="11"/>
      <c r="D64" s="17">
        <v>2924</v>
      </c>
      <c r="E64" s="17">
        <v>46</v>
      </c>
      <c r="F64" s="17">
        <v>686</v>
      </c>
      <c r="G64" s="17">
        <v>2190</v>
      </c>
      <c r="H64" s="17">
        <v>120170</v>
      </c>
      <c r="I64" s="17">
        <v>1679</v>
      </c>
      <c r="J64" s="17">
        <v>30</v>
      </c>
      <c r="K64" s="17">
        <v>185</v>
      </c>
      <c r="L64" s="17">
        <v>1463</v>
      </c>
      <c r="M64" s="17">
        <v>77430</v>
      </c>
      <c r="N64" s="17">
        <v>1245</v>
      </c>
      <c r="O64" s="18">
        <v>16</v>
      </c>
      <c r="P64" s="17">
        <v>501</v>
      </c>
      <c r="Q64" s="17">
        <v>727</v>
      </c>
      <c r="R64" s="17">
        <v>42740</v>
      </c>
    </row>
    <row r="65" spans="1:18">
      <c r="A65" s="21" t="s">
        <v>1851</v>
      </c>
      <c r="B65" s="10" t="s">
        <v>25</v>
      </c>
      <c r="C65" s="11"/>
      <c r="D65" s="17">
        <v>738</v>
      </c>
      <c r="E65" s="17">
        <v>6</v>
      </c>
      <c r="F65" s="17">
        <v>147</v>
      </c>
      <c r="G65" s="17">
        <v>585</v>
      </c>
      <c r="H65" s="17">
        <v>31506</v>
      </c>
      <c r="I65" s="17">
        <v>413</v>
      </c>
      <c r="J65" s="17">
        <v>2</v>
      </c>
      <c r="K65" s="17">
        <v>34</v>
      </c>
      <c r="L65" s="17">
        <v>377</v>
      </c>
      <c r="M65" s="17">
        <v>19815</v>
      </c>
      <c r="N65" s="17">
        <v>325</v>
      </c>
      <c r="O65" s="17">
        <v>4</v>
      </c>
      <c r="P65" s="17">
        <v>113</v>
      </c>
      <c r="Q65" s="17">
        <v>208</v>
      </c>
      <c r="R65" s="17">
        <v>11691</v>
      </c>
    </row>
    <row r="66" spans="1:18">
      <c r="A66" s="21" t="s">
        <v>1852</v>
      </c>
      <c r="B66" s="10" t="s">
        <v>25</v>
      </c>
      <c r="C66" s="11"/>
      <c r="D66" s="17">
        <v>435</v>
      </c>
      <c r="E66" s="17">
        <v>13</v>
      </c>
      <c r="F66" s="17">
        <v>101</v>
      </c>
      <c r="G66" s="17">
        <v>320</v>
      </c>
      <c r="H66" s="17">
        <v>17495</v>
      </c>
      <c r="I66" s="17">
        <v>257</v>
      </c>
      <c r="J66" s="17">
        <v>8</v>
      </c>
      <c r="K66" s="17">
        <v>31</v>
      </c>
      <c r="L66" s="17">
        <v>218</v>
      </c>
      <c r="M66" s="17">
        <v>11596</v>
      </c>
      <c r="N66" s="17">
        <v>178</v>
      </c>
      <c r="O66" s="17">
        <v>5</v>
      </c>
      <c r="P66" s="17">
        <v>70</v>
      </c>
      <c r="Q66" s="17">
        <v>102</v>
      </c>
      <c r="R66" s="17">
        <v>5899</v>
      </c>
    </row>
    <row r="67" spans="1:18">
      <c r="A67" s="21" t="s">
        <v>1853</v>
      </c>
      <c r="B67" s="10" t="s">
        <v>25</v>
      </c>
      <c r="C67" s="11"/>
      <c r="D67" s="17">
        <v>1013</v>
      </c>
      <c r="E67" s="17">
        <v>15</v>
      </c>
      <c r="F67" s="17">
        <v>250</v>
      </c>
      <c r="G67" s="17">
        <v>748</v>
      </c>
      <c r="H67" s="17">
        <v>41145</v>
      </c>
      <c r="I67" s="17">
        <v>582</v>
      </c>
      <c r="J67" s="17">
        <v>11</v>
      </c>
      <c r="K67" s="17">
        <v>63</v>
      </c>
      <c r="L67" s="17">
        <v>508</v>
      </c>
      <c r="M67" s="17">
        <v>26662</v>
      </c>
      <c r="N67" s="17">
        <v>431</v>
      </c>
      <c r="O67" s="17">
        <v>4</v>
      </c>
      <c r="P67" s="17">
        <v>187</v>
      </c>
      <c r="Q67" s="17">
        <v>240</v>
      </c>
      <c r="R67" s="17">
        <v>14483</v>
      </c>
    </row>
    <row r="68" spans="1:18">
      <c r="A68" s="21" t="s">
        <v>1854</v>
      </c>
      <c r="B68" s="10" t="s">
        <v>25</v>
      </c>
      <c r="C68" s="11"/>
      <c r="D68" s="17">
        <v>738</v>
      </c>
      <c r="E68" s="17">
        <v>12</v>
      </c>
      <c r="F68" s="17">
        <v>188</v>
      </c>
      <c r="G68" s="17">
        <v>537</v>
      </c>
      <c r="H68" s="17">
        <v>30024</v>
      </c>
      <c r="I68" s="17">
        <v>427</v>
      </c>
      <c r="J68" s="17">
        <v>9</v>
      </c>
      <c r="K68" s="17">
        <v>57</v>
      </c>
      <c r="L68" s="17">
        <v>360</v>
      </c>
      <c r="M68" s="17">
        <v>19357</v>
      </c>
      <c r="N68" s="17">
        <v>311</v>
      </c>
      <c r="O68" s="17">
        <v>3</v>
      </c>
      <c r="P68" s="17">
        <v>131</v>
      </c>
      <c r="Q68" s="17">
        <v>177</v>
      </c>
      <c r="R68" s="17">
        <v>10667</v>
      </c>
    </row>
    <row r="69" spans="1:18">
      <c r="A69" s="21" t="s">
        <v>1855</v>
      </c>
      <c r="B69" s="10" t="s">
        <v>25</v>
      </c>
      <c r="C69" s="11"/>
      <c r="D69" s="17">
        <v>1590</v>
      </c>
      <c r="E69" s="17">
        <v>21</v>
      </c>
      <c r="F69" s="17">
        <v>384</v>
      </c>
      <c r="G69" s="17">
        <v>1185</v>
      </c>
      <c r="H69" s="17">
        <v>65863</v>
      </c>
      <c r="I69" s="17">
        <v>947</v>
      </c>
      <c r="J69" s="17">
        <v>8</v>
      </c>
      <c r="K69" s="17">
        <v>115</v>
      </c>
      <c r="L69" s="17">
        <v>824</v>
      </c>
      <c r="M69" s="17">
        <v>44119</v>
      </c>
      <c r="N69" s="17">
        <v>643</v>
      </c>
      <c r="O69" s="17">
        <v>13</v>
      </c>
      <c r="P69" s="17">
        <v>269</v>
      </c>
      <c r="Q69" s="17">
        <v>361</v>
      </c>
      <c r="R69" s="17">
        <v>21744</v>
      </c>
    </row>
    <row r="70" spans="1:18">
      <c r="A70" s="21" t="s">
        <v>1856</v>
      </c>
      <c r="B70" s="10" t="s">
        <v>25</v>
      </c>
      <c r="C70" s="11"/>
      <c r="D70" s="17">
        <v>18</v>
      </c>
      <c r="E70" s="17">
        <v>3</v>
      </c>
      <c r="F70" s="17">
        <v>6</v>
      </c>
      <c r="G70" s="17">
        <v>9</v>
      </c>
      <c r="H70" s="17">
        <v>556</v>
      </c>
      <c r="I70" s="17">
        <v>14</v>
      </c>
      <c r="J70" s="17">
        <v>1</v>
      </c>
      <c r="K70" s="17">
        <v>6</v>
      </c>
      <c r="L70" s="17">
        <v>7</v>
      </c>
      <c r="M70" s="17">
        <v>460</v>
      </c>
      <c r="N70" s="17">
        <v>4</v>
      </c>
      <c r="O70" s="17">
        <v>2</v>
      </c>
      <c r="P70" s="17" t="s">
        <v>35</v>
      </c>
      <c r="Q70" s="17">
        <v>2</v>
      </c>
      <c r="R70" s="17">
        <v>96</v>
      </c>
    </row>
    <row r="71" spans="1:18">
      <c r="A71" s="21" t="s">
        <v>1857</v>
      </c>
      <c r="B71" s="10" t="s">
        <v>25</v>
      </c>
      <c r="C71" s="11"/>
      <c r="D71" s="17">
        <v>437</v>
      </c>
      <c r="E71" s="17">
        <v>7</v>
      </c>
      <c r="F71" s="17">
        <v>85</v>
      </c>
      <c r="G71" s="17">
        <v>345</v>
      </c>
      <c r="H71" s="17">
        <v>19055</v>
      </c>
      <c r="I71" s="17">
        <v>265</v>
      </c>
      <c r="J71" s="17">
        <v>2</v>
      </c>
      <c r="K71" s="17">
        <v>25</v>
      </c>
      <c r="L71" s="17">
        <v>238</v>
      </c>
      <c r="M71" s="17">
        <v>12966</v>
      </c>
      <c r="N71" s="17">
        <v>172</v>
      </c>
      <c r="O71" s="17">
        <v>5</v>
      </c>
      <c r="P71" s="17">
        <v>60</v>
      </c>
      <c r="Q71" s="17">
        <v>107</v>
      </c>
      <c r="R71" s="17">
        <v>6089</v>
      </c>
    </row>
    <row r="72" spans="1:18">
      <c r="A72" s="21" t="s">
        <v>1858</v>
      </c>
      <c r="B72" s="10" t="s">
        <v>25</v>
      </c>
      <c r="C72" s="11"/>
      <c r="D72" s="17">
        <v>225</v>
      </c>
      <c r="E72" s="17" t="s">
        <v>35</v>
      </c>
      <c r="F72" s="17">
        <v>56</v>
      </c>
      <c r="G72" s="17">
        <v>169</v>
      </c>
      <c r="H72" s="17">
        <v>9413</v>
      </c>
      <c r="I72" s="17">
        <v>138</v>
      </c>
      <c r="J72" s="17" t="s">
        <v>35</v>
      </c>
      <c r="K72" s="17">
        <v>25</v>
      </c>
      <c r="L72" s="17">
        <v>113</v>
      </c>
      <c r="M72" s="17">
        <v>6233</v>
      </c>
      <c r="N72" s="17">
        <v>87</v>
      </c>
      <c r="O72" s="17" t="s">
        <v>35</v>
      </c>
      <c r="P72" s="17">
        <v>31</v>
      </c>
      <c r="Q72" s="17">
        <v>56</v>
      </c>
      <c r="R72" s="17">
        <v>3180</v>
      </c>
    </row>
    <row r="73" spans="1:18">
      <c r="A73" s="21" t="s">
        <v>1859</v>
      </c>
      <c r="B73" s="10" t="s">
        <v>25</v>
      </c>
      <c r="C73" s="11"/>
      <c r="D73" s="17">
        <v>910</v>
      </c>
      <c r="E73" s="17">
        <v>11</v>
      </c>
      <c r="F73" s="17">
        <v>237</v>
      </c>
      <c r="G73" s="17">
        <v>662</v>
      </c>
      <c r="H73" s="17">
        <v>36839</v>
      </c>
      <c r="I73" s="17">
        <v>530</v>
      </c>
      <c r="J73" s="17">
        <v>5</v>
      </c>
      <c r="K73" s="17">
        <v>59</v>
      </c>
      <c r="L73" s="17">
        <v>466</v>
      </c>
      <c r="M73" s="17">
        <v>24460</v>
      </c>
      <c r="N73" s="17">
        <v>380</v>
      </c>
      <c r="O73" s="17">
        <v>6</v>
      </c>
      <c r="P73" s="17">
        <v>178</v>
      </c>
      <c r="Q73" s="17">
        <v>196</v>
      </c>
      <c r="R73" s="17">
        <v>12379</v>
      </c>
    </row>
    <row r="74" spans="1:18">
      <c r="A74" s="21" t="s">
        <v>1860</v>
      </c>
      <c r="B74" s="10" t="s">
        <v>25</v>
      </c>
      <c r="C74" s="11"/>
      <c r="D74" s="17">
        <v>557</v>
      </c>
      <c r="E74" s="17">
        <v>13</v>
      </c>
      <c r="F74" s="17">
        <v>154</v>
      </c>
      <c r="G74" s="17">
        <v>389</v>
      </c>
      <c r="H74" s="17">
        <v>21479</v>
      </c>
      <c r="I74" s="17">
        <v>311</v>
      </c>
      <c r="J74" s="17">
        <v>5</v>
      </c>
      <c r="K74" s="17">
        <v>48</v>
      </c>
      <c r="L74" s="17">
        <v>258</v>
      </c>
      <c r="M74" s="17">
        <v>13726</v>
      </c>
      <c r="N74" s="17">
        <v>246</v>
      </c>
      <c r="O74" s="17">
        <v>8</v>
      </c>
      <c r="P74" s="17">
        <v>106</v>
      </c>
      <c r="Q74" s="17">
        <v>131</v>
      </c>
      <c r="R74" s="17">
        <v>7753</v>
      </c>
    </row>
    <row r="75" spans="1:18">
      <c r="A75" s="21" t="s">
        <v>1861</v>
      </c>
      <c r="B75" s="10" t="s">
        <v>25</v>
      </c>
      <c r="C75" s="11"/>
      <c r="D75" s="17">
        <v>423</v>
      </c>
      <c r="E75" s="17">
        <v>6</v>
      </c>
      <c r="F75" s="17">
        <v>118</v>
      </c>
      <c r="G75" s="17">
        <v>298</v>
      </c>
      <c r="H75" s="17">
        <v>16279</v>
      </c>
      <c r="I75" s="17">
        <v>237</v>
      </c>
      <c r="J75" s="18">
        <v>1</v>
      </c>
      <c r="K75" s="17">
        <v>39</v>
      </c>
      <c r="L75" s="17">
        <v>197</v>
      </c>
      <c r="M75" s="17">
        <v>10398</v>
      </c>
      <c r="N75" s="17">
        <v>186</v>
      </c>
      <c r="O75" s="17">
        <v>5</v>
      </c>
      <c r="P75" s="17">
        <v>79</v>
      </c>
      <c r="Q75" s="17">
        <v>101</v>
      </c>
      <c r="R75" s="17">
        <v>5881</v>
      </c>
    </row>
    <row r="76" spans="1:18">
      <c r="A76" s="21" t="s">
        <v>1862</v>
      </c>
      <c r="B76" s="10" t="s">
        <v>25</v>
      </c>
      <c r="C76" s="11"/>
      <c r="D76" s="17">
        <v>134</v>
      </c>
      <c r="E76" s="17">
        <v>7</v>
      </c>
      <c r="F76" s="17">
        <v>36</v>
      </c>
      <c r="G76" s="17">
        <v>91</v>
      </c>
      <c r="H76" s="17">
        <v>5200</v>
      </c>
      <c r="I76" s="17">
        <v>74</v>
      </c>
      <c r="J76" s="17">
        <v>4</v>
      </c>
      <c r="K76" s="17">
        <v>9</v>
      </c>
      <c r="L76" s="17">
        <v>61</v>
      </c>
      <c r="M76" s="17">
        <v>3328</v>
      </c>
      <c r="N76" s="17">
        <v>60</v>
      </c>
      <c r="O76" s="17">
        <v>3</v>
      </c>
      <c r="P76" s="17">
        <v>27</v>
      </c>
      <c r="Q76" s="17">
        <v>30</v>
      </c>
      <c r="R76" s="17">
        <v>1872</v>
      </c>
    </row>
    <row r="77" spans="1:18">
      <c r="A77" s="21" t="s">
        <v>1863</v>
      </c>
      <c r="B77" s="10" t="s">
        <v>25</v>
      </c>
      <c r="C77" s="11"/>
      <c r="D77" s="17">
        <v>341</v>
      </c>
      <c r="E77" s="17">
        <v>9</v>
      </c>
      <c r="F77" s="17">
        <v>104</v>
      </c>
      <c r="G77" s="17">
        <v>226</v>
      </c>
      <c r="H77" s="17">
        <v>12700</v>
      </c>
      <c r="I77" s="17">
        <v>193</v>
      </c>
      <c r="J77" s="17">
        <v>6</v>
      </c>
      <c r="K77" s="17">
        <v>35</v>
      </c>
      <c r="L77" s="17">
        <v>151</v>
      </c>
      <c r="M77" s="17">
        <v>8056</v>
      </c>
      <c r="N77" s="17">
        <v>148</v>
      </c>
      <c r="O77" s="17">
        <v>3</v>
      </c>
      <c r="P77" s="17">
        <v>69</v>
      </c>
      <c r="Q77" s="17">
        <v>75</v>
      </c>
      <c r="R77" s="17">
        <v>4644</v>
      </c>
    </row>
    <row r="78" spans="1:18">
      <c r="A78" s="21" t="s">
        <v>1864</v>
      </c>
      <c r="B78" s="10" t="s">
        <v>25</v>
      </c>
      <c r="C78" s="11"/>
      <c r="D78" s="17" t="s">
        <v>35</v>
      </c>
      <c r="E78" s="17" t="s">
        <v>35</v>
      </c>
      <c r="F78" s="17" t="s">
        <v>35</v>
      </c>
      <c r="G78" s="17" t="s">
        <v>35</v>
      </c>
      <c r="H78" s="17" t="s">
        <v>35</v>
      </c>
      <c r="I78" s="17" t="s">
        <v>35</v>
      </c>
      <c r="J78" s="17" t="s">
        <v>35</v>
      </c>
      <c r="K78" s="17" t="s">
        <v>35</v>
      </c>
      <c r="L78" s="17" t="s">
        <v>35</v>
      </c>
      <c r="M78" s="17" t="s">
        <v>35</v>
      </c>
      <c r="N78" s="17" t="s">
        <v>35</v>
      </c>
      <c r="O78" s="17" t="s">
        <v>35</v>
      </c>
      <c r="P78" s="17" t="s">
        <v>35</v>
      </c>
      <c r="Q78" s="17" t="s">
        <v>35</v>
      </c>
      <c r="R78" s="17" t="s">
        <v>35</v>
      </c>
    </row>
    <row r="79" spans="1:18">
      <c r="A79" s="21" t="s">
        <v>1865</v>
      </c>
      <c r="B79" s="10" t="s">
        <v>25</v>
      </c>
      <c r="C79" s="11"/>
      <c r="D79" s="17">
        <v>341</v>
      </c>
      <c r="E79" s="17">
        <v>9</v>
      </c>
      <c r="F79" s="17">
        <v>104</v>
      </c>
      <c r="G79" s="17">
        <v>226</v>
      </c>
      <c r="H79" s="17">
        <v>12700</v>
      </c>
      <c r="I79" s="17">
        <v>193</v>
      </c>
      <c r="J79" s="17">
        <v>6</v>
      </c>
      <c r="K79" s="17">
        <v>35</v>
      </c>
      <c r="L79" s="17">
        <v>151</v>
      </c>
      <c r="M79" s="17">
        <v>8056</v>
      </c>
      <c r="N79" s="17">
        <v>148</v>
      </c>
      <c r="O79" s="17">
        <v>3</v>
      </c>
      <c r="P79" s="17">
        <v>69</v>
      </c>
      <c r="Q79" s="17">
        <v>75</v>
      </c>
      <c r="R79" s="17">
        <v>4644</v>
      </c>
    </row>
    <row r="80" spans="1:18">
      <c r="A80" s="21" t="s">
        <v>1866</v>
      </c>
      <c r="B80" s="10" t="s">
        <v>52</v>
      </c>
      <c r="C80" s="11" t="s">
        <v>53</v>
      </c>
      <c r="D80" s="17">
        <v>163</v>
      </c>
      <c r="E80" s="17">
        <v>3</v>
      </c>
      <c r="F80" s="17">
        <v>49</v>
      </c>
      <c r="G80" s="17">
        <v>107</v>
      </c>
      <c r="H80" s="17">
        <v>6357</v>
      </c>
      <c r="I80" s="17">
        <v>101</v>
      </c>
      <c r="J80" s="17">
        <v>2</v>
      </c>
      <c r="K80" s="17">
        <v>18</v>
      </c>
      <c r="L80" s="17">
        <v>77</v>
      </c>
      <c r="M80" s="17">
        <v>4382</v>
      </c>
      <c r="N80" s="17">
        <v>62</v>
      </c>
      <c r="O80" s="18">
        <v>1</v>
      </c>
      <c r="P80" s="17">
        <v>31</v>
      </c>
      <c r="Q80" s="17">
        <v>30</v>
      </c>
      <c r="R80" s="17">
        <v>1975</v>
      </c>
    </row>
    <row r="81" spans="1:18">
      <c r="A81" s="21" t="s">
        <v>1867</v>
      </c>
      <c r="B81" s="10" t="s">
        <v>58</v>
      </c>
      <c r="C81" s="11" t="s">
        <v>53</v>
      </c>
      <c r="D81" s="17" t="s">
        <v>59</v>
      </c>
      <c r="E81" s="17" t="s">
        <v>59</v>
      </c>
      <c r="F81" s="17" t="s">
        <v>59</v>
      </c>
      <c r="G81" s="17" t="s">
        <v>59</v>
      </c>
      <c r="H81" s="17" t="s">
        <v>59</v>
      </c>
      <c r="I81" s="17" t="s">
        <v>59</v>
      </c>
      <c r="J81" s="17" t="s">
        <v>59</v>
      </c>
      <c r="K81" s="17" t="s">
        <v>59</v>
      </c>
      <c r="L81" s="17" t="s">
        <v>59</v>
      </c>
      <c r="M81" s="17" t="s">
        <v>59</v>
      </c>
      <c r="N81" s="17" t="s">
        <v>59</v>
      </c>
      <c r="O81" s="18" t="s">
        <v>59</v>
      </c>
      <c r="P81" s="17" t="s">
        <v>59</v>
      </c>
      <c r="Q81" s="17" t="s">
        <v>59</v>
      </c>
      <c r="R81" s="17" t="s">
        <v>59</v>
      </c>
    </row>
    <row r="82" spans="1:18">
      <c r="A82" s="21" t="s">
        <v>1868</v>
      </c>
      <c r="B82" s="10" t="s">
        <v>58</v>
      </c>
      <c r="C82" s="11" t="s">
        <v>53</v>
      </c>
      <c r="D82" s="17" t="s">
        <v>59</v>
      </c>
      <c r="E82" s="18" t="s">
        <v>59</v>
      </c>
      <c r="F82" s="17" t="s">
        <v>59</v>
      </c>
      <c r="G82" s="17" t="s">
        <v>59</v>
      </c>
      <c r="H82" s="17" t="s">
        <v>59</v>
      </c>
      <c r="I82" s="17" t="s">
        <v>59</v>
      </c>
      <c r="J82" s="18" t="s">
        <v>59</v>
      </c>
      <c r="K82" s="17" t="s">
        <v>59</v>
      </c>
      <c r="L82" s="17" t="s">
        <v>59</v>
      </c>
      <c r="M82" s="17" t="s">
        <v>59</v>
      </c>
      <c r="N82" s="17" t="s">
        <v>59</v>
      </c>
      <c r="O82" s="18" t="s">
        <v>59</v>
      </c>
      <c r="P82" s="17" t="s">
        <v>59</v>
      </c>
      <c r="Q82" s="17" t="s">
        <v>59</v>
      </c>
      <c r="R82" s="17" t="s">
        <v>59</v>
      </c>
    </row>
    <row r="83" spans="1:18">
      <c r="A83" s="21" t="s">
        <v>1869</v>
      </c>
      <c r="B83" s="10" t="s">
        <v>25</v>
      </c>
      <c r="C83" s="11"/>
      <c r="D83" s="17">
        <v>2333</v>
      </c>
      <c r="E83" s="18">
        <v>34</v>
      </c>
      <c r="F83" s="17">
        <v>651</v>
      </c>
      <c r="G83" s="17">
        <v>1644</v>
      </c>
      <c r="H83" s="17">
        <v>91968</v>
      </c>
      <c r="I83" s="17">
        <v>1340</v>
      </c>
      <c r="J83" s="18">
        <v>21</v>
      </c>
      <c r="K83" s="17">
        <v>185</v>
      </c>
      <c r="L83" s="17">
        <v>1131</v>
      </c>
      <c r="M83" s="17">
        <v>59681</v>
      </c>
      <c r="N83" s="17">
        <v>993</v>
      </c>
      <c r="O83" s="18">
        <v>13</v>
      </c>
      <c r="P83" s="17">
        <v>466</v>
      </c>
      <c r="Q83" s="17">
        <v>513</v>
      </c>
      <c r="R83" s="17">
        <v>32287</v>
      </c>
    </row>
    <row r="84" spans="1:18">
      <c r="A84" s="21" t="s">
        <v>1870</v>
      </c>
      <c r="B84" s="10" t="s">
        <v>25</v>
      </c>
      <c r="C84" s="11"/>
      <c r="D84" s="18">
        <v>824</v>
      </c>
      <c r="E84" s="18">
        <v>7</v>
      </c>
      <c r="F84" s="18">
        <v>263</v>
      </c>
      <c r="G84" s="18">
        <v>552</v>
      </c>
      <c r="H84" s="18">
        <v>31413</v>
      </c>
      <c r="I84" s="18">
        <v>421</v>
      </c>
      <c r="J84" s="18">
        <v>4</v>
      </c>
      <c r="K84" s="18">
        <v>66</v>
      </c>
      <c r="L84" s="18">
        <v>350</v>
      </c>
      <c r="M84" s="18">
        <v>18615</v>
      </c>
      <c r="N84" s="18">
        <v>403</v>
      </c>
      <c r="O84" s="18">
        <v>3</v>
      </c>
      <c r="P84" s="18">
        <v>197</v>
      </c>
      <c r="Q84" s="18">
        <v>202</v>
      </c>
      <c r="R84" s="18">
        <v>12798</v>
      </c>
    </row>
    <row r="85" spans="1:18">
      <c r="A85" s="21" t="s">
        <v>1871</v>
      </c>
      <c r="B85" s="10" t="s">
        <v>25</v>
      </c>
      <c r="C85" s="11"/>
      <c r="D85" s="18">
        <v>638</v>
      </c>
      <c r="E85" s="18">
        <v>15</v>
      </c>
      <c r="F85" s="18">
        <v>153</v>
      </c>
      <c r="G85" s="18">
        <v>469</v>
      </c>
      <c r="H85" s="18">
        <v>25820</v>
      </c>
      <c r="I85" s="18">
        <v>399</v>
      </c>
      <c r="J85" s="18">
        <v>8</v>
      </c>
      <c r="K85" s="18">
        <v>43</v>
      </c>
      <c r="L85" s="18">
        <v>347</v>
      </c>
      <c r="M85" s="18">
        <v>18086</v>
      </c>
      <c r="N85" s="18">
        <v>239</v>
      </c>
      <c r="O85" s="18">
        <v>7</v>
      </c>
      <c r="P85" s="18">
        <v>110</v>
      </c>
      <c r="Q85" s="18">
        <v>122</v>
      </c>
      <c r="R85" s="18">
        <v>7734</v>
      </c>
    </row>
    <row r="86" spans="1:18">
      <c r="A86" s="21" t="s">
        <v>1872</v>
      </c>
      <c r="B86" s="10" t="s">
        <v>25</v>
      </c>
      <c r="C86" s="11"/>
      <c r="D86" s="18">
        <v>871</v>
      </c>
      <c r="E86" s="18">
        <v>12</v>
      </c>
      <c r="F86" s="18">
        <v>235</v>
      </c>
      <c r="G86" s="18">
        <v>623</v>
      </c>
      <c r="H86" s="18">
        <v>34735</v>
      </c>
      <c r="I86" s="18">
        <v>520</v>
      </c>
      <c r="J86" s="18">
        <v>9</v>
      </c>
      <c r="K86" s="18">
        <v>76</v>
      </c>
      <c r="L86" s="18">
        <v>434</v>
      </c>
      <c r="M86" s="18">
        <v>22980</v>
      </c>
      <c r="N86" s="18">
        <v>351</v>
      </c>
      <c r="O86" s="18">
        <v>3</v>
      </c>
      <c r="P86" s="18">
        <v>159</v>
      </c>
      <c r="Q86" s="18">
        <v>189</v>
      </c>
      <c r="R86" s="18">
        <v>11755</v>
      </c>
    </row>
    <row r="87" spans="1:18">
      <c r="A87" s="21" t="s">
        <v>1873</v>
      </c>
      <c r="B87" s="10" t="s">
        <v>25</v>
      </c>
      <c r="C87" s="11"/>
      <c r="D87" s="17">
        <v>5681</v>
      </c>
      <c r="E87" s="17">
        <v>76</v>
      </c>
      <c r="F87" s="17">
        <v>1473</v>
      </c>
      <c r="G87" s="17">
        <v>4120</v>
      </c>
      <c r="H87" s="17">
        <v>231348</v>
      </c>
      <c r="I87" s="17">
        <v>3283</v>
      </c>
      <c r="J87" s="17">
        <v>39</v>
      </c>
      <c r="K87" s="17">
        <v>350</v>
      </c>
      <c r="L87" s="17">
        <v>2887</v>
      </c>
      <c r="M87" s="17">
        <v>154089</v>
      </c>
      <c r="N87" s="17">
        <v>2398</v>
      </c>
      <c r="O87" s="17">
        <v>37</v>
      </c>
      <c r="P87" s="17">
        <v>1123</v>
      </c>
      <c r="Q87" s="17">
        <v>1233</v>
      </c>
      <c r="R87" s="17">
        <v>77259</v>
      </c>
    </row>
    <row r="88" spans="1:18">
      <c r="A88" s="21" t="s">
        <v>1874</v>
      </c>
      <c r="B88" s="10" t="s">
        <v>25</v>
      </c>
      <c r="C88" s="11"/>
      <c r="D88" s="17">
        <v>432</v>
      </c>
      <c r="E88" s="17">
        <v>7</v>
      </c>
      <c r="F88" s="17">
        <v>78</v>
      </c>
      <c r="G88" s="17">
        <v>346</v>
      </c>
      <c r="H88" s="17">
        <v>18479</v>
      </c>
      <c r="I88" s="17">
        <v>256</v>
      </c>
      <c r="J88" s="17">
        <v>3</v>
      </c>
      <c r="K88" s="17">
        <v>18</v>
      </c>
      <c r="L88" s="17">
        <v>234</v>
      </c>
      <c r="M88" s="17">
        <v>12453</v>
      </c>
      <c r="N88" s="17">
        <v>176</v>
      </c>
      <c r="O88" s="17">
        <v>4</v>
      </c>
      <c r="P88" s="17">
        <v>60</v>
      </c>
      <c r="Q88" s="17">
        <v>112</v>
      </c>
      <c r="R88" s="17">
        <v>6026</v>
      </c>
    </row>
    <row r="89" spans="1:18">
      <c r="A89" s="21" t="s">
        <v>1875</v>
      </c>
      <c r="B89" s="10" t="s">
        <v>25</v>
      </c>
      <c r="C89" s="11"/>
      <c r="D89" s="17">
        <v>646</v>
      </c>
      <c r="E89" s="17">
        <v>9</v>
      </c>
      <c r="F89" s="17">
        <v>198</v>
      </c>
      <c r="G89" s="17">
        <v>439</v>
      </c>
      <c r="H89" s="17">
        <v>25672</v>
      </c>
      <c r="I89" s="17">
        <v>386</v>
      </c>
      <c r="J89" s="17">
        <v>5</v>
      </c>
      <c r="K89" s="17">
        <v>49</v>
      </c>
      <c r="L89" s="17">
        <v>332</v>
      </c>
      <c r="M89" s="17">
        <v>17986</v>
      </c>
      <c r="N89" s="17">
        <v>260</v>
      </c>
      <c r="O89" s="17">
        <v>4</v>
      </c>
      <c r="P89" s="17">
        <v>149</v>
      </c>
      <c r="Q89" s="17">
        <v>107</v>
      </c>
      <c r="R89" s="17">
        <v>7686</v>
      </c>
    </row>
    <row r="90" spans="1:18">
      <c r="A90" s="21" t="s">
        <v>1876</v>
      </c>
      <c r="B90" s="10" t="s">
        <v>25</v>
      </c>
      <c r="C90" s="11"/>
      <c r="D90" s="17">
        <v>1426</v>
      </c>
      <c r="E90" s="17">
        <v>18</v>
      </c>
      <c r="F90" s="17">
        <v>344</v>
      </c>
      <c r="G90" s="17">
        <v>1064</v>
      </c>
      <c r="H90" s="17">
        <v>58359</v>
      </c>
      <c r="I90" s="17">
        <v>830</v>
      </c>
      <c r="J90" s="17">
        <v>9</v>
      </c>
      <c r="K90" s="17">
        <v>85</v>
      </c>
      <c r="L90" s="17">
        <v>736</v>
      </c>
      <c r="M90" s="17">
        <v>38895</v>
      </c>
      <c r="N90" s="17">
        <v>596</v>
      </c>
      <c r="O90" s="17">
        <v>9</v>
      </c>
      <c r="P90" s="17">
        <v>259</v>
      </c>
      <c r="Q90" s="17">
        <v>328</v>
      </c>
      <c r="R90" s="17">
        <v>19464</v>
      </c>
    </row>
    <row r="91" spans="1:18">
      <c r="A91" s="21" t="s">
        <v>1877</v>
      </c>
      <c r="B91" s="10" t="s">
        <v>25</v>
      </c>
      <c r="C91" s="11"/>
      <c r="D91" s="17">
        <v>1517</v>
      </c>
      <c r="E91" s="17">
        <v>21</v>
      </c>
      <c r="F91" s="17">
        <v>442</v>
      </c>
      <c r="G91" s="17">
        <v>1053</v>
      </c>
      <c r="H91" s="17">
        <v>59462</v>
      </c>
      <c r="I91" s="17">
        <v>814</v>
      </c>
      <c r="J91" s="17">
        <v>13</v>
      </c>
      <c r="K91" s="17">
        <v>114</v>
      </c>
      <c r="L91" s="17">
        <v>686</v>
      </c>
      <c r="M91" s="17">
        <v>36470</v>
      </c>
      <c r="N91" s="17">
        <v>703</v>
      </c>
      <c r="O91" s="18">
        <v>8</v>
      </c>
      <c r="P91" s="17">
        <v>328</v>
      </c>
      <c r="Q91" s="17">
        <v>367</v>
      </c>
      <c r="R91" s="17">
        <v>22992</v>
      </c>
    </row>
    <row r="92" spans="1:18">
      <c r="A92" s="21" t="s">
        <v>1878</v>
      </c>
      <c r="B92" s="10" t="s">
        <v>25</v>
      </c>
      <c r="C92" s="11"/>
      <c r="D92" s="17">
        <v>456</v>
      </c>
      <c r="E92" s="17">
        <v>1</v>
      </c>
      <c r="F92" s="17">
        <v>102</v>
      </c>
      <c r="G92" s="17">
        <v>346</v>
      </c>
      <c r="H92" s="17">
        <v>18983</v>
      </c>
      <c r="I92" s="17">
        <v>266</v>
      </c>
      <c r="J92" s="17">
        <v>1</v>
      </c>
      <c r="K92" s="17">
        <v>15</v>
      </c>
      <c r="L92" s="17">
        <v>247</v>
      </c>
      <c r="M92" s="17">
        <v>12851</v>
      </c>
      <c r="N92" s="17">
        <v>190</v>
      </c>
      <c r="O92" s="17" t="s">
        <v>35</v>
      </c>
      <c r="P92" s="17">
        <v>87</v>
      </c>
      <c r="Q92" s="17">
        <v>99</v>
      </c>
      <c r="R92" s="17">
        <v>6132</v>
      </c>
    </row>
    <row r="93" spans="1:18">
      <c r="A93" s="21" t="s">
        <v>1879</v>
      </c>
      <c r="B93" s="10" t="s">
        <v>25</v>
      </c>
      <c r="C93" s="11"/>
      <c r="D93" s="17">
        <v>186</v>
      </c>
      <c r="E93" s="17">
        <v>3</v>
      </c>
      <c r="F93" s="17">
        <v>47</v>
      </c>
      <c r="G93" s="17">
        <v>135</v>
      </c>
      <c r="H93" s="17">
        <v>8020</v>
      </c>
      <c r="I93" s="17">
        <v>118</v>
      </c>
      <c r="J93" s="17" t="s">
        <v>35</v>
      </c>
      <c r="K93" s="17">
        <v>11</v>
      </c>
      <c r="L93" s="17">
        <v>107</v>
      </c>
      <c r="M93" s="17">
        <v>5966</v>
      </c>
      <c r="N93" s="17">
        <v>68</v>
      </c>
      <c r="O93" s="17">
        <v>3</v>
      </c>
      <c r="P93" s="17">
        <v>36</v>
      </c>
      <c r="Q93" s="17">
        <v>28</v>
      </c>
      <c r="R93" s="17">
        <v>2054</v>
      </c>
    </row>
    <row r="94" spans="1:18">
      <c r="A94" s="21" t="s">
        <v>1880</v>
      </c>
      <c r="B94" s="10" t="s">
        <v>25</v>
      </c>
      <c r="C94" s="11"/>
      <c r="D94" s="17">
        <v>663</v>
      </c>
      <c r="E94" s="17">
        <v>10</v>
      </c>
      <c r="F94" s="17">
        <v>165</v>
      </c>
      <c r="G94" s="17">
        <v>486</v>
      </c>
      <c r="H94" s="17">
        <v>28020</v>
      </c>
      <c r="I94" s="17">
        <v>399</v>
      </c>
      <c r="J94" s="17">
        <v>4</v>
      </c>
      <c r="K94" s="17">
        <v>33</v>
      </c>
      <c r="L94" s="17">
        <v>360</v>
      </c>
      <c r="M94" s="17">
        <v>19483</v>
      </c>
      <c r="N94" s="17">
        <v>264</v>
      </c>
      <c r="O94" s="17">
        <v>6</v>
      </c>
      <c r="P94" s="17">
        <v>132</v>
      </c>
      <c r="Q94" s="17">
        <v>126</v>
      </c>
      <c r="R94" s="17">
        <v>8537</v>
      </c>
    </row>
    <row r="95" spans="1:18">
      <c r="A95" s="21" t="s">
        <v>1881</v>
      </c>
      <c r="B95" s="10" t="s">
        <v>25</v>
      </c>
      <c r="C95" s="11"/>
      <c r="D95" s="17">
        <v>355</v>
      </c>
      <c r="E95" s="17">
        <v>7</v>
      </c>
      <c r="F95" s="17">
        <v>97</v>
      </c>
      <c r="G95" s="17">
        <v>251</v>
      </c>
      <c r="H95" s="17">
        <v>14353</v>
      </c>
      <c r="I95" s="17">
        <v>214</v>
      </c>
      <c r="J95" s="17">
        <v>4</v>
      </c>
      <c r="K95" s="17">
        <v>25</v>
      </c>
      <c r="L95" s="17">
        <v>185</v>
      </c>
      <c r="M95" s="17">
        <v>9985</v>
      </c>
      <c r="N95" s="17">
        <v>141</v>
      </c>
      <c r="O95" s="17">
        <v>3</v>
      </c>
      <c r="P95" s="17">
        <v>72</v>
      </c>
      <c r="Q95" s="17">
        <v>66</v>
      </c>
      <c r="R95" s="17">
        <v>4368</v>
      </c>
    </row>
    <row r="96" spans="1:18">
      <c r="A96" s="21" t="s">
        <v>1882</v>
      </c>
      <c r="B96" s="10" t="s">
        <v>52</v>
      </c>
      <c r="C96" s="11" t="s">
        <v>106</v>
      </c>
      <c r="D96" s="17">
        <v>83</v>
      </c>
      <c r="E96" s="17" t="s">
        <v>35</v>
      </c>
      <c r="F96" s="17">
        <v>24</v>
      </c>
      <c r="G96" s="17">
        <v>59</v>
      </c>
      <c r="H96" s="17">
        <v>3425</v>
      </c>
      <c r="I96" s="17">
        <v>51</v>
      </c>
      <c r="J96" s="17" t="s">
        <v>35</v>
      </c>
      <c r="K96" s="17">
        <v>9</v>
      </c>
      <c r="L96" s="17">
        <v>42</v>
      </c>
      <c r="M96" s="17">
        <v>2290</v>
      </c>
      <c r="N96" s="17">
        <v>32</v>
      </c>
      <c r="O96" s="17" t="s">
        <v>35</v>
      </c>
      <c r="P96" s="17">
        <v>15</v>
      </c>
      <c r="Q96" s="17">
        <v>17</v>
      </c>
      <c r="R96" s="17">
        <v>1135</v>
      </c>
    </row>
    <row r="97" spans="1:18">
      <c r="A97" s="21" t="s">
        <v>1883</v>
      </c>
      <c r="B97" s="10" t="s">
        <v>58</v>
      </c>
      <c r="C97" s="11" t="s">
        <v>106</v>
      </c>
      <c r="D97" s="17" t="s">
        <v>59</v>
      </c>
      <c r="E97" s="17" t="s">
        <v>59</v>
      </c>
      <c r="F97" s="17" t="s">
        <v>59</v>
      </c>
      <c r="G97" s="17" t="s">
        <v>59</v>
      </c>
      <c r="H97" s="17" t="s">
        <v>59</v>
      </c>
      <c r="I97" s="17" t="s">
        <v>59</v>
      </c>
      <c r="J97" s="17" t="s">
        <v>59</v>
      </c>
      <c r="K97" s="17" t="s">
        <v>59</v>
      </c>
      <c r="L97" s="17" t="s">
        <v>59</v>
      </c>
      <c r="M97" s="17" t="s">
        <v>59</v>
      </c>
      <c r="N97" s="17" t="s">
        <v>59</v>
      </c>
      <c r="O97" s="17" t="s">
        <v>59</v>
      </c>
      <c r="P97" s="17" t="s">
        <v>59</v>
      </c>
      <c r="Q97" s="17" t="s">
        <v>59</v>
      </c>
      <c r="R97" s="17" t="s">
        <v>59</v>
      </c>
    </row>
    <row r="98" spans="1:18">
      <c r="A98" s="21" t="s">
        <v>1884</v>
      </c>
      <c r="B98" s="10" t="s">
        <v>58</v>
      </c>
      <c r="C98" s="11" t="s">
        <v>106</v>
      </c>
      <c r="D98" s="17" t="s">
        <v>59</v>
      </c>
      <c r="E98" s="17" t="s">
        <v>59</v>
      </c>
      <c r="F98" s="17" t="s">
        <v>59</v>
      </c>
      <c r="G98" s="17" t="s">
        <v>59</v>
      </c>
      <c r="H98" s="17" t="s">
        <v>59</v>
      </c>
      <c r="I98" s="17" t="s">
        <v>59</v>
      </c>
      <c r="J98" s="17" t="s">
        <v>59</v>
      </c>
      <c r="K98" s="17" t="s">
        <v>59</v>
      </c>
      <c r="L98" s="17" t="s">
        <v>59</v>
      </c>
      <c r="M98" s="17" t="s">
        <v>59</v>
      </c>
      <c r="N98" s="17" t="s">
        <v>59</v>
      </c>
      <c r="O98" s="17" t="s">
        <v>59</v>
      </c>
      <c r="P98" s="17" t="s">
        <v>59</v>
      </c>
      <c r="Q98" s="17" t="s">
        <v>59</v>
      </c>
      <c r="R98" s="17" t="s">
        <v>59</v>
      </c>
    </row>
    <row r="99" spans="1:18">
      <c r="A99" s="21" t="s">
        <v>1885</v>
      </c>
      <c r="B99" s="10" t="s">
        <v>25</v>
      </c>
      <c r="C99" s="11"/>
      <c r="D99" s="17">
        <v>1559</v>
      </c>
      <c r="E99" s="17">
        <v>30</v>
      </c>
      <c r="F99" s="17">
        <v>358</v>
      </c>
      <c r="G99" s="17">
        <v>1168</v>
      </c>
      <c r="H99" s="17">
        <v>63472</v>
      </c>
      <c r="I99" s="17">
        <v>890</v>
      </c>
      <c r="J99" s="17">
        <v>11</v>
      </c>
      <c r="K99" s="17">
        <v>74</v>
      </c>
      <c r="L99" s="17">
        <v>803</v>
      </c>
      <c r="M99" s="17">
        <v>41491</v>
      </c>
      <c r="N99" s="17">
        <v>669</v>
      </c>
      <c r="O99" s="17">
        <v>19</v>
      </c>
      <c r="P99" s="17">
        <v>284</v>
      </c>
      <c r="Q99" s="17">
        <v>365</v>
      </c>
      <c r="R99" s="17">
        <v>21981</v>
      </c>
    </row>
    <row r="100" spans="1:18">
      <c r="A100" s="21" t="s">
        <v>1886</v>
      </c>
      <c r="B100" s="10" t="s">
        <v>25</v>
      </c>
      <c r="C100" s="11"/>
      <c r="D100" s="17">
        <v>80</v>
      </c>
      <c r="E100" s="17">
        <v>3</v>
      </c>
      <c r="F100" s="17">
        <v>19</v>
      </c>
      <c r="G100" s="17">
        <v>58</v>
      </c>
      <c r="H100" s="17">
        <v>3098</v>
      </c>
      <c r="I100" s="17">
        <v>39</v>
      </c>
      <c r="J100" s="17">
        <v>2</v>
      </c>
      <c r="K100" s="17">
        <v>8</v>
      </c>
      <c r="L100" s="17">
        <v>29</v>
      </c>
      <c r="M100" s="17">
        <v>1576</v>
      </c>
      <c r="N100" s="17">
        <v>41</v>
      </c>
      <c r="O100" s="17">
        <v>1</v>
      </c>
      <c r="P100" s="17">
        <v>11</v>
      </c>
      <c r="Q100" s="17">
        <v>29</v>
      </c>
      <c r="R100" s="17">
        <v>1522</v>
      </c>
    </row>
    <row r="101" spans="1:18">
      <c r="A101" s="21" t="s">
        <v>1887</v>
      </c>
      <c r="B101" s="10" t="s">
        <v>25</v>
      </c>
      <c r="C101" s="11"/>
      <c r="D101" s="17">
        <v>1479</v>
      </c>
      <c r="E101" s="17">
        <v>27</v>
      </c>
      <c r="F101" s="17">
        <v>339</v>
      </c>
      <c r="G101" s="17">
        <v>1110</v>
      </c>
      <c r="H101" s="17">
        <v>60374</v>
      </c>
      <c r="I101" s="17">
        <v>851</v>
      </c>
      <c r="J101" s="17">
        <v>9</v>
      </c>
      <c r="K101" s="17">
        <v>66</v>
      </c>
      <c r="L101" s="17">
        <v>774</v>
      </c>
      <c r="M101" s="17">
        <v>39915</v>
      </c>
      <c r="N101" s="17">
        <v>628</v>
      </c>
      <c r="O101" s="17">
        <v>18</v>
      </c>
      <c r="P101" s="17">
        <v>273</v>
      </c>
      <c r="Q101" s="17">
        <v>336</v>
      </c>
      <c r="R101" s="17">
        <v>20459</v>
      </c>
    </row>
    <row r="102" spans="1:18">
      <c r="A102" s="21" t="s">
        <v>1888</v>
      </c>
      <c r="B102" s="10" t="s">
        <v>25</v>
      </c>
      <c r="C102" s="11"/>
      <c r="D102" s="17">
        <v>16</v>
      </c>
      <c r="E102" s="18">
        <v>1</v>
      </c>
      <c r="F102" s="17" t="s">
        <v>35</v>
      </c>
      <c r="G102" s="17">
        <v>15</v>
      </c>
      <c r="H102" s="17">
        <v>785</v>
      </c>
      <c r="I102" s="17">
        <v>16</v>
      </c>
      <c r="J102" s="18">
        <v>1</v>
      </c>
      <c r="K102" s="17" t="s">
        <v>35</v>
      </c>
      <c r="L102" s="17">
        <v>15</v>
      </c>
      <c r="M102" s="17">
        <v>785</v>
      </c>
      <c r="N102" s="17" t="s">
        <v>35</v>
      </c>
      <c r="O102" s="18" t="s">
        <v>35</v>
      </c>
      <c r="P102" s="17" t="s">
        <v>35</v>
      </c>
      <c r="Q102" s="17" t="s">
        <v>35</v>
      </c>
      <c r="R102" s="17" t="s">
        <v>35</v>
      </c>
    </row>
    <row r="103" spans="1:18">
      <c r="A103" s="21" t="s">
        <v>1889</v>
      </c>
      <c r="B103" s="10" t="s">
        <v>25</v>
      </c>
      <c r="C103" s="11"/>
      <c r="D103" s="17">
        <v>16</v>
      </c>
      <c r="E103" s="17">
        <v>1</v>
      </c>
      <c r="F103" s="17" t="s">
        <v>35</v>
      </c>
      <c r="G103" s="17">
        <v>15</v>
      </c>
      <c r="H103" s="17">
        <v>785</v>
      </c>
      <c r="I103" s="17">
        <v>16</v>
      </c>
      <c r="J103" s="17">
        <v>1</v>
      </c>
      <c r="K103" s="17" t="s">
        <v>35</v>
      </c>
      <c r="L103" s="17">
        <v>15</v>
      </c>
      <c r="M103" s="17">
        <v>785</v>
      </c>
      <c r="N103" s="17" t="s">
        <v>35</v>
      </c>
      <c r="O103" s="17" t="s">
        <v>35</v>
      </c>
      <c r="P103" s="17" t="s">
        <v>35</v>
      </c>
      <c r="Q103" s="17" t="s">
        <v>35</v>
      </c>
      <c r="R103" s="17" t="s">
        <v>35</v>
      </c>
    </row>
    <row r="104" spans="1:18">
      <c r="A104" s="21" t="s">
        <v>1890</v>
      </c>
      <c r="B104" s="10" t="s">
        <v>25</v>
      </c>
      <c r="C104" s="11"/>
      <c r="D104" s="17" t="s">
        <v>35</v>
      </c>
      <c r="E104" s="17" t="s">
        <v>35</v>
      </c>
      <c r="F104" s="17" t="s">
        <v>35</v>
      </c>
      <c r="G104" s="17" t="s">
        <v>35</v>
      </c>
      <c r="H104" s="17" t="s">
        <v>35</v>
      </c>
      <c r="I104" s="17" t="s">
        <v>35</v>
      </c>
      <c r="J104" s="17" t="s">
        <v>35</v>
      </c>
      <c r="K104" s="17" t="s">
        <v>35</v>
      </c>
      <c r="L104" s="17" t="s">
        <v>35</v>
      </c>
      <c r="M104" s="17" t="s">
        <v>35</v>
      </c>
      <c r="N104" s="17" t="s">
        <v>35</v>
      </c>
      <c r="O104" s="17" t="s">
        <v>35</v>
      </c>
      <c r="P104" s="17" t="s">
        <v>35</v>
      </c>
      <c r="Q104" s="17" t="s">
        <v>35</v>
      </c>
      <c r="R104" s="17" t="s">
        <v>35</v>
      </c>
    </row>
    <row r="105" spans="1:18">
      <c r="A105" s="21" t="s">
        <v>1891</v>
      </c>
      <c r="B105" s="10" t="s">
        <v>25</v>
      </c>
      <c r="C105" s="11"/>
      <c r="D105" s="17" t="s">
        <v>35</v>
      </c>
      <c r="E105" s="17" t="s">
        <v>35</v>
      </c>
      <c r="F105" s="17" t="s">
        <v>35</v>
      </c>
      <c r="G105" s="17" t="s">
        <v>35</v>
      </c>
      <c r="H105" s="17" t="s">
        <v>35</v>
      </c>
      <c r="I105" s="17" t="s">
        <v>35</v>
      </c>
      <c r="J105" s="17" t="s">
        <v>35</v>
      </c>
      <c r="K105" s="17" t="s">
        <v>35</v>
      </c>
      <c r="L105" s="17" t="s">
        <v>35</v>
      </c>
      <c r="M105" s="17" t="s">
        <v>35</v>
      </c>
      <c r="N105" s="17" t="s">
        <v>35</v>
      </c>
      <c r="O105" s="17" t="s">
        <v>35</v>
      </c>
      <c r="P105" s="17" t="s">
        <v>35</v>
      </c>
      <c r="Q105" s="17" t="s">
        <v>35</v>
      </c>
      <c r="R105" s="17" t="s">
        <v>35</v>
      </c>
    </row>
    <row r="106" spans="1:18">
      <c r="A106" s="21" t="s">
        <v>1892</v>
      </c>
      <c r="B106" s="10" t="s">
        <v>52</v>
      </c>
      <c r="C106" s="11" t="s">
        <v>444</v>
      </c>
      <c r="D106" s="17">
        <v>1599</v>
      </c>
      <c r="E106" s="17">
        <v>24</v>
      </c>
      <c r="F106" s="17">
        <v>428</v>
      </c>
      <c r="G106" s="17">
        <v>1147</v>
      </c>
      <c r="H106" s="17">
        <v>64659</v>
      </c>
      <c r="I106" s="17">
        <v>910</v>
      </c>
      <c r="J106" s="17">
        <v>16</v>
      </c>
      <c r="K106" s="17">
        <v>131</v>
      </c>
      <c r="L106" s="17">
        <v>763</v>
      </c>
      <c r="M106" s="17">
        <v>40966</v>
      </c>
      <c r="N106" s="17">
        <v>689</v>
      </c>
      <c r="O106" s="17">
        <v>8</v>
      </c>
      <c r="P106" s="17">
        <v>297</v>
      </c>
      <c r="Q106" s="17">
        <v>384</v>
      </c>
      <c r="R106" s="17">
        <v>23693</v>
      </c>
    </row>
    <row r="107" spans="1:18">
      <c r="A107" s="21" t="s">
        <v>1893</v>
      </c>
      <c r="B107" s="10" t="s">
        <v>58</v>
      </c>
      <c r="C107" s="11" t="s">
        <v>444</v>
      </c>
      <c r="D107" s="17" t="s">
        <v>59</v>
      </c>
      <c r="E107" s="17" t="s">
        <v>59</v>
      </c>
      <c r="F107" s="17" t="s">
        <v>59</v>
      </c>
      <c r="G107" s="17" t="s">
        <v>59</v>
      </c>
      <c r="H107" s="17" t="s">
        <v>59</v>
      </c>
      <c r="I107" s="17" t="s">
        <v>59</v>
      </c>
      <c r="J107" s="17" t="s">
        <v>59</v>
      </c>
      <c r="K107" s="17" t="s">
        <v>59</v>
      </c>
      <c r="L107" s="17" t="s">
        <v>59</v>
      </c>
      <c r="M107" s="17" t="s">
        <v>59</v>
      </c>
      <c r="N107" s="17" t="s">
        <v>59</v>
      </c>
      <c r="O107" s="17" t="s">
        <v>59</v>
      </c>
      <c r="P107" s="17" t="s">
        <v>59</v>
      </c>
      <c r="Q107" s="17" t="s">
        <v>59</v>
      </c>
      <c r="R107" s="17" t="s">
        <v>59</v>
      </c>
    </row>
    <row r="108" spans="1:18">
      <c r="A108" s="21" t="s">
        <v>1894</v>
      </c>
      <c r="B108" s="10" t="s">
        <v>25</v>
      </c>
      <c r="C108" s="11"/>
      <c r="D108" s="17" t="s">
        <v>35</v>
      </c>
      <c r="E108" s="17" t="s">
        <v>35</v>
      </c>
      <c r="F108" s="17" t="s">
        <v>35</v>
      </c>
      <c r="G108" s="17" t="s">
        <v>35</v>
      </c>
      <c r="H108" s="17" t="s">
        <v>35</v>
      </c>
      <c r="I108" s="17" t="s">
        <v>35</v>
      </c>
      <c r="J108" s="17" t="s">
        <v>35</v>
      </c>
      <c r="K108" s="17" t="s">
        <v>35</v>
      </c>
      <c r="L108" s="17" t="s">
        <v>35</v>
      </c>
      <c r="M108" s="17" t="s">
        <v>35</v>
      </c>
      <c r="N108" s="17" t="s">
        <v>35</v>
      </c>
      <c r="O108" s="17" t="s">
        <v>35</v>
      </c>
      <c r="P108" s="17" t="s">
        <v>35</v>
      </c>
      <c r="Q108" s="17" t="s">
        <v>35</v>
      </c>
      <c r="R108" s="17" t="s">
        <v>35</v>
      </c>
    </row>
    <row r="109" spans="1:18">
      <c r="A109" s="21" t="s">
        <v>1895</v>
      </c>
      <c r="B109" s="10" t="s">
        <v>58</v>
      </c>
      <c r="C109" s="11" t="s">
        <v>444</v>
      </c>
      <c r="D109" s="17" t="s">
        <v>59</v>
      </c>
      <c r="E109" s="17" t="s">
        <v>59</v>
      </c>
      <c r="F109" s="17" t="s">
        <v>59</v>
      </c>
      <c r="G109" s="17" t="s">
        <v>59</v>
      </c>
      <c r="H109" s="17" t="s">
        <v>59</v>
      </c>
      <c r="I109" s="17" t="s">
        <v>59</v>
      </c>
      <c r="J109" s="17" t="s">
        <v>59</v>
      </c>
      <c r="K109" s="17" t="s">
        <v>59</v>
      </c>
      <c r="L109" s="17" t="s">
        <v>59</v>
      </c>
      <c r="M109" s="17" t="s">
        <v>59</v>
      </c>
      <c r="N109" s="17" t="s">
        <v>59</v>
      </c>
      <c r="O109" s="17" t="s">
        <v>59</v>
      </c>
      <c r="P109" s="17" t="s">
        <v>59</v>
      </c>
      <c r="Q109" s="17" t="s">
        <v>59</v>
      </c>
      <c r="R109" s="17" t="s">
        <v>59</v>
      </c>
    </row>
    <row r="110" spans="1:18">
      <c r="A110" s="21" t="s">
        <v>1896</v>
      </c>
      <c r="B110" s="10" t="s">
        <v>25</v>
      </c>
      <c r="C110" s="11"/>
      <c r="D110" s="17" t="s">
        <v>35</v>
      </c>
      <c r="E110" s="17" t="s">
        <v>35</v>
      </c>
      <c r="F110" s="17" t="s">
        <v>35</v>
      </c>
      <c r="G110" s="17" t="s">
        <v>35</v>
      </c>
      <c r="H110" s="17" t="s">
        <v>35</v>
      </c>
      <c r="I110" s="17" t="s">
        <v>35</v>
      </c>
      <c r="J110" s="17" t="s">
        <v>35</v>
      </c>
      <c r="K110" s="17" t="s">
        <v>35</v>
      </c>
      <c r="L110" s="17" t="s">
        <v>35</v>
      </c>
      <c r="M110" s="17" t="s">
        <v>35</v>
      </c>
      <c r="N110" s="17" t="s">
        <v>35</v>
      </c>
      <c r="O110" s="17" t="s">
        <v>35</v>
      </c>
      <c r="P110" s="17" t="s">
        <v>35</v>
      </c>
      <c r="Q110" s="17" t="s">
        <v>35</v>
      </c>
      <c r="R110" s="17" t="s">
        <v>35</v>
      </c>
    </row>
    <row r="111" spans="1:18">
      <c r="A111" s="21" t="s">
        <v>1897</v>
      </c>
      <c r="B111" s="10" t="s">
        <v>25</v>
      </c>
      <c r="C111" s="11"/>
      <c r="D111" s="17" t="s">
        <v>35</v>
      </c>
      <c r="E111" s="17" t="s">
        <v>35</v>
      </c>
      <c r="F111" s="17" t="s">
        <v>35</v>
      </c>
      <c r="G111" s="17" t="s">
        <v>35</v>
      </c>
      <c r="H111" s="17" t="s">
        <v>35</v>
      </c>
      <c r="I111" s="17" t="s">
        <v>35</v>
      </c>
      <c r="J111" s="17" t="s">
        <v>35</v>
      </c>
      <c r="K111" s="17" t="s">
        <v>35</v>
      </c>
      <c r="L111" s="17" t="s">
        <v>35</v>
      </c>
      <c r="M111" s="17" t="s">
        <v>35</v>
      </c>
      <c r="N111" s="17" t="s">
        <v>35</v>
      </c>
      <c r="O111" s="17" t="s">
        <v>35</v>
      </c>
      <c r="P111" s="17" t="s">
        <v>35</v>
      </c>
      <c r="Q111" s="17" t="s">
        <v>35</v>
      </c>
      <c r="R111" s="17" t="s">
        <v>35</v>
      </c>
    </row>
    <row r="112" spans="1:18">
      <c r="A112" s="21" t="s">
        <v>1898</v>
      </c>
      <c r="B112" s="10" t="s">
        <v>25</v>
      </c>
      <c r="C112" s="11"/>
      <c r="D112" s="17" t="s">
        <v>35</v>
      </c>
      <c r="E112" s="17" t="s">
        <v>35</v>
      </c>
      <c r="F112" s="17" t="s">
        <v>35</v>
      </c>
      <c r="G112" s="17" t="s">
        <v>35</v>
      </c>
      <c r="H112" s="17" t="s">
        <v>35</v>
      </c>
      <c r="I112" s="17" t="s">
        <v>35</v>
      </c>
      <c r="J112" s="17" t="s">
        <v>35</v>
      </c>
      <c r="K112" s="17" t="s">
        <v>35</v>
      </c>
      <c r="L112" s="17" t="s">
        <v>35</v>
      </c>
      <c r="M112" s="17" t="s">
        <v>35</v>
      </c>
      <c r="N112" s="17" t="s">
        <v>35</v>
      </c>
      <c r="O112" s="17" t="s">
        <v>35</v>
      </c>
      <c r="P112" s="17" t="s">
        <v>35</v>
      </c>
      <c r="Q112" s="17" t="s">
        <v>35</v>
      </c>
      <c r="R112" s="17" t="s">
        <v>35</v>
      </c>
    </row>
    <row r="113" spans="1:18">
      <c r="A113" s="21" t="s">
        <v>1899</v>
      </c>
      <c r="B113" s="10" t="s">
        <v>25</v>
      </c>
      <c r="C113" s="11"/>
      <c r="D113" s="17" t="s">
        <v>35</v>
      </c>
      <c r="E113" s="17" t="s">
        <v>35</v>
      </c>
      <c r="F113" s="17" t="s">
        <v>35</v>
      </c>
      <c r="G113" s="17" t="s">
        <v>35</v>
      </c>
      <c r="H113" s="17" t="s">
        <v>35</v>
      </c>
      <c r="I113" s="17" t="s">
        <v>35</v>
      </c>
      <c r="J113" s="17" t="s">
        <v>35</v>
      </c>
      <c r="K113" s="17" t="s">
        <v>35</v>
      </c>
      <c r="L113" s="17" t="s">
        <v>35</v>
      </c>
      <c r="M113" s="17" t="s">
        <v>35</v>
      </c>
      <c r="N113" s="17" t="s">
        <v>35</v>
      </c>
      <c r="O113" s="17" t="s">
        <v>35</v>
      </c>
      <c r="P113" s="17" t="s">
        <v>35</v>
      </c>
      <c r="Q113" s="17" t="s">
        <v>35</v>
      </c>
      <c r="R113" s="17" t="s">
        <v>35</v>
      </c>
    </row>
    <row r="114" spans="1:18">
      <c r="A114" s="21" t="s">
        <v>1900</v>
      </c>
      <c r="B114" s="10" t="s">
        <v>25</v>
      </c>
      <c r="C114" s="11"/>
      <c r="D114" s="18" t="s">
        <v>35</v>
      </c>
      <c r="E114" s="18" t="s">
        <v>35</v>
      </c>
      <c r="F114" s="18" t="s">
        <v>35</v>
      </c>
      <c r="G114" s="18" t="s">
        <v>35</v>
      </c>
      <c r="H114" s="18" t="s">
        <v>35</v>
      </c>
      <c r="I114" s="18" t="s">
        <v>35</v>
      </c>
      <c r="J114" s="18" t="s">
        <v>35</v>
      </c>
      <c r="K114" s="18" t="s">
        <v>35</v>
      </c>
      <c r="L114" s="18" t="s">
        <v>35</v>
      </c>
      <c r="M114" s="18" t="s">
        <v>35</v>
      </c>
      <c r="N114" s="18" t="s">
        <v>35</v>
      </c>
      <c r="O114" s="18" t="s">
        <v>35</v>
      </c>
      <c r="P114" s="18" t="s">
        <v>35</v>
      </c>
      <c r="Q114" s="18" t="s">
        <v>35</v>
      </c>
      <c r="R114" s="18" t="s">
        <v>35</v>
      </c>
    </row>
    <row r="115" spans="1:18">
      <c r="A115" s="21" t="s">
        <v>1901</v>
      </c>
      <c r="B115" s="10" t="s">
        <v>25</v>
      </c>
      <c r="C115" s="11"/>
      <c r="D115" s="18" t="s">
        <v>35</v>
      </c>
      <c r="E115" s="18" t="s">
        <v>35</v>
      </c>
      <c r="F115" s="18" t="s">
        <v>35</v>
      </c>
      <c r="G115" s="18" t="s">
        <v>35</v>
      </c>
      <c r="H115" s="18" t="s">
        <v>35</v>
      </c>
      <c r="I115" s="18" t="s">
        <v>35</v>
      </c>
      <c r="J115" s="18" t="s">
        <v>35</v>
      </c>
      <c r="K115" s="18" t="s">
        <v>35</v>
      </c>
      <c r="L115" s="18" t="s">
        <v>35</v>
      </c>
      <c r="M115" s="18" t="s">
        <v>35</v>
      </c>
      <c r="N115" s="18" t="s">
        <v>35</v>
      </c>
      <c r="O115" s="18" t="s">
        <v>35</v>
      </c>
      <c r="P115" s="18" t="s">
        <v>35</v>
      </c>
      <c r="Q115" s="18" t="s">
        <v>35</v>
      </c>
      <c r="R115" s="18" t="s">
        <v>35</v>
      </c>
    </row>
    <row r="116" spans="1:18">
      <c r="A116" s="21" t="s">
        <v>1902</v>
      </c>
      <c r="B116" s="10" t="s">
        <v>52</v>
      </c>
      <c r="C116" s="11" t="s">
        <v>453</v>
      </c>
      <c r="D116" s="17">
        <v>12491</v>
      </c>
      <c r="E116" s="17">
        <v>158</v>
      </c>
      <c r="F116" s="17">
        <v>3524</v>
      </c>
      <c r="G116" s="17">
        <v>8790</v>
      </c>
      <c r="H116" s="17">
        <v>487272</v>
      </c>
      <c r="I116" s="17">
        <v>6969</v>
      </c>
      <c r="J116" s="17">
        <v>83</v>
      </c>
      <c r="K116" s="17">
        <v>833</v>
      </c>
      <c r="L116" s="17">
        <v>6042</v>
      </c>
      <c r="M116" s="17">
        <v>314781</v>
      </c>
      <c r="N116" s="17">
        <v>5522</v>
      </c>
      <c r="O116" s="17">
        <v>75</v>
      </c>
      <c r="P116" s="17">
        <v>2691</v>
      </c>
      <c r="Q116" s="17">
        <v>2748</v>
      </c>
      <c r="R116" s="17">
        <v>172491</v>
      </c>
    </row>
    <row r="117" spans="1:18">
      <c r="A117" s="21" t="s">
        <v>1903</v>
      </c>
      <c r="B117" s="10" t="s">
        <v>25</v>
      </c>
      <c r="C117" s="11"/>
      <c r="D117" s="17">
        <v>6</v>
      </c>
      <c r="E117" s="18" t="s">
        <v>35</v>
      </c>
      <c r="F117" s="17" t="s">
        <v>35</v>
      </c>
      <c r="G117" s="17">
        <v>5</v>
      </c>
      <c r="H117" s="17">
        <v>251</v>
      </c>
      <c r="I117" s="17">
        <v>6</v>
      </c>
      <c r="J117" s="18" t="s">
        <v>35</v>
      </c>
      <c r="K117" s="17" t="s">
        <v>35</v>
      </c>
      <c r="L117" s="17">
        <v>5</v>
      </c>
      <c r="M117" s="17">
        <v>251</v>
      </c>
      <c r="N117" s="17" t="s">
        <v>35</v>
      </c>
      <c r="O117" s="18" t="s">
        <v>35</v>
      </c>
      <c r="P117" s="17" t="s">
        <v>35</v>
      </c>
      <c r="Q117" s="17" t="s">
        <v>35</v>
      </c>
      <c r="R117" s="17" t="s">
        <v>35</v>
      </c>
    </row>
    <row r="118" spans="1:18">
      <c r="A118" s="21" t="s">
        <v>1904</v>
      </c>
      <c r="B118" s="10" t="s">
        <v>25</v>
      </c>
      <c r="C118" s="11"/>
      <c r="D118" s="17">
        <v>2541</v>
      </c>
      <c r="E118" s="17">
        <v>43</v>
      </c>
      <c r="F118" s="17">
        <v>760</v>
      </c>
      <c r="G118" s="17">
        <v>1737</v>
      </c>
      <c r="H118" s="17">
        <v>97251</v>
      </c>
      <c r="I118" s="17">
        <v>1356</v>
      </c>
      <c r="J118" s="18">
        <v>24</v>
      </c>
      <c r="K118" s="17">
        <v>170</v>
      </c>
      <c r="L118" s="17">
        <v>1161</v>
      </c>
      <c r="M118" s="17">
        <v>60467</v>
      </c>
      <c r="N118" s="17">
        <v>1185</v>
      </c>
      <c r="O118" s="17">
        <v>19</v>
      </c>
      <c r="P118" s="17">
        <v>590</v>
      </c>
      <c r="Q118" s="17">
        <v>576</v>
      </c>
      <c r="R118" s="17">
        <v>36784</v>
      </c>
    </row>
    <row r="119" spans="1:18">
      <c r="A119" s="21" t="s">
        <v>1905</v>
      </c>
      <c r="B119" s="10" t="s">
        <v>25</v>
      </c>
      <c r="C119" s="11"/>
      <c r="D119" s="17">
        <v>3351</v>
      </c>
      <c r="E119" s="18">
        <v>32</v>
      </c>
      <c r="F119" s="17">
        <v>957</v>
      </c>
      <c r="G119" s="17">
        <v>2357</v>
      </c>
      <c r="H119" s="17">
        <v>130863</v>
      </c>
      <c r="I119" s="17">
        <v>1905</v>
      </c>
      <c r="J119" s="18">
        <v>13</v>
      </c>
      <c r="K119" s="17">
        <v>245</v>
      </c>
      <c r="L119" s="17">
        <v>1643</v>
      </c>
      <c r="M119" s="17">
        <v>85878</v>
      </c>
      <c r="N119" s="17">
        <v>1446</v>
      </c>
      <c r="O119" s="18">
        <v>19</v>
      </c>
      <c r="P119" s="17">
        <v>712</v>
      </c>
      <c r="Q119" s="17">
        <v>714</v>
      </c>
      <c r="R119" s="17">
        <v>44985</v>
      </c>
    </row>
    <row r="120" spans="1:18">
      <c r="A120" s="21" t="s">
        <v>1906</v>
      </c>
      <c r="B120" s="10" t="s">
        <v>25</v>
      </c>
      <c r="C120" s="11"/>
      <c r="D120" s="17">
        <v>3146</v>
      </c>
      <c r="E120" s="17">
        <v>36</v>
      </c>
      <c r="F120" s="17">
        <v>835</v>
      </c>
      <c r="G120" s="17">
        <v>2265</v>
      </c>
      <c r="H120" s="17">
        <v>124074</v>
      </c>
      <c r="I120" s="17">
        <v>1775</v>
      </c>
      <c r="J120" s="17">
        <v>18</v>
      </c>
      <c r="K120" s="17">
        <v>200</v>
      </c>
      <c r="L120" s="17">
        <v>1552</v>
      </c>
      <c r="M120" s="17">
        <v>80504</v>
      </c>
      <c r="N120" s="17">
        <v>1371</v>
      </c>
      <c r="O120" s="17">
        <v>18</v>
      </c>
      <c r="P120" s="17">
        <v>635</v>
      </c>
      <c r="Q120" s="17">
        <v>713</v>
      </c>
      <c r="R120" s="17">
        <v>43570</v>
      </c>
    </row>
    <row r="121" spans="1:18">
      <c r="A121" s="21" t="s">
        <v>1907</v>
      </c>
      <c r="B121" s="10" t="s">
        <v>52</v>
      </c>
      <c r="C121" s="11" t="s">
        <v>453</v>
      </c>
      <c r="D121" s="17">
        <v>3447</v>
      </c>
      <c r="E121" s="17">
        <v>47</v>
      </c>
      <c r="F121" s="17">
        <v>972</v>
      </c>
      <c r="G121" s="17">
        <v>2426</v>
      </c>
      <c r="H121" s="17">
        <v>134833</v>
      </c>
      <c r="I121" s="17">
        <v>1927</v>
      </c>
      <c r="J121" s="17">
        <v>28</v>
      </c>
      <c r="K121" s="17">
        <v>218</v>
      </c>
      <c r="L121" s="17">
        <v>1681</v>
      </c>
      <c r="M121" s="17">
        <v>87681</v>
      </c>
      <c r="N121" s="17">
        <v>1520</v>
      </c>
      <c r="O121" s="17">
        <v>19</v>
      </c>
      <c r="P121" s="17">
        <v>754</v>
      </c>
      <c r="Q121" s="17">
        <v>745</v>
      </c>
      <c r="R121" s="17">
        <v>47152</v>
      </c>
    </row>
    <row r="122" spans="1:18">
      <c r="A122" s="21" t="s">
        <v>1908</v>
      </c>
      <c r="B122" s="10" t="s">
        <v>25</v>
      </c>
      <c r="C122" s="11"/>
      <c r="D122" s="17" t="s">
        <v>35</v>
      </c>
      <c r="E122" s="17" t="s">
        <v>35</v>
      </c>
      <c r="F122" s="17" t="s">
        <v>35</v>
      </c>
      <c r="G122" s="17" t="s">
        <v>35</v>
      </c>
      <c r="H122" s="17" t="s">
        <v>35</v>
      </c>
      <c r="I122" s="17" t="s">
        <v>35</v>
      </c>
      <c r="J122" s="17" t="s">
        <v>35</v>
      </c>
      <c r="K122" s="17" t="s">
        <v>35</v>
      </c>
      <c r="L122" s="17" t="s">
        <v>35</v>
      </c>
      <c r="M122" s="17" t="s">
        <v>35</v>
      </c>
      <c r="N122" s="17" t="s">
        <v>35</v>
      </c>
      <c r="O122" s="17" t="s">
        <v>35</v>
      </c>
      <c r="P122" s="17" t="s">
        <v>35</v>
      </c>
      <c r="Q122" s="17" t="s">
        <v>35</v>
      </c>
      <c r="R122" s="17" t="s">
        <v>35</v>
      </c>
    </row>
    <row r="123" spans="1:18">
      <c r="A123" s="21" t="s">
        <v>1909</v>
      </c>
      <c r="B123" s="10" t="s">
        <v>25</v>
      </c>
      <c r="C123" s="11"/>
      <c r="D123" s="17" t="s">
        <v>35</v>
      </c>
      <c r="E123" s="17" t="s">
        <v>35</v>
      </c>
      <c r="F123" s="17" t="s">
        <v>35</v>
      </c>
      <c r="G123" s="17" t="s">
        <v>35</v>
      </c>
      <c r="H123" s="17" t="s">
        <v>35</v>
      </c>
      <c r="I123" s="17" t="s">
        <v>35</v>
      </c>
      <c r="J123" s="17" t="s">
        <v>35</v>
      </c>
      <c r="K123" s="17" t="s">
        <v>35</v>
      </c>
      <c r="L123" s="17" t="s">
        <v>35</v>
      </c>
      <c r="M123" s="17" t="s">
        <v>35</v>
      </c>
      <c r="N123" s="17" t="s">
        <v>35</v>
      </c>
      <c r="O123" s="17" t="s">
        <v>35</v>
      </c>
      <c r="P123" s="17" t="s">
        <v>35</v>
      </c>
      <c r="Q123" s="17" t="s">
        <v>35</v>
      </c>
      <c r="R123" s="17" t="s">
        <v>35</v>
      </c>
    </row>
    <row r="124" spans="1:18">
      <c r="A124" s="21" t="s">
        <v>1910</v>
      </c>
      <c r="B124" s="10" t="s">
        <v>25</v>
      </c>
      <c r="C124" s="11"/>
      <c r="D124" s="17" t="s">
        <v>35</v>
      </c>
      <c r="E124" s="17" t="s">
        <v>35</v>
      </c>
      <c r="F124" s="17" t="s">
        <v>35</v>
      </c>
      <c r="G124" s="17" t="s">
        <v>35</v>
      </c>
      <c r="H124" s="17" t="s">
        <v>35</v>
      </c>
      <c r="I124" s="17" t="s">
        <v>35</v>
      </c>
      <c r="J124" s="17" t="s">
        <v>35</v>
      </c>
      <c r="K124" s="17" t="s">
        <v>35</v>
      </c>
      <c r="L124" s="17" t="s">
        <v>35</v>
      </c>
      <c r="M124" s="17" t="s">
        <v>35</v>
      </c>
      <c r="N124" s="17" t="s">
        <v>35</v>
      </c>
      <c r="O124" s="17" t="s">
        <v>35</v>
      </c>
      <c r="P124" s="17" t="s">
        <v>35</v>
      </c>
      <c r="Q124" s="17" t="s">
        <v>35</v>
      </c>
      <c r="R124" s="17" t="s">
        <v>35</v>
      </c>
    </row>
    <row r="125" spans="1:18">
      <c r="A125" s="21" t="s">
        <v>1911</v>
      </c>
      <c r="B125" s="10" t="s">
        <v>58</v>
      </c>
      <c r="C125" s="11" t="s">
        <v>453</v>
      </c>
      <c r="D125" s="17" t="s">
        <v>59</v>
      </c>
      <c r="E125" s="17" t="s">
        <v>59</v>
      </c>
      <c r="F125" s="17" t="s">
        <v>59</v>
      </c>
      <c r="G125" s="17" t="s">
        <v>59</v>
      </c>
      <c r="H125" s="17" t="s">
        <v>59</v>
      </c>
      <c r="I125" s="17" t="s">
        <v>59</v>
      </c>
      <c r="J125" s="17" t="s">
        <v>59</v>
      </c>
      <c r="K125" s="17" t="s">
        <v>59</v>
      </c>
      <c r="L125" s="17" t="s">
        <v>59</v>
      </c>
      <c r="M125" s="17" t="s">
        <v>59</v>
      </c>
      <c r="N125" s="17" t="s">
        <v>59</v>
      </c>
      <c r="O125" s="17" t="s">
        <v>59</v>
      </c>
      <c r="P125" s="17" t="s">
        <v>59</v>
      </c>
      <c r="Q125" s="17" t="s">
        <v>59</v>
      </c>
      <c r="R125" s="17" t="s">
        <v>59</v>
      </c>
    </row>
    <row r="126" spans="1:18">
      <c r="A126" s="21" t="s">
        <v>1912</v>
      </c>
      <c r="B126" s="10" t="s">
        <v>58</v>
      </c>
      <c r="C126" s="11" t="s">
        <v>453</v>
      </c>
      <c r="D126" s="17" t="s">
        <v>59</v>
      </c>
      <c r="E126" s="17" t="s">
        <v>59</v>
      </c>
      <c r="F126" s="17" t="s">
        <v>59</v>
      </c>
      <c r="G126" s="17" t="s">
        <v>59</v>
      </c>
      <c r="H126" s="17" t="s">
        <v>59</v>
      </c>
      <c r="I126" s="17" t="s">
        <v>59</v>
      </c>
      <c r="J126" s="17" t="s">
        <v>59</v>
      </c>
      <c r="K126" s="17" t="s">
        <v>59</v>
      </c>
      <c r="L126" s="17" t="s">
        <v>59</v>
      </c>
      <c r="M126" s="17" t="s">
        <v>59</v>
      </c>
      <c r="N126" s="17" t="s">
        <v>59</v>
      </c>
      <c r="O126" s="17" t="s">
        <v>59</v>
      </c>
      <c r="P126" s="17" t="s">
        <v>59</v>
      </c>
      <c r="Q126" s="17" t="s">
        <v>59</v>
      </c>
      <c r="R126" s="17" t="s">
        <v>59</v>
      </c>
    </row>
    <row r="127" spans="1:18">
      <c r="A127" s="21" t="s">
        <v>1913</v>
      </c>
      <c r="B127" s="10" t="s">
        <v>58</v>
      </c>
      <c r="C127" s="11" t="s">
        <v>453</v>
      </c>
      <c r="D127" s="17" t="s">
        <v>59</v>
      </c>
      <c r="E127" s="17" t="s">
        <v>59</v>
      </c>
      <c r="F127" s="17" t="s">
        <v>59</v>
      </c>
      <c r="G127" s="17" t="s">
        <v>59</v>
      </c>
      <c r="H127" s="17" t="s">
        <v>59</v>
      </c>
      <c r="I127" s="17" t="s">
        <v>59</v>
      </c>
      <c r="J127" s="17" t="s">
        <v>59</v>
      </c>
      <c r="K127" s="17" t="s">
        <v>59</v>
      </c>
      <c r="L127" s="17" t="s">
        <v>59</v>
      </c>
      <c r="M127" s="17" t="s">
        <v>59</v>
      </c>
      <c r="N127" s="17" t="s">
        <v>59</v>
      </c>
      <c r="O127" s="17" t="s">
        <v>59</v>
      </c>
      <c r="P127" s="17" t="s">
        <v>59</v>
      </c>
      <c r="Q127" s="17" t="s">
        <v>59</v>
      </c>
      <c r="R127" s="17" t="s">
        <v>59</v>
      </c>
    </row>
    <row r="128" spans="1:18">
      <c r="A128" s="21" t="s">
        <v>1914</v>
      </c>
      <c r="B128" s="10" t="s">
        <v>25</v>
      </c>
      <c r="C128" s="11"/>
      <c r="D128" s="17" t="s">
        <v>35</v>
      </c>
      <c r="E128" s="17" t="s">
        <v>35</v>
      </c>
      <c r="F128" s="17" t="s">
        <v>35</v>
      </c>
      <c r="G128" s="17" t="s">
        <v>35</v>
      </c>
      <c r="H128" s="17" t="s">
        <v>35</v>
      </c>
      <c r="I128" s="17" t="s">
        <v>35</v>
      </c>
      <c r="J128" s="17" t="s">
        <v>35</v>
      </c>
      <c r="K128" s="17" t="s">
        <v>35</v>
      </c>
      <c r="L128" s="17" t="s">
        <v>35</v>
      </c>
      <c r="M128" s="17" t="s">
        <v>35</v>
      </c>
      <c r="N128" s="17" t="s">
        <v>35</v>
      </c>
      <c r="O128" s="17" t="s">
        <v>35</v>
      </c>
      <c r="P128" s="17" t="s">
        <v>35</v>
      </c>
      <c r="Q128" s="17" t="s">
        <v>35</v>
      </c>
      <c r="R128" s="17" t="s">
        <v>35</v>
      </c>
    </row>
    <row r="129" spans="1:18">
      <c r="A129" s="21" t="s">
        <v>1915</v>
      </c>
      <c r="B129" s="10" t="s">
        <v>25</v>
      </c>
      <c r="C129" s="11"/>
      <c r="D129" s="17" t="s">
        <v>35</v>
      </c>
      <c r="E129" s="17" t="s">
        <v>35</v>
      </c>
      <c r="F129" s="17" t="s">
        <v>35</v>
      </c>
      <c r="G129" s="17" t="s">
        <v>35</v>
      </c>
      <c r="H129" s="17" t="s">
        <v>35</v>
      </c>
      <c r="I129" s="17" t="s">
        <v>35</v>
      </c>
      <c r="J129" s="17" t="s">
        <v>35</v>
      </c>
      <c r="K129" s="17" t="s">
        <v>35</v>
      </c>
      <c r="L129" s="17" t="s">
        <v>35</v>
      </c>
      <c r="M129" s="17" t="s">
        <v>35</v>
      </c>
      <c r="N129" s="17" t="s">
        <v>35</v>
      </c>
      <c r="O129" s="17" t="s">
        <v>35</v>
      </c>
      <c r="P129" s="17" t="s">
        <v>35</v>
      </c>
      <c r="Q129" s="17" t="s">
        <v>35</v>
      </c>
      <c r="R129" s="17" t="s">
        <v>35</v>
      </c>
    </row>
    <row r="130" spans="1:18">
      <c r="A130" s="21" t="s">
        <v>1916</v>
      </c>
      <c r="B130" s="10" t="s">
        <v>25</v>
      </c>
      <c r="C130" s="11"/>
      <c r="D130" s="17" t="s">
        <v>35</v>
      </c>
      <c r="E130" s="17" t="s">
        <v>35</v>
      </c>
      <c r="F130" s="17" t="s">
        <v>35</v>
      </c>
      <c r="G130" s="17" t="s">
        <v>35</v>
      </c>
      <c r="H130" s="17" t="s">
        <v>35</v>
      </c>
      <c r="I130" s="17" t="s">
        <v>35</v>
      </c>
      <c r="J130" s="17" t="s">
        <v>35</v>
      </c>
      <c r="K130" s="17" t="s">
        <v>35</v>
      </c>
      <c r="L130" s="17" t="s">
        <v>35</v>
      </c>
      <c r="M130" s="17" t="s">
        <v>35</v>
      </c>
      <c r="N130" s="17" t="s">
        <v>35</v>
      </c>
      <c r="O130" s="17" t="s">
        <v>35</v>
      </c>
      <c r="P130" s="17" t="s">
        <v>35</v>
      </c>
      <c r="Q130" s="17" t="s">
        <v>35</v>
      </c>
      <c r="R130" s="17" t="s">
        <v>35</v>
      </c>
    </row>
    <row r="131" spans="1:18">
      <c r="A131" s="21" t="s">
        <v>1917</v>
      </c>
      <c r="B131" s="10" t="s">
        <v>25</v>
      </c>
      <c r="C131" s="11"/>
      <c r="D131" s="17" t="s">
        <v>35</v>
      </c>
      <c r="E131" s="17" t="s">
        <v>35</v>
      </c>
      <c r="F131" s="17" t="s">
        <v>35</v>
      </c>
      <c r="G131" s="17" t="s">
        <v>35</v>
      </c>
      <c r="H131" s="17" t="s">
        <v>35</v>
      </c>
      <c r="I131" s="17" t="s">
        <v>35</v>
      </c>
      <c r="J131" s="17" t="s">
        <v>35</v>
      </c>
      <c r="K131" s="17" t="s">
        <v>35</v>
      </c>
      <c r="L131" s="17" t="s">
        <v>35</v>
      </c>
      <c r="M131" s="17" t="s">
        <v>35</v>
      </c>
      <c r="N131" s="17" t="s">
        <v>35</v>
      </c>
      <c r="O131" s="17" t="s">
        <v>35</v>
      </c>
      <c r="P131" s="17" t="s">
        <v>35</v>
      </c>
      <c r="Q131" s="17" t="s">
        <v>35</v>
      </c>
      <c r="R131" s="17" t="s">
        <v>35</v>
      </c>
    </row>
    <row r="132" spans="1:18">
      <c r="A132" s="21" t="s">
        <v>1918</v>
      </c>
      <c r="B132" s="10" t="s">
        <v>25</v>
      </c>
      <c r="C132" s="11"/>
      <c r="D132" s="17" t="s">
        <v>35</v>
      </c>
      <c r="E132" s="17" t="s">
        <v>35</v>
      </c>
      <c r="F132" s="17" t="s">
        <v>35</v>
      </c>
      <c r="G132" s="17" t="s">
        <v>35</v>
      </c>
      <c r="H132" s="17" t="s">
        <v>35</v>
      </c>
      <c r="I132" s="17" t="s">
        <v>35</v>
      </c>
      <c r="J132" s="17" t="s">
        <v>35</v>
      </c>
      <c r="K132" s="17" t="s">
        <v>35</v>
      </c>
      <c r="L132" s="17" t="s">
        <v>35</v>
      </c>
      <c r="M132" s="17" t="s">
        <v>35</v>
      </c>
      <c r="N132" s="17" t="s">
        <v>35</v>
      </c>
      <c r="O132" s="17" t="s">
        <v>35</v>
      </c>
      <c r="P132" s="17" t="s">
        <v>35</v>
      </c>
      <c r="Q132" s="17" t="s">
        <v>35</v>
      </c>
      <c r="R132" s="17" t="s">
        <v>35</v>
      </c>
    </row>
    <row r="133" spans="1:18">
      <c r="A133" s="21" t="s">
        <v>375</v>
      </c>
      <c r="B133" s="10" t="s">
        <v>58</v>
      </c>
      <c r="C133" s="11" t="s">
        <v>453</v>
      </c>
      <c r="D133" s="17" t="s">
        <v>59</v>
      </c>
      <c r="E133" s="17" t="s">
        <v>59</v>
      </c>
      <c r="F133" s="17" t="s">
        <v>59</v>
      </c>
      <c r="G133" s="17" t="s">
        <v>59</v>
      </c>
      <c r="H133" s="17" t="s">
        <v>59</v>
      </c>
      <c r="I133" s="17" t="s">
        <v>59</v>
      </c>
      <c r="J133" s="17" t="s">
        <v>59</v>
      </c>
      <c r="K133" s="17" t="s">
        <v>59</v>
      </c>
      <c r="L133" s="17" t="s">
        <v>59</v>
      </c>
      <c r="M133" s="17" t="s">
        <v>59</v>
      </c>
      <c r="N133" s="17" t="s">
        <v>59</v>
      </c>
      <c r="O133" s="18" t="s">
        <v>59</v>
      </c>
      <c r="P133" s="17" t="s">
        <v>59</v>
      </c>
      <c r="Q133" s="17" t="s">
        <v>59</v>
      </c>
      <c r="R133" s="17" t="s">
        <v>59</v>
      </c>
    </row>
    <row r="134" spans="1:18">
      <c r="A134" s="21"/>
      <c r="B134" s="10"/>
      <c r="C134" s="11"/>
      <c r="D134" s="17"/>
      <c r="E134" s="17"/>
      <c r="F134" s="17"/>
      <c r="G134" s="17"/>
      <c r="H134" s="17"/>
      <c r="I134" s="17"/>
      <c r="J134" s="18"/>
      <c r="K134" s="17"/>
      <c r="L134" s="17"/>
      <c r="M134" s="17"/>
      <c r="N134" s="17"/>
      <c r="O134" s="17"/>
      <c r="P134" s="17"/>
      <c r="Q134" s="17"/>
      <c r="R134" s="17"/>
    </row>
    <row r="135" spans="1:18">
      <c r="A135" s="22"/>
      <c r="B135" s="28"/>
      <c r="C135" s="28"/>
      <c r="D135" s="19"/>
      <c r="E135" s="19"/>
      <c r="F135" s="19"/>
      <c r="G135" s="19"/>
      <c r="H135" s="19"/>
      <c r="I135" s="19"/>
      <c r="J135" s="19"/>
      <c r="K135" s="19"/>
      <c r="L135" s="19"/>
      <c r="M135" s="19"/>
      <c r="N135" s="19"/>
      <c r="O135" s="19"/>
      <c r="P135" s="19"/>
      <c r="Q135" s="19"/>
      <c r="R135" s="19"/>
    </row>
    <row r="136" spans="1:18">
      <c r="B136" s="28"/>
      <c r="C136" s="28"/>
    </row>
    <row r="137" spans="1:18">
      <c r="B137" s="28"/>
      <c r="C137" s="28"/>
    </row>
    <row r="138" spans="1:18">
      <c r="B138" s="28"/>
      <c r="C138" s="28"/>
    </row>
    <row r="139" spans="1:18">
      <c r="B139" s="28"/>
      <c r="C139" s="28"/>
    </row>
    <row r="140" spans="1:18">
      <c r="B140" s="28"/>
      <c r="C140" s="28"/>
    </row>
    <row r="141" spans="1:18">
      <c r="B141" s="28"/>
      <c r="C141" s="28"/>
    </row>
    <row r="142" spans="1:18">
      <c r="B142" s="28"/>
      <c r="C142" s="28"/>
    </row>
    <row r="143" spans="1:18">
      <c r="B143" s="28"/>
      <c r="C143" s="28"/>
    </row>
    <row r="144" spans="1:18">
      <c r="B144" s="28"/>
      <c r="C144" s="28"/>
    </row>
    <row r="145" spans="2:3">
      <c r="B145" s="28"/>
      <c r="C145" s="28"/>
    </row>
    <row r="146" spans="2:3">
      <c r="B146" s="28"/>
      <c r="C146" s="28"/>
    </row>
    <row r="147" spans="2:3">
      <c r="B147" s="28"/>
      <c r="C147" s="28"/>
    </row>
    <row r="148" spans="2:3">
      <c r="B148" s="28"/>
      <c r="C148" s="28"/>
    </row>
    <row r="149" spans="2:3">
      <c r="B149" s="28"/>
      <c r="C149" s="28"/>
    </row>
    <row r="150" spans="2:3">
      <c r="B150" s="28"/>
      <c r="C150" s="28"/>
    </row>
    <row r="151" spans="2:3">
      <c r="B151" s="28"/>
      <c r="C151" s="28"/>
    </row>
  </sheetData>
  <mergeCells count="7">
    <mergeCell ref="A3:R3"/>
    <mergeCell ref="A1:D1"/>
    <mergeCell ref="A6:A7"/>
    <mergeCell ref="B6:C7"/>
    <mergeCell ref="D6:H6"/>
    <mergeCell ref="I6:M6"/>
    <mergeCell ref="N6:R6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65" fitToHeight="0" pageOrder="overThenDown" orientation="landscape" horizontalDpi="300" verticalDpi="300" r:id="rId1"/>
  <headerFooter alignWithMargins="0"/>
  <rowBreaks count="1" manualBreakCount="1">
    <brk id="86" max="17" man="1"/>
  </rowBreaks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R157"/>
  <sheetViews>
    <sheetView zoomScaleNormal="100" workbookViewId="0">
      <selection sqref="A1:XFD2"/>
    </sheetView>
  </sheetViews>
  <sheetFormatPr defaultRowHeight="13.5"/>
  <cols>
    <col min="1" max="1" width="25.83203125" style="12" customWidth="1"/>
    <col min="2" max="3" width="4.83203125" style="12" customWidth="1"/>
    <col min="4" max="4" width="22.1640625" style="9" customWidth="1"/>
    <col min="5" max="5" width="13.6640625" style="9" bestFit="1" customWidth="1"/>
    <col min="6" max="7" width="19.5" style="9" bestFit="1" customWidth="1"/>
    <col min="8" max="8" width="30.33203125" style="9" bestFit="1" customWidth="1"/>
    <col min="9" max="9" width="22.1640625" style="9" customWidth="1"/>
    <col min="10" max="10" width="13.6640625" style="9" bestFit="1" customWidth="1"/>
    <col min="11" max="12" width="19.5" style="9" bestFit="1" customWidth="1"/>
    <col min="13" max="13" width="30.33203125" style="9" bestFit="1" customWidth="1"/>
    <col min="14" max="14" width="22.6640625" style="9" customWidth="1"/>
    <col min="15" max="15" width="13.6640625" style="9" bestFit="1" customWidth="1"/>
    <col min="16" max="17" width="19.5" style="9" bestFit="1" customWidth="1"/>
    <col min="18" max="18" width="30.33203125" style="9" bestFit="1" customWidth="1"/>
    <col min="19" max="16384" width="9.33203125" style="9"/>
  </cols>
  <sheetData>
    <row r="1" spans="1:18" s="1" customFormat="1" ht="16.5" customHeight="1">
      <c r="A1" s="37" t="s">
        <v>0</v>
      </c>
      <c r="B1" s="37"/>
      <c r="C1" s="37"/>
      <c r="D1" s="37"/>
      <c r="E1" s="31"/>
      <c r="F1" s="31"/>
      <c r="G1" s="31"/>
      <c r="H1" s="31"/>
      <c r="I1" s="32"/>
      <c r="J1" s="32"/>
      <c r="K1" s="32"/>
      <c r="L1" s="32"/>
      <c r="M1" s="32"/>
      <c r="N1" s="32"/>
      <c r="O1" s="32"/>
      <c r="P1" s="31"/>
      <c r="Q1" s="31"/>
      <c r="R1" s="31"/>
    </row>
    <row r="2" spans="1:18" s="1" customFormat="1" ht="16.5" customHeight="1">
      <c r="D2" s="31"/>
      <c r="E2" s="31"/>
      <c r="F2" s="31"/>
      <c r="G2" s="31"/>
      <c r="H2" s="31"/>
      <c r="I2" s="32"/>
      <c r="J2" s="32"/>
      <c r="K2" s="32"/>
      <c r="L2" s="32"/>
      <c r="M2" s="32"/>
      <c r="N2" s="32"/>
      <c r="O2" s="32"/>
      <c r="P2" s="31"/>
      <c r="Q2" s="31"/>
      <c r="R2" s="31"/>
    </row>
    <row r="3" spans="1:18">
      <c r="A3" s="38" t="s">
        <v>2462</v>
      </c>
      <c r="B3" s="38"/>
      <c r="C3" s="38"/>
      <c r="D3" s="38"/>
      <c r="E3" s="38"/>
      <c r="F3" s="38"/>
      <c r="G3" s="38"/>
      <c r="H3" s="38"/>
      <c r="I3" s="38"/>
      <c r="J3" s="38"/>
      <c r="K3" s="38"/>
      <c r="L3" s="38"/>
      <c r="M3" s="38"/>
      <c r="N3" s="38"/>
      <c r="O3" s="38"/>
      <c r="P3" s="38"/>
      <c r="Q3" s="38"/>
      <c r="R3" s="38"/>
    </row>
    <row r="4" spans="1:18">
      <c r="A4" s="9"/>
      <c r="B4" s="9"/>
      <c r="C4" s="9"/>
    </row>
    <row r="6" spans="1:18" ht="13.5" customHeight="1">
      <c r="A6" s="48" t="s">
        <v>26</v>
      </c>
      <c r="B6" s="41" t="s">
        <v>27</v>
      </c>
      <c r="C6" s="42"/>
      <c r="D6" s="45" t="s">
        <v>2463</v>
      </c>
      <c r="E6" s="46"/>
      <c r="F6" s="46"/>
      <c r="G6" s="46"/>
      <c r="H6" s="47"/>
      <c r="I6" s="45" t="s">
        <v>2464</v>
      </c>
      <c r="J6" s="46"/>
      <c r="K6" s="46"/>
      <c r="L6" s="46"/>
      <c r="M6" s="47"/>
      <c r="N6" s="45" t="s">
        <v>2465</v>
      </c>
      <c r="O6" s="46"/>
      <c r="P6" s="46"/>
      <c r="Q6" s="46"/>
      <c r="R6" s="47"/>
    </row>
    <row r="7" spans="1:18" s="23" customFormat="1">
      <c r="A7" s="49"/>
      <c r="B7" s="43"/>
      <c r="C7" s="44"/>
      <c r="D7" s="29" t="s">
        <v>2466</v>
      </c>
      <c r="E7" s="29" t="s">
        <v>2467</v>
      </c>
      <c r="F7" s="29" t="s">
        <v>2468</v>
      </c>
      <c r="G7" s="29" t="s">
        <v>2469</v>
      </c>
      <c r="H7" s="29" t="s">
        <v>2470</v>
      </c>
      <c r="I7" s="29" t="s">
        <v>2471</v>
      </c>
      <c r="J7" s="29" t="s">
        <v>2467</v>
      </c>
      <c r="K7" s="29" t="s">
        <v>2468</v>
      </c>
      <c r="L7" s="29" t="s">
        <v>2469</v>
      </c>
      <c r="M7" s="29" t="s">
        <v>2470</v>
      </c>
      <c r="N7" s="29" t="s">
        <v>2471</v>
      </c>
      <c r="O7" s="29" t="s">
        <v>2467</v>
      </c>
      <c r="P7" s="29" t="s">
        <v>2468</v>
      </c>
      <c r="Q7" s="29" t="s">
        <v>2469</v>
      </c>
      <c r="R7" s="29" t="s">
        <v>2470</v>
      </c>
    </row>
    <row r="8" spans="1:18" s="15" customFormat="1">
      <c r="A8" s="20" t="s">
        <v>1919</v>
      </c>
      <c r="B8" s="13" t="s">
        <v>25</v>
      </c>
      <c r="C8" s="14" t="s">
        <v>25</v>
      </c>
      <c r="D8" s="16">
        <v>66996</v>
      </c>
      <c r="E8" s="16">
        <v>1158</v>
      </c>
      <c r="F8" s="16">
        <v>17177</v>
      </c>
      <c r="G8" s="16">
        <v>48472</v>
      </c>
      <c r="H8" s="16">
        <v>2708583</v>
      </c>
      <c r="I8" s="16">
        <v>37923</v>
      </c>
      <c r="J8" s="16">
        <v>636</v>
      </c>
      <c r="K8" s="16">
        <v>5264</v>
      </c>
      <c r="L8" s="16">
        <v>31889</v>
      </c>
      <c r="M8" s="16">
        <v>1723076</v>
      </c>
      <c r="N8" s="16">
        <v>29073</v>
      </c>
      <c r="O8" s="16">
        <v>522</v>
      </c>
      <c r="P8" s="16">
        <v>11913</v>
      </c>
      <c r="Q8" s="16">
        <v>16583</v>
      </c>
      <c r="R8" s="16">
        <v>985507</v>
      </c>
    </row>
    <row r="9" spans="1:18">
      <c r="A9" s="30" t="s">
        <v>1920</v>
      </c>
      <c r="B9" s="10" t="s">
        <v>25</v>
      </c>
      <c r="C9" s="11" t="s">
        <v>25</v>
      </c>
      <c r="D9" s="17">
        <v>4426</v>
      </c>
      <c r="E9" s="17">
        <v>76</v>
      </c>
      <c r="F9" s="17">
        <v>1174</v>
      </c>
      <c r="G9" s="17">
        <v>3142</v>
      </c>
      <c r="H9" s="17">
        <v>176540</v>
      </c>
      <c r="I9" s="17">
        <v>2512</v>
      </c>
      <c r="J9" s="17">
        <v>40</v>
      </c>
      <c r="K9" s="17">
        <v>327</v>
      </c>
      <c r="L9" s="17">
        <v>2119</v>
      </c>
      <c r="M9" s="17">
        <v>113647</v>
      </c>
      <c r="N9" s="17">
        <v>1914</v>
      </c>
      <c r="O9" s="17">
        <v>36</v>
      </c>
      <c r="P9" s="17">
        <v>847</v>
      </c>
      <c r="Q9" s="17">
        <v>1023</v>
      </c>
      <c r="R9" s="17">
        <v>62893</v>
      </c>
    </row>
    <row r="10" spans="1:18">
      <c r="A10" s="21" t="s">
        <v>1921</v>
      </c>
      <c r="B10" s="10" t="s">
        <v>25</v>
      </c>
      <c r="C10" s="11" t="s">
        <v>25</v>
      </c>
      <c r="D10" s="17">
        <v>1278</v>
      </c>
      <c r="E10" s="17">
        <v>25</v>
      </c>
      <c r="F10" s="17">
        <v>335</v>
      </c>
      <c r="G10" s="17">
        <v>894</v>
      </c>
      <c r="H10" s="17">
        <v>50071</v>
      </c>
      <c r="I10" s="17">
        <v>711</v>
      </c>
      <c r="J10" s="17">
        <v>14</v>
      </c>
      <c r="K10" s="17">
        <v>96</v>
      </c>
      <c r="L10" s="17">
        <v>583</v>
      </c>
      <c r="M10" s="17">
        <v>31255</v>
      </c>
      <c r="N10" s="17">
        <v>567</v>
      </c>
      <c r="O10" s="17">
        <v>11</v>
      </c>
      <c r="P10" s="17">
        <v>239</v>
      </c>
      <c r="Q10" s="17">
        <v>311</v>
      </c>
      <c r="R10" s="17">
        <v>18816</v>
      </c>
    </row>
    <row r="11" spans="1:18">
      <c r="A11" s="21" t="s">
        <v>1922</v>
      </c>
      <c r="B11" s="10" t="s">
        <v>25</v>
      </c>
      <c r="C11" s="11" t="s">
        <v>25</v>
      </c>
      <c r="D11" s="17">
        <v>1540</v>
      </c>
      <c r="E11" s="17">
        <v>19</v>
      </c>
      <c r="F11" s="17">
        <v>403</v>
      </c>
      <c r="G11" s="17">
        <v>1110</v>
      </c>
      <c r="H11" s="17">
        <v>62398</v>
      </c>
      <c r="I11" s="17">
        <v>866</v>
      </c>
      <c r="J11" s="17">
        <v>12</v>
      </c>
      <c r="K11" s="17">
        <v>94</v>
      </c>
      <c r="L11" s="17">
        <v>754</v>
      </c>
      <c r="M11" s="17">
        <v>40434</v>
      </c>
      <c r="N11" s="17">
        <v>674</v>
      </c>
      <c r="O11" s="17">
        <v>7</v>
      </c>
      <c r="P11" s="17">
        <v>309</v>
      </c>
      <c r="Q11" s="17">
        <v>356</v>
      </c>
      <c r="R11" s="17">
        <v>21964</v>
      </c>
    </row>
    <row r="12" spans="1:18">
      <c r="A12" s="21" t="s">
        <v>1923</v>
      </c>
      <c r="B12" s="10" t="s">
        <v>25</v>
      </c>
      <c r="C12" s="11" t="s">
        <v>25</v>
      </c>
      <c r="D12" s="17">
        <v>768</v>
      </c>
      <c r="E12" s="17">
        <v>20</v>
      </c>
      <c r="F12" s="17">
        <v>202</v>
      </c>
      <c r="G12" s="17">
        <v>544</v>
      </c>
      <c r="H12" s="17">
        <v>30215</v>
      </c>
      <c r="I12" s="17">
        <v>437</v>
      </c>
      <c r="J12" s="17">
        <v>8</v>
      </c>
      <c r="K12" s="17">
        <v>60</v>
      </c>
      <c r="L12" s="17">
        <v>367</v>
      </c>
      <c r="M12" s="17">
        <v>19404</v>
      </c>
      <c r="N12" s="17">
        <v>331</v>
      </c>
      <c r="O12" s="17">
        <v>12</v>
      </c>
      <c r="P12" s="17">
        <v>142</v>
      </c>
      <c r="Q12" s="17">
        <v>177</v>
      </c>
      <c r="R12" s="17">
        <v>10811</v>
      </c>
    </row>
    <row r="13" spans="1:18">
      <c r="A13" s="21" t="s">
        <v>1924</v>
      </c>
      <c r="B13" s="10" t="s">
        <v>25</v>
      </c>
      <c r="C13" s="11" t="s">
        <v>25</v>
      </c>
      <c r="D13" s="17">
        <v>840</v>
      </c>
      <c r="E13" s="17">
        <v>12</v>
      </c>
      <c r="F13" s="17">
        <v>234</v>
      </c>
      <c r="G13" s="17">
        <v>594</v>
      </c>
      <c r="H13" s="17">
        <v>33856</v>
      </c>
      <c r="I13" s="17">
        <v>498</v>
      </c>
      <c r="J13" s="17">
        <v>6</v>
      </c>
      <c r="K13" s="17">
        <v>77</v>
      </c>
      <c r="L13" s="17">
        <v>415</v>
      </c>
      <c r="M13" s="17">
        <v>22554</v>
      </c>
      <c r="N13" s="17">
        <v>342</v>
      </c>
      <c r="O13" s="17">
        <v>6</v>
      </c>
      <c r="P13" s="17">
        <v>157</v>
      </c>
      <c r="Q13" s="17">
        <v>179</v>
      </c>
      <c r="R13" s="17">
        <v>11302</v>
      </c>
    </row>
    <row r="14" spans="1:18">
      <c r="A14" s="21" t="s">
        <v>1925</v>
      </c>
      <c r="B14" s="10" t="s">
        <v>25</v>
      </c>
      <c r="C14" s="11" t="s">
        <v>25</v>
      </c>
      <c r="D14" s="17">
        <v>825</v>
      </c>
      <c r="E14" s="17">
        <v>7</v>
      </c>
      <c r="F14" s="17">
        <v>167</v>
      </c>
      <c r="G14" s="17">
        <v>648</v>
      </c>
      <c r="H14" s="17">
        <v>35892</v>
      </c>
      <c r="I14" s="17">
        <v>498</v>
      </c>
      <c r="J14" s="17">
        <v>3</v>
      </c>
      <c r="K14" s="17">
        <v>37</v>
      </c>
      <c r="L14" s="17">
        <v>458</v>
      </c>
      <c r="M14" s="17">
        <v>24458</v>
      </c>
      <c r="N14" s="17">
        <v>327</v>
      </c>
      <c r="O14" s="18">
        <v>4</v>
      </c>
      <c r="P14" s="17">
        <v>130</v>
      </c>
      <c r="Q14" s="18">
        <v>190</v>
      </c>
      <c r="R14" s="17">
        <v>11434</v>
      </c>
    </row>
    <row r="15" spans="1:18">
      <c r="A15" s="21" t="s">
        <v>1926</v>
      </c>
      <c r="B15" s="10" t="s">
        <v>25</v>
      </c>
      <c r="C15" s="11" t="s">
        <v>25</v>
      </c>
      <c r="D15" s="17">
        <v>220</v>
      </c>
      <c r="E15" s="17">
        <v>1</v>
      </c>
      <c r="F15" s="18">
        <v>56</v>
      </c>
      <c r="G15" s="17">
        <v>162</v>
      </c>
      <c r="H15" s="17">
        <v>9296</v>
      </c>
      <c r="I15" s="17">
        <v>115</v>
      </c>
      <c r="J15" s="17" t="s">
        <v>35</v>
      </c>
      <c r="K15" s="18">
        <v>9</v>
      </c>
      <c r="L15" s="17">
        <v>106</v>
      </c>
      <c r="M15" s="17">
        <v>5680</v>
      </c>
      <c r="N15" s="17">
        <v>105</v>
      </c>
      <c r="O15" s="18">
        <v>1</v>
      </c>
      <c r="P15" s="18">
        <v>47</v>
      </c>
      <c r="Q15" s="17">
        <v>56</v>
      </c>
      <c r="R15" s="17">
        <v>3616</v>
      </c>
    </row>
    <row r="16" spans="1:18">
      <c r="A16" s="21" t="s">
        <v>1927</v>
      </c>
      <c r="B16" s="10" t="s">
        <v>25</v>
      </c>
      <c r="C16" s="11" t="s">
        <v>25</v>
      </c>
      <c r="D16" s="17">
        <v>605</v>
      </c>
      <c r="E16" s="17">
        <v>6</v>
      </c>
      <c r="F16" s="18">
        <v>111</v>
      </c>
      <c r="G16" s="18">
        <v>486</v>
      </c>
      <c r="H16" s="18">
        <v>26596</v>
      </c>
      <c r="I16" s="18">
        <v>383</v>
      </c>
      <c r="J16" s="18">
        <v>3</v>
      </c>
      <c r="K16" s="18">
        <v>28</v>
      </c>
      <c r="L16" s="18">
        <v>352</v>
      </c>
      <c r="M16" s="18">
        <v>18778</v>
      </c>
      <c r="N16" s="17">
        <v>222</v>
      </c>
      <c r="O16" s="17">
        <v>3</v>
      </c>
      <c r="P16" s="18">
        <v>83</v>
      </c>
      <c r="Q16" s="18">
        <v>134</v>
      </c>
      <c r="R16" s="18">
        <v>7818</v>
      </c>
    </row>
    <row r="17" spans="1:18">
      <c r="A17" s="21" t="s">
        <v>1928</v>
      </c>
      <c r="B17" s="10" t="s">
        <v>25</v>
      </c>
      <c r="C17" s="11" t="s">
        <v>25</v>
      </c>
      <c r="D17" s="17">
        <v>894</v>
      </c>
      <c r="E17" s="17">
        <v>15</v>
      </c>
      <c r="F17" s="17">
        <v>210</v>
      </c>
      <c r="G17" s="17">
        <v>669</v>
      </c>
      <c r="H17" s="17">
        <v>37342</v>
      </c>
      <c r="I17" s="17">
        <v>512</v>
      </c>
      <c r="J17" s="17">
        <v>11</v>
      </c>
      <c r="K17" s="17">
        <v>67</v>
      </c>
      <c r="L17" s="17">
        <v>434</v>
      </c>
      <c r="M17" s="17">
        <v>23859</v>
      </c>
      <c r="N17" s="17">
        <v>382</v>
      </c>
      <c r="O17" s="17">
        <v>4</v>
      </c>
      <c r="P17" s="17">
        <v>143</v>
      </c>
      <c r="Q17" s="17">
        <v>235</v>
      </c>
      <c r="R17" s="17">
        <v>13483</v>
      </c>
    </row>
    <row r="18" spans="1:18">
      <c r="A18" s="21" t="s">
        <v>1929</v>
      </c>
      <c r="B18" s="10" t="s">
        <v>25</v>
      </c>
      <c r="C18" s="11" t="s">
        <v>25</v>
      </c>
      <c r="D18" s="18">
        <v>558</v>
      </c>
      <c r="E18" s="18">
        <v>6</v>
      </c>
      <c r="F18" s="18">
        <v>133</v>
      </c>
      <c r="G18" s="18">
        <v>419</v>
      </c>
      <c r="H18" s="18">
        <v>23122</v>
      </c>
      <c r="I18" s="18">
        <v>323</v>
      </c>
      <c r="J18" s="18">
        <v>4</v>
      </c>
      <c r="K18" s="18">
        <v>41</v>
      </c>
      <c r="L18" s="18">
        <v>278</v>
      </c>
      <c r="M18" s="18">
        <v>14969</v>
      </c>
      <c r="N18" s="18">
        <v>235</v>
      </c>
      <c r="O18" s="18">
        <v>2</v>
      </c>
      <c r="P18" s="18">
        <v>92</v>
      </c>
      <c r="Q18" s="18">
        <v>141</v>
      </c>
      <c r="R18" s="18">
        <v>8153</v>
      </c>
    </row>
    <row r="19" spans="1:18">
      <c r="A19" s="21" t="s">
        <v>1930</v>
      </c>
      <c r="B19" s="10" t="s">
        <v>25</v>
      </c>
      <c r="C19" s="11" t="s">
        <v>25</v>
      </c>
      <c r="D19" s="17">
        <v>336</v>
      </c>
      <c r="E19" s="17">
        <v>9</v>
      </c>
      <c r="F19" s="17">
        <v>77</v>
      </c>
      <c r="G19" s="17">
        <v>250</v>
      </c>
      <c r="H19" s="17">
        <v>14220</v>
      </c>
      <c r="I19" s="17">
        <v>189</v>
      </c>
      <c r="J19" s="17">
        <v>7</v>
      </c>
      <c r="K19" s="17">
        <v>26</v>
      </c>
      <c r="L19" s="17">
        <v>156</v>
      </c>
      <c r="M19" s="17">
        <v>8890</v>
      </c>
      <c r="N19" s="17">
        <v>147</v>
      </c>
      <c r="O19" s="17">
        <v>2</v>
      </c>
      <c r="P19" s="17">
        <v>51</v>
      </c>
      <c r="Q19" s="17">
        <v>94</v>
      </c>
      <c r="R19" s="17">
        <v>5330</v>
      </c>
    </row>
    <row r="20" spans="1:18">
      <c r="A20" s="21" t="s">
        <v>1931</v>
      </c>
      <c r="B20" s="10" t="s">
        <v>25</v>
      </c>
      <c r="C20" s="11" t="s">
        <v>25</v>
      </c>
      <c r="D20" s="18">
        <v>1083</v>
      </c>
      <c r="E20" s="18">
        <v>30</v>
      </c>
      <c r="F20" s="18">
        <v>286</v>
      </c>
      <c r="G20" s="18">
        <v>766</v>
      </c>
      <c r="H20" s="18">
        <v>43488</v>
      </c>
      <c r="I20" s="18">
        <v>631</v>
      </c>
      <c r="J20" s="18">
        <v>15</v>
      </c>
      <c r="K20" s="18">
        <v>91</v>
      </c>
      <c r="L20" s="18">
        <v>524</v>
      </c>
      <c r="M20" s="18">
        <v>28571</v>
      </c>
      <c r="N20" s="18">
        <v>452</v>
      </c>
      <c r="O20" s="18">
        <v>15</v>
      </c>
      <c r="P20" s="18">
        <v>195</v>
      </c>
      <c r="Q20" s="18">
        <v>242</v>
      </c>
      <c r="R20" s="18">
        <v>14917</v>
      </c>
    </row>
    <row r="21" spans="1:18">
      <c r="A21" s="21" t="s">
        <v>1932</v>
      </c>
      <c r="B21" s="10" t="s">
        <v>25</v>
      </c>
      <c r="C21" s="11" t="s">
        <v>25</v>
      </c>
      <c r="D21" s="17">
        <v>566</v>
      </c>
      <c r="E21" s="17">
        <v>18</v>
      </c>
      <c r="F21" s="17">
        <v>151</v>
      </c>
      <c r="G21" s="17">
        <v>396</v>
      </c>
      <c r="H21" s="17">
        <v>22473</v>
      </c>
      <c r="I21" s="17">
        <v>322</v>
      </c>
      <c r="J21" s="17">
        <v>9</v>
      </c>
      <c r="K21" s="17">
        <v>49</v>
      </c>
      <c r="L21" s="17">
        <v>263</v>
      </c>
      <c r="M21" s="17">
        <v>14436</v>
      </c>
      <c r="N21" s="17">
        <v>244</v>
      </c>
      <c r="O21" s="17">
        <v>9</v>
      </c>
      <c r="P21" s="17">
        <v>102</v>
      </c>
      <c r="Q21" s="17">
        <v>133</v>
      </c>
      <c r="R21" s="17">
        <v>8037</v>
      </c>
    </row>
    <row r="22" spans="1:18">
      <c r="A22" s="21" t="s">
        <v>1933</v>
      </c>
      <c r="B22" s="10" t="s">
        <v>25</v>
      </c>
      <c r="C22" s="11" t="s">
        <v>25</v>
      </c>
      <c r="D22" s="17">
        <v>517</v>
      </c>
      <c r="E22" s="17">
        <v>12</v>
      </c>
      <c r="F22" s="17">
        <v>135</v>
      </c>
      <c r="G22" s="17">
        <v>370</v>
      </c>
      <c r="H22" s="17">
        <v>21015</v>
      </c>
      <c r="I22" s="17">
        <v>309</v>
      </c>
      <c r="J22" s="17">
        <v>6</v>
      </c>
      <c r="K22" s="17">
        <v>42</v>
      </c>
      <c r="L22" s="17">
        <v>261</v>
      </c>
      <c r="M22" s="17">
        <v>14135</v>
      </c>
      <c r="N22" s="17">
        <v>208</v>
      </c>
      <c r="O22" s="17">
        <v>6</v>
      </c>
      <c r="P22" s="17">
        <v>93</v>
      </c>
      <c r="Q22" s="17">
        <v>109</v>
      </c>
      <c r="R22" s="17">
        <v>6880</v>
      </c>
    </row>
    <row r="23" spans="1:18">
      <c r="A23" s="21" t="s">
        <v>1934</v>
      </c>
      <c r="B23" s="10" t="s">
        <v>25</v>
      </c>
      <c r="C23" s="11" t="s">
        <v>25</v>
      </c>
      <c r="D23" s="17">
        <v>2494</v>
      </c>
      <c r="E23" s="18">
        <v>35</v>
      </c>
      <c r="F23" s="17">
        <v>642</v>
      </c>
      <c r="G23" s="17">
        <v>1816</v>
      </c>
      <c r="H23" s="17">
        <v>101966</v>
      </c>
      <c r="I23" s="17">
        <v>1445</v>
      </c>
      <c r="J23" s="18">
        <v>21</v>
      </c>
      <c r="K23" s="17">
        <v>185</v>
      </c>
      <c r="L23" s="17">
        <v>1239</v>
      </c>
      <c r="M23" s="17">
        <v>67042</v>
      </c>
      <c r="N23" s="17">
        <v>1049</v>
      </c>
      <c r="O23" s="18">
        <v>14</v>
      </c>
      <c r="P23" s="17">
        <v>457</v>
      </c>
      <c r="Q23" s="17">
        <v>577</v>
      </c>
      <c r="R23" s="17">
        <v>34924</v>
      </c>
    </row>
    <row r="24" spans="1:18">
      <c r="A24" s="21" t="s">
        <v>1935</v>
      </c>
      <c r="B24" s="10" t="s">
        <v>25</v>
      </c>
      <c r="C24" s="11" t="s">
        <v>25</v>
      </c>
      <c r="D24" s="17">
        <v>491</v>
      </c>
      <c r="E24" s="17">
        <v>8</v>
      </c>
      <c r="F24" s="17">
        <v>155</v>
      </c>
      <c r="G24" s="17">
        <v>328</v>
      </c>
      <c r="H24" s="17">
        <v>19105</v>
      </c>
      <c r="I24" s="17">
        <v>291</v>
      </c>
      <c r="J24" s="17">
        <v>7</v>
      </c>
      <c r="K24" s="17">
        <v>56</v>
      </c>
      <c r="L24" s="17">
        <v>228</v>
      </c>
      <c r="M24" s="17">
        <v>12856</v>
      </c>
      <c r="N24" s="17">
        <v>200</v>
      </c>
      <c r="O24" s="17">
        <v>1</v>
      </c>
      <c r="P24" s="17">
        <v>99</v>
      </c>
      <c r="Q24" s="17">
        <v>100</v>
      </c>
      <c r="R24" s="17">
        <v>6249</v>
      </c>
    </row>
    <row r="25" spans="1:18">
      <c r="A25" s="21" t="s">
        <v>1936</v>
      </c>
      <c r="B25" s="10" t="s">
        <v>25</v>
      </c>
      <c r="C25" s="11" t="s">
        <v>25</v>
      </c>
      <c r="D25" s="17">
        <v>510</v>
      </c>
      <c r="E25" s="17">
        <v>4</v>
      </c>
      <c r="F25" s="17">
        <v>130</v>
      </c>
      <c r="G25" s="17">
        <v>376</v>
      </c>
      <c r="H25" s="17">
        <v>20972</v>
      </c>
      <c r="I25" s="17">
        <v>275</v>
      </c>
      <c r="J25" s="17">
        <v>3</v>
      </c>
      <c r="K25" s="17">
        <v>37</v>
      </c>
      <c r="L25" s="17">
        <v>235</v>
      </c>
      <c r="M25" s="17">
        <v>12689</v>
      </c>
      <c r="N25" s="17">
        <v>235</v>
      </c>
      <c r="O25" s="17">
        <v>1</v>
      </c>
      <c r="P25" s="17">
        <v>93</v>
      </c>
      <c r="Q25" s="17">
        <v>141</v>
      </c>
      <c r="R25" s="17">
        <v>8283</v>
      </c>
    </row>
    <row r="26" spans="1:18">
      <c r="A26" s="21" t="s">
        <v>1937</v>
      </c>
      <c r="B26" s="10" t="s">
        <v>25</v>
      </c>
      <c r="C26" s="11" t="s">
        <v>25</v>
      </c>
      <c r="D26" s="17">
        <v>769</v>
      </c>
      <c r="E26" s="17">
        <v>13</v>
      </c>
      <c r="F26" s="17">
        <v>182</v>
      </c>
      <c r="G26" s="17">
        <v>573</v>
      </c>
      <c r="H26" s="17">
        <v>31606</v>
      </c>
      <c r="I26" s="17">
        <v>460</v>
      </c>
      <c r="J26" s="17">
        <v>6</v>
      </c>
      <c r="K26" s="17">
        <v>51</v>
      </c>
      <c r="L26" s="17">
        <v>403</v>
      </c>
      <c r="M26" s="17">
        <v>21540</v>
      </c>
      <c r="N26" s="17">
        <v>309</v>
      </c>
      <c r="O26" s="17">
        <v>7</v>
      </c>
      <c r="P26" s="17">
        <v>131</v>
      </c>
      <c r="Q26" s="17">
        <v>170</v>
      </c>
      <c r="R26" s="17">
        <v>10066</v>
      </c>
    </row>
    <row r="27" spans="1:18">
      <c r="A27" s="21" t="s">
        <v>1938</v>
      </c>
      <c r="B27" s="10" t="s">
        <v>25</v>
      </c>
      <c r="C27" s="11" t="s">
        <v>25</v>
      </c>
      <c r="D27" s="17">
        <v>724</v>
      </c>
      <c r="E27" s="17">
        <v>10</v>
      </c>
      <c r="F27" s="17">
        <v>175</v>
      </c>
      <c r="G27" s="17">
        <v>539</v>
      </c>
      <c r="H27" s="17">
        <v>30283</v>
      </c>
      <c r="I27" s="17">
        <v>419</v>
      </c>
      <c r="J27" s="17">
        <v>5</v>
      </c>
      <c r="K27" s="17">
        <v>41</v>
      </c>
      <c r="L27" s="17">
        <v>373</v>
      </c>
      <c r="M27" s="17">
        <v>19957</v>
      </c>
      <c r="N27" s="17">
        <v>305</v>
      </c>
      <c r="O27" s="17">
        <v>5</v>
      </c>
      <c r="P27" s="17">
        <v>134</v>
      </c>
      <c r="Q27" s="17">
        <v>166</v>
      </c>
      <c r="R27" s="17">
        <v>10326</v>
      </c>
    </row>
    <row r="28" spans="1:18">
      <c r="A28" s="21" t="s">
        <v>1939</v>
      </c>
      <c r="B28" s="10" t="s">
        <v>25</v>
      </c>
      <c r="C28" s="11" t="s">
        <v>25</v>
      </c>
      <c r="D28" s="17">
        <v>1385</v>
      </c>
      <c r="E28" s="17">
        <v>35</v>
      </c>
      <c r="F28" s="17">
        <v>343</v>
      </c>
      <c r="G28" s="17">
        <v>1007</v>
      </c>
      <c r="H28" s="17">
        <v>56375</v>
      </c>
      <c r="I28" s="17">
        <v>796</v>
      </c>
      <c r="J28" s="17">
        <v>22</v>
      </c>
      <c r="K28" s="17">
        <v>98</v>
      </c>
      <c r="L28" s="17">
        <v>676</v>
      </c>
      <c r="M28" s="17">
        <v>36285</v>
      </c>
      <c r="N28" s="17">
        <v>589</v>
      </c>
      <c r="O28" s="17">
        <v>13</v>
      </c>
      <c r="P28" s="17">
        <v>245</v>
      </c>
      <c r="Q28" s="17">
        <v>331</v>
      </c>
      <c r="R28" s="17">
        <v>20090</v>
      </c>
    </row>
    <row r="29" spans="1:18">
      <c r="A29" s="21" t="s">
        <v>1940</v>
      </c>
      <c r="B29" s="10" t="s">
        <v>25</v>
      </c>
      <c r="C29" s="11" t="s">
        <v>25</v>
      </c>
      <c r="D29" s="17">
        <v>782</v>
      </c>
      <c r="E29" s="17">
        <v>21</v>
      </c>
      <c r="F29" s="17">
        <v>200</v>
      </c>
      <c r="G29" s="17">
        <v>561</v>
      </c>
      <c r="H29" s="17">
        <v>31764</v>
      </c>
      <c r="I29" s="17">
        <v>468</v>
      </c>
      <c r="J29" s="17">
        <v>14</v>
      </c>
      <c r="K29" s="17">
        <v>57</v>
      </c>
      <c r="L29" s="17">
        <v>397</v>
      </c>
      <c r="M29" s="17">
        <v>21374</v>
      </c>
      <c r="N29" s="17">
        <v>314</v>
      </c>
      <c r="O29" s="17">
        <v>7</v>
      </c>
      <c r="P29" s="17">
        <v>143</v>
      </c>
      <c r="Q29" s="17">
        <v>164</v>
      </c>
      <c r="R29" s="17">
        <v>10390</v>
      </c>
    </row>
    <row r="30" spans="1:18">
      <c r="A30" s="21" t="s">
        <v>1941</v>
      </c>
      <c r="B30" s="10" t="s">
        <v>25</v>
      </c>
      <c r="C30" s="11" t="s">
        <v>25</v>
      </c>
      <c r="D30" s="17">
        <v>603</v>
      </c>
      <c r="E30" s="17">
        <v>14</v>
      </c>
      <c r="F30" s="17">
        <v>143</v>
      </c>
      <c r="G30" s="17">
        <v>446</v>
      </c>
      <c r="H30" s="17">
        <v>24611</v>
      </c>
      <c r="I30" s="17">
        <v>328</v>
      </c>
      <c r="J30" s="17">
        <v>8</v>
      </c>
      <c r="K30" s="17">
        <v>41</v>
      </c>
      <c r="L30" s="17">
        <v>279</v>
      </c>
      <c r="M30" s="17">
        <v>14911</v>
      </c>
      <c r="N30" s="17">
        <v>275</v>
      </c>
      <c r="O30" s="17">
        <v>6</v>
      </c>
      <c r="P30" s="17">
        <v>102</v>
      </c>
      <c r="Q30" s="17">
        <v>167</v>
      </c>
      <c r="R30" s="17">
        <v>9700</v>
      </c>
    </row>
    <row r="31" spans="1:18">
      <c r="A31" s="21" t="s">
        <v>1942</v>
      </c>
      <c r="B31" s="10" t="s">
        <v>25</v>
      </c>
      <c r="C31" s="11" t="s">
        <v>25</v>
      </c>
      <c r="D31" s="17">
        <v>469</v>
      </c>
      <c r="E31" s="17">
        <v>5</v>
      </c>
      <c r="F31" s="17">
        <v>121</v>
      </c>
      <c r="G31" s="17">
        <v>328</v>
      </c>
      <c r="H31" s="17">
        <v>18312</v>
      </c>
      <c r="I31" s="17">
        <v>265</v>
      </c>
      <c r="J31" s="17">
        <v>2</v>
      </c>
      <c r="K31" s="17">
        <v>36</v>
      </c>
      <c r="L31" s="17">
        <v>218</v>
      </c>
      <c r="M31" s="17">
        <v>11857</v>
      </c>
      <c r="N31" s="17">
        <v>204</v>
      </c>
      <c r="O31" s="17">
        <v>3</v>
      </c>
      <c r="P31" s="17">
        <v>85</v>
      </c>
      <c r="Q31" s="17">
        <v>110</v>
      </c>
      <c r="R31" s="17">
        <v>6455</v>
      </c>
    </row>
    <row r="32" spans="1:18">
      <c r="A32" s="21" t="s">
        <v>1943</v>
      </c>
      <c r="B32" s="10" t="s">
        <v>25</v>
      </c>
      <c r="C32" s="11" t="s">
        <v>25</v>
      </c>
      <c r="D32" s="17">
        <v>2046</v>
      </c>
      <c r="E32" s="17">
        <v>29</v>
      </c>
      <c r="F32" s="17">
        <v>479</v>
      </c>
      <c r="G32" s="17">
        <v>1537</v>
      </c>
      <c r="H32" s="17">
        <v>84509</v>
      </c>
      <c r="I32" s="17">
        <v>1196</v>
      </c>
      <c r="J32" s="18">
        <v>19</v>
      </c>
      <c r="K32" s="17">
        <v>138</v>
      </c>
      <c r="L32" s="17">
        <v>1038</v>
      </c>
      <c r="M32" s="17">
        <v>54971</v>
      </c>
      <c r="N32" s="17">
        <v>850</v>
      </c>
      <c r="O32" s="17">
        <v>10</v>
      </c>
      <c r="P32" s="17">
        <v>341</v>
      </c>
      <c r="Q32" s="17">
        <v>499</v>
      </c>
      <c r="R32" s="17">
        <v>29538</v>
      </c>
    </row>
    <row r="33" spans="1:18">
      <c r="A33" s="21" t="s">
        <v>1944</v>
      </c>
      <c r="B33" s="10" t="s">
        <v>25</v>
      </c>
      <c r="C33" s="11" t="s">
        <v>25</v>
      </c>
      <c r="D33" s="17">
        <v>514</v>
      </c>
      <c r="E33" s="17">
        <v>8</v>
      </c>
      <c r="F33" s="17">
        <v>118</v>
      </c>
      <c r="G33" s="17">
        <v>388</v>
      </c>
      <c r="H33" s="17">
        <v>21398</v>
      </c>
      <c r="I33" s="17">
        <v>312</v>
      </c>
      <c r="J33" s="17">
        <v>6</v>
      </c>
      <c r="K33" s="17">
        <v>27</v>
      </c>
      <c r="L33" s="17">
        <v>279</v>
      </c>
      <c r="M33" s="17">
        <v>14491</v>
      </c>
      <c r="N33" s="17">
        <v>202</v>
      </c>
      <c r="O33" s="17">
        <v>2</v>
      </c>
      <c r="P33" s="17">
        <v>91</v>
      </c>
      <c r="Q33" s="17">
        <v>109</v>
      </c>
      <c r="R33" s="17">
        <v>6907</v>
      </c>
    </row>
    <row r="34" spans="1:18">
      <c r="A34" s="21" t="s">
        <v>1945</v>
      </c>
      <c r="B34" s="10" t="s">
        <v>25</v>
      </c>
      <c r="C34" s="11" t="s">
        <v>25</v>
      </c>
      <c r="D34" s="18">
        <v>612</v>
      </c>
      <c r="E34" s="18">
        <v>4</v>
      </c>
      <c r="F34" s="18">
        <v>142</v>
      </c>
      <c r="G34" s="18">
        <v>466</v>
      </c>
      <c r="H34" s="18">
        <v>25315</v>
      </c>
      <c r="I34" s="18">
        <v>359</v>
      </c>
      <c r="J34" s="18">
        <v>3</v>
      </c>
      <c r="K34" s="18">
        <v>45</v>
      </c>
      <c r="L34" s="18">
        <v>311</v>
      </c>
      <c r="M34" s="18">
        <v>16320</v>
      </c>
      <c r="N34" s="18">
        <v>253</v>
      </c>
      <c r="O34" s="18">
        <v>1</v>
      </c>
      <c r="P34" s="18">
        <v>97</v>
      </c>
      <c r="Q34" s="18">
        <v>155</v>
      </c>
      <c r="R34" s="18">
        <v>8995</v>
      </c>
    </row>
    <row r="35" spans="1:18">
      <c r="A35" s="21" t="s">
        <v>1946</v>
      </c>
      <c r="B35" s="10" t="s">
        <v>25</v>
      </c>
      <c r="C35" s="11" t="s">
        <v>25</v>
      </c>
      <c r="D35" s="17">
        <v>920</v>
      </c>
      <c r="E35" s="18">
        <v>17</v>
      </c>
      <c r="F35" s="17">
        <v>219</v>
      </c>
      <c r="G35" s="17">
        <v>683</v>
      </c>
      <c r="H35" s="17">
        <v>37796</v>
      </c>
      <c r="I35" s="17">
        <v>525</v>
      </c>
      <c r="J35" s="18">
        <v>10</v>
      </c>
      <c r="K35" s="17">
        <v>66</v>
      </c>
      <c r="L35" s="17">
        <v>448</v>
      </c>
      <c r="M35" s="17">
        <v>24160</v>
      </c>
      <c r="N35" s="17">
        <v>395</v>
      </c>
      <c r="O35" s="18">
        <v>7</v>
      </c>
      <c r="P35" s="17">
        <v>153</v>
      </c>
      <c r="Q35" s="17">
        <v>235</v>
      </c>
      <c r="R35" s="17">
        <v>13636</v>
      </c>
    </row>
    <row r="36" spans="1:18">
      <c r="A36" s="21" t="s">
        <v>1947</v>
      </c>
      <c r="B36" s="10" t="s">
        <v>25</v>
      </c>
      <c r="C36" s="11" t="s">
        <v>25</v>
      </c>
      <c r="D36" s="17">
        <v>1239</v>
      </c>
      <c r="E36" s="17">
        <v>29</v>
      </c>
      <c r="F36" s="17">
        <v>343</v>
      </c>
      <c r="G36" s="17">
        <v>860</v>
      </c>
      <c r="H36" s="17">
        <v>48977</v>
      </c>
      <c r="I36" s="17">
        <v>724</v>
      </c>
      <c r="J36" s="17">
        <v>16</v>
      </c>
      <c r="K36" s="17">
        <v>113</v>
      </c>
      <c r="L36" s="17">
        <v>590</v>
      </c>
      <c r="M36" s="17">
        <v>32268</v>
      </c>
      <c r="N36" s="17">
        <v>515</v>
      </c>
      <c r="O36" s="17">
        <v>13</v>
      </c>
      <c r="P36" s="17">
        <v>230</v>
      </c>
      <c r="Q36" s="17">
        <v>270</v>
      </c>
      <c r="R36" s="17">
        <v>16709</v>
      </c>
    </row>
    <row r="37" spans="1:18">
      <c r="A37" s="21" t="s">
        <v>1948</v>
      </c>
      <c r="B37" s="10" t="s">
        <v>25</v>
      </c>
      <c r="C37" s="11" t="s">
        <v>25</v>
      </c>
      <c r="D37" s="17">
        <v>613</v>
      </c>
      <c r="E37" s="17">
        <v>20</v>
      </c>
      <c r="F37" s="17">
        <v>178</v>
      </c>
      <c r="G37" s="17">
        <v>411</v>
      </c>
      <c r="H37" s="17">
        <v>23608</v>
      </c>
      <c r="I37" s="17">
        <v>349</v>
      </c>
      <c r="J37" s="17">
        <v>11</v>
      </c>
      <c r="K37" s="17">
        <v>61</v>
      </c>
      <c r="L37" s="17">
        <v>274</v>
      </c>
      <c r="M37" s="17">
        <v>15157</v>
      </c>
      <c r="N37" s="17">
        <v>264</v>
      </c>
      <c r="O37" s="17">
        <v>9</v>
      </c>
      <c r="P37" s="17">
        <v>117</v>
      </c>
      <c r="Q37" s="17">
        <v>137</v>
      </c>
      <c r="R37" s="17">
        <v>8451</v>
      </c>
    </row>
    <row r="38" spans="1:18">
      <c r="A38" s="21" t="s">
        <v>1949</v>
      </c>
      <c r="B38" s="10" t="s">
        <v>25</v>
      </c>
      <c r="C38" s="11" t="s">
        <v>25</v>
      </c>
      <c r="D38" s="17">
        <v>626</v>
      </c>
      <c r="E38" s="17">
        <v>9</v>
      </c>
      <c r="F38" s="17">
        <v>165</v>
      </c>
      <c r="G38" s="17">
        <v>449</v>
      </c>
      <c r="H38" s="17">
        <v>25369</v>
      </c>
      <c r="I38" s="17">
        <v>375</v>
      </c>
      <c r="J38" s="17">
        <v>5</v>
      </c>
      <c r="K38" s="17">
        <v>52</v>
      </c>
      <c r="L38" s="17">
        <v>316</v>
      </c>
      <c r="M38" s="17">
        <v>17111</v>
      </c>
      <c r="N38" s="17">
        <v>251</v>
      </c>
      <c r="O38" s="17">
        <v>4</v>
      </c>
      <c r="P38" s="17">
        <v>113</v>
      </c>
      <c r="Q38" s="17">
        <v>133</v>
      </c>
      <c r="R38" s="17">
        <v>8258</v>
      </c>
    </row>
    <row r="39" spans="1:18">
      <c r="A39" s="21" t="s">
        <v>1950</v>
      </c>
      <c r="B39" s="10" t="s">
        <v>25</v>
      </c>
      <c r="C39" s="11" t="s">
        <v>25</v>
      </c>
      <c r="D39" s="17">
        <v>1383</v>
      </c>
      <c r="E39" s="17">
        <v>22</v>
      </c>
      <c r="F39" s="17">
        <v>335</v>
      </c>
      <c r="G39" s="17">
        <v>1022</v>
      </c>
      <c r="H39" s="17">
        <v>56094</v>
      </c>
      <c r="I39" s="17">
        <v>834</v>
      </c>
      <c r="J39" s="17">
        <v>10</v>
      </c>
      <c r="K39" s="17">
        <v>105</v>
      </c>
      <c r="L39" s="17">
        <v>716</v>
      </c>
      <c r="M39" s="17">
        <v>38141</v>
      </c>
      <c r="N39" s="17">
        <v>549</v>
      </c>
      <c r="O39" s="17">
        <v>12</v>
      </c>
      <c r="P39" s="17">
        <v>230</v>
      </c>
      <c r="Q39" s="17">
        <v>306</v>
      </c>
      <c r="R39" s="17">
        <v>17953</v>
      </c>
    </row>
    <row r="40" spans="1:18">
      <c r="A40" s="21" t="s">
        <v>1951</v>
      </c>
      <c r="B40" s="10" t="s">
        <v>25</v>
      </c>
      <c r="C40" s="11" t="s">
        <v>25</v>
      </c>
      <c r="D40" s="17">
        <v>557</v>
      </c>
      <c r="E40" s="17">
        <v>10</v>
      </c>
      <c r="F40" s="17">
        <v>134</v>
      </c>
      <c r="G40" s="17">
        <v>411</v>
      </c>
      <c r="H40" s="17">
        <v>22708</v>
      </c>
      <c r="I40" s="17">
        <v>332</v>
      </c>
      <c r="J40" s="18">
        <v>5</v>
      </c>
      <c r="K40" s="17">
        <v>39</v>
      </c>
      <c r="L40" s="17">
        <v>287</v>
      </c>
      <c r="M40" s="17">
        <v>15409</v>
      </c>
      <c r="N40" s="17">
        <v>225</v>
      </c>
      <c r="O40" s="17">
        <v>5</v>
      </c>
      <c r="P40" s="17">
        <v>95</v>
      </c>
      <c r="Q40" s="17">
        <v>124</v>
      </c>
      <c r="R40" s="17">
        <v>7299</v>
      </c>
    </row>
    <row r="41" spans="1:18">
      <c r="A41" s="21" t="s">
        <v>1952</v>
      </c>
      <c r="B41" s="10" t="s">
        <v>25</v>
      </c>
      <c r="C41" s="11" t="s">
        <v>25</v>
      </c>
      <c r="D41" s="17">
        <v>260</v>
      </c>
      <c r="E41" s="17">
        <v>3</v>
      </c>
      <c r="F41" s="17">
        <v>71</v>
      </c>
      <c r="G41" s="17">
        <v>185</v>
      </c>
      <c r="H41" s="17">
        <v>10154</v>
      </c>
      <c r="I41" s="17">
        <v>160</v>
      </c>
      <c r="J41" s="17">
        <v>1</v>
      </c>
      <c r="K41" s="17">
        <v>26</v>
      </c>
      <c r="L41" s="17">
        <v>132</v>
      </c>
      <c r="M41" s="17">
        <v>7016</v>
      </c>
      <c r="N41" s="17">
        <v>100</v>
      </c>
      <c r="O41" s="17">
        <v>2</v>
      </c>
      <c r="P41" s="17">
        <v>45</v>
      </c>
      <c r="Q41" s="17">
        <v>53</v>
      </c>
      <c r="R41" s="17">
        <v>3138</v>
      </c>
    </row>
    <row r="42" spans="1:18">
      <c r="A42" s="21" t="s">
        <v>1953</v>
      </c>
      <c r="B42" s="10" t="s">
        <v>25</v>
      </c>
      <c r="C42" s="11" t="s">
        <v>25</v>
      </c>
      <c r="D42" s="18">
        <v>107</v>
      </c>
      <c r="E42" s="18" t="s">
        <v>35</v>
      </c>
      <c r="F42" s="18">
        <v>35</v>
      </c>
      <c r="G42" s="18">
        <v>72</v>
      </c>
      <c r="H42" s="18">
        <v>4003</v>
      </c>
      <c r="I42" s="18">
        <v>64</v>
      </c>
      <c r="J42" s="18" t="s">
        <v>35</v>
      </c>
      <c r="K42" s="18">
        <v>11</v>
      </c>
      <c r="L42" s="18">
        <v>53</v>
      </c>
      <c r="M42" s="18">
        <v>2810</v>
      </c>
      <c r="N42" s="18">
        <v>43</v>
      </c>
      <c r="O42" s="18" t="s">
        <v>35</v>
      </c>
      <c r="P42" s="18">
        <v>24</v>
      </c>
      <c r="Q42" s="18">
        <v>19</v>
      </c>
      <c r="R42" s="18">
        <v>1193</v>
      </c>
    </row>
    <row r="43" spans="1:18">
      <c r="A43" s="21" t="s">
        <v>1954</v>
      </c>
      <c r="B43" s="10" t="s">
        <v>25</v>
      </c>
      <c r="C43" s="11" t="s">
        <v>25</v>
      </c>
      <c r="D43" s="17">
        <v>459</v>
      </c>
      <c r="E43" s="17">
        <v>9</v>
      </c>
      <c r="F43" s="17">
        <v>95</v>
      </c>
      <c r="G43" s="17">
        <v>354</v>
      </c>
      <c r="H43" s="17">
        <v>19229</v>
      </c>
      <c r="I43" s="17">
        <v>278</v>
      </c>
      <c r="J43" s="17">
        <v>4</v>
      </c>
      <c r="K43" s="17">
        <v>29</v>
      </c>
      <c r="L43" s="17">
        <v>244</v>
      </c>
      <c r="M43" s="17">
        <v>12906</v>
      </c>
      <c r="N43" s="17">
        <v>181</v>
      </c>
      <c r="O43" s="17">
        <v>5</v>
      </c>
      <c r="P43" s="17">
        <v>66</v>
      </c>
      <c r="Q43" s="17">
        <v>110</v>
      </c>
      <c r="R43" s="17">
        <v>6323</v>
      </c>
    </row>
    <row r="44" spans="1:18">
      <c r="A44" s="21" t="s">
        <v>1955</v>
      </c>
      <c r="B44" s="10" t="s">
        <v>25</v>
      </c>
      <c r="C44" s="11" t="s">
        <v>25</v>
      </c>
      <c r="D44" s="17">
        <v>1059</v>
      </c>
      <c r="E44" s="18">
        <v>12</v>
      </c>
      <c r="F44" s="17">
        <v>273</v>
      </c>
      <c r="G44" s="17">
        <v>774</v>
      </c>
      <c r="H44" s="17">
        <v>42774</v>
      </c>
      <c r="I44" s="17">
        <v>608</v>
      </c>
      <c r="J44" s="18">
        <v>7</v>
      </c>
      <c r="K44" s="17">
        <v>88</v>
      </c>
      <c r="L44" s="17">
        <v>513</v>
      </c>
      <c r="M44" s="17">
        <v>27428</v>
      </c>
      <c r="N44" s="17">
        <v>451</v>
      </c>
      <c r="O44" s="18">
        <v>5</v>
      </c>
      <c r="P44" s="17">
        <v>185</v>
      </c>
      <c r="Q44" s="17">
        <v>261</v>
      </c>
      <c r="R44" s="17">
        <v>15346</v>
      </c>
    </row>
    <row r="45" spans="1:18">
      <c r="A45" s="21" t="s">
        <v>1956</v>
      </c>
      <c r="B45" s="10" t="s">
        <v>25</v>
      </c>
      <c r="C45" s="11" t="s">
        <v>25</v>
      </c>
      <c r="D45" s="17">
        <v>195</v>
      </c>
      <c r="E45" s="17">
        <v>2</v>
      </c>
      <c r="F45" s="17">
        <v>60</v>
      </c>
      <c r="G45" s="17">
        <v>133</v>
      </c>
      <c r="H45" s="17">
        <v>7621</v>
      </c>
      <c r="I45" s="17">
        <v>115</v>
      </c>
      <c r="J45" s="17">
        <v>1</v>
      </c>
      <c r="K45" s="17">
        <v>18</v>
      </c>
      <c r="L45" s="17">
        <v>96</v>
      </c>
      <c r="M45" s="17">
        <v>5275</v>
      </c>
      <c r="N45" s="17">
        <v>80</v>
      </c>
      <c r="O45" s="17">
        <v>1</v>
      </c>
      <c r="P45" s="17">
        <v>42</v>
      </c>
      <c r="Q45" s="17">
        <v>37</v>
      </c>
      <c r="R45" s="17">
        <v>2346</v>
      </c>
    </row>
    <row r="46" spans="1:18">
      <c r="A46" s="21" t="s">
        <v>1957</v>
      </c>
      <c r="B46" s="10" t="s">
        <v>25</v>
      </c>
      <c r="C46" s="11" t="s">
        <v>25</v>
      </c>
      <c r="D46" s="17">
        <v>229</v>
      </c>
      <c r="E46" s="17">
        <v>4</v>
      </c>
      <c r="F46" s="17">
        <v>51</v>
      </c>
      <c r="G46" s="17">
        <v>174</v>
      </c>
      <c r="H46" s="17">
        <v>9155</v>
      </c>
      <c r="I46" s="17">
        <v>131</v>
      </c>
      <c r="J46" s="17">
        <v>1</v>
      </c>
      <c r="K46" s="17">
        <v>18</v>
      </c>
      <c r="L46" s="17">
        <v>112</v>
      </c>
      <c r="M46" s="17">
        <v>5684</v>
      </c>
      <c r="N46" s="17">
        <v>98</v>
      </c>
      <c r="O46" s="17">
        <v>3</v>
      </c>
      <c r="P46" s="17">
        <v>33</v>
      </c>
      <c r="Q46" s="17">
        <v>62</v>
      </c>
      <c r="R46" s="17">
        <v>3471</v>
      </c>
    </row>
    <row r="47" spans="1:18">
      <c r="A47" s="21" t="s">
        <v>1958</v>
      </c>
      <c r="B47" s="10" t="s">
        <v>25</v>
      </c>
      <c r="C47" s="11" t="s">
        <v>25</v>
      </c>
      <c r="D47" s="17">
        <v>217</v>
      </c>
      <c r="E47" s="17">
        <v>1</v>
      </c>
      <c r="F47" s="17">
        <v>64</v>
      </c>
      <c r="G47" s="17">
        <v>152</v>
      </c>
      <c r="H47" s="17">
        <v>8768</v>
      </c>
      <c r="I47" s="17">
        <v>126</v>
      </c>
      <c r="J47" s="17" t="s">
        <v>35</v>
      </c>
      <c r="K47" s="17">
        <v>26</v>
      </c>
      <c r="L47" s="17">
        <v>100</v>
      </c>
      <c r="M47" s="17">
        <v>5720</v>
      </c>
      <c r="N47" s="17">
        <v>91</v>
      </c>
      <c r="O47" s="17">
        <v>1</v>
      </c>
      <c r="P47" s="17">
        <v>38</v>
      </c>
      <c r="Q47" s="17">
        <v>52</v>
      </c>
      <c r="R47" s="17">
        <v>3048</v>
      </c>
    </row>
    <row r="48" spans="1:18">
      <c r="A48" s="21" t="s">
        <v>1959</v>
      </c>
      <c r="B48" s="10" t="s">
        <v>25</v>
      </c>
      <c r="C48" s="11" t="s">
        <v>25</v>
      </c>
      <c r="D48" s="17">
        <v>197</v>
      </c>
      <c r="E48" s="18">
        <v>1</v>
      </c>
      <c r="F48" s="17">
        <v>45</v>
      </c>
      <c r="G48" s="17">
        <v>151</v>
      </c>
      <c r="H48" s="17">
        <v>8202</v>
      </c>
      <c r="I48" s="17">
        <v>117</v>
      </c>
      <c r="J48" s="18">
        <v>1</v>
      </c>
      <c r="K48" s="17">
        <v>14</v>
      </c>
      <c r="L48" s="17">
        <v>102</v>
      </c>
      <c r="M48" s="17">
        <v>5401</v>
      </c>
      <c r="N48" s="17">
        <v>80</v>
      </c>
      <c r="O48" s="18" t="s">
        <v>35</v>
      </c>
      <c r="P48" s="17">
        <v>31</v>
      </c>
      <c r="Q48" s="17">
        <v>49</v>
      </c>
      <c r="R48" s="17">
        <v>2801</v>
      </c>
    </row>
    <row r="49" spans="1:18">
      <c r="A49" s="21" t="s">
        <v>1960</v>
      </c>
      <c r="B49" s="10" t="s">
        <v>25</v>
      </c>
      <c r="C49" s="11" t="s">
        <v>25</v>
      </c>
      <c r="D49" s="17">
        <v>221</v>
      </c>
      <c r="E49" s="18">
        <v>4</v>
      </c>
      <c r="F49" s="17">
        <v>53</v>
      </c>
      <c r="G49" s="17">
        <v>164</v>
      </c>
      <c r="H49" s="17">
        <v>9028</v>
      </c>
      <c r="I49" s="17">
        <v>119</v>
      </c>
      <c r="J49" s="18">
        <v>4</v>
      </c>
      <c r="K49" s="17">
        <v>12</v>
      </c>
      <c r="L49" s="17">
        <v>103</v>
      </c>
      <c r="M49" s="17">
        <v>5348</v>
      </c>
      <c r="N49" s="17">
        <v>102</v>
      </c>
      <c r="O49" s="18" t="s">
        <v>35</v>
      </c>
      <c r="P49" s="17">
        <v>41</v>
      </c>
      <c r="Q49" s="17">
        <v>61</v>
      </c>
      <c r="R49" s="17">
        <v>3680</v>
      </c>
    </row>
    <row r="50" spans="1:18">
      <c r="A50" s="21" t="s">
        <v>1961</v>
      </c>
      <c r="B50" s="10" t="s">
        <v>25</v>
      </c>
      <c r="C50" s="11" t="s">
        <v>25</v>
      </c>
      <c r="D50" s="17">
        <v>1177</v>
      </c>
      <c r="E50" s="18">
        <v>30</v>
      </c>
      <c r="F50" s="17">
        <v>301</v>
      </c>
      <c r="G50" s="17">
        <v>842</v>
      </c>
      <c r="H50" s="17">
        <v>46869</v>
      </c>
      <c r="I50" s="17">
        <v>650</v>
      </c>
      <c r="J50" s="18">
        <v>13</v>
      </c>
      <c r="K50" s="17">
        <v>88</v>
      </c>
      <c r="L50" s="17">
        <v>545</v>
      </c>
      <c r="M50" s="17">
        <v>29021</v>
      </c>
      <c r="N50" s="17">
        <v>527</v>
      </c>
      <c r="O50" s="18">
        <v>17</v>
      </c>
      <c r="P50" s="17">
        <v>213</v>
      </c>
      <c r="Q50" s="17">
        <v>297</v>
      </c>
      <c r="R50" s="17">
        <v>17848</v>
      </c>
    </row>
    <row r="51" spans="1:18">
      <c r="A51" s="21" t="s">
        <v>1962</v>
      </c>
      <c r="B51" s="10" t="s">
        <v>25</v>
      </c>
      <c r="C51" s="11" t="s">
        <v>25</v>
      </c>
      <c r="D51" s="17">
        <v>225</v>
      </c>
      <c r="E51" s="17">
        <v>5</v>
      </c>
      <c r="F51" s="17">
        <v>56</v>
      </c>
      <c r="G51" s="17">
        <v>164</v>
      </c>
      <c r="H51" s="17">
        <v>9120</v>
      </c>
      <c r="I51" s="17">
        <v>126</v>
      </c>
      <c r="J51" s="18">
        <v>2</v>
      </c>
      <c r="K51" s="17">
        <v>18</v>
      </c>
      <c r="L51" s="17">
        <v>106</v>
      </c>
      <c r="M51" s="17">
        <v>5632</v>
      </c>
      <c r="N51" s="17">
        <v>99</v>
      </c>
      <c r="O51" s="17">
        <v>3</v>
      </c>
      <c r="P51" s="17">
        <v>38</v>
      </c>
      <c r="Q51" s="17">
        <v>58</v>
      </c>
      <c r="R51" s="17">
        <v>3488</v>
      </c>
    </row>
    <row r="52" spans="1:18">
      <c r="A52" s="21" t="s">
        <v>1963</v>
      </c>
      <c r="B52" s="10" t="s">
        <v>25</v>
      </c>
      <c r="C52" s="11" t="s">
        <v>25</v>
      </c>
      <c r="D52" s="17">
        <v>116</v>
      </c>
      <c r="E52" s="17">
        <v>1</v>
      </c>
      <c r="F52" s="17">
        <v>28</v>
      </c>
      <c r="G52" s="17">
        <v>87</v>
      </c>
      <c r="H52" s="17">
        <v>4771</v>
      </c>
      <c r="I52" s="17">
        <v>59</v>
      </c>
      <c r="J52" s="18" t="s">
        <v>35</v>
      </c>
      <c r="K52" s="17">
        <v>7</v>
      </c>
      <c r="L52" s="17">
        <v>52</v>
      </c>
      <c r="M52" s="17">
        <v>2794</v>
      </c>
      <c r="N52" s="17">
        <v>57</v>
      </c>
      <c r="O52" s="17">
        <v>1</v>
      </c>
      <c r="P52" s="17">
        <v>21</v>
      </c>
      <c r="Q52" s="17">
        <v>35</v>
      </c>
      <c r="R52" s="17">
        <v>1977</v>
      </c>
    </row>
    <row r="53" spans="1:18">
      <c r="A53" s="21" t="s">
        <v>1964</v>
      </c>
      <c r="B53" s="10" t="s">
        <v>25</v>
      </c>
      <c r="C53" s="11" t="s">
        <v>25</v>
      </c>
      <c r="D53" s="17">
        <v>212</v>
      </c>
      <c r="E53" s="18">
        <v>6</v>
      </c>
      <c r="F53" s="17">
        <v>56</v>
      </c>
      <c r="G53" s="17">
        <v>149</v>
      </c>
      <c r="H53" s="17">
        <v>8283</v>
      </c>
      <c r="I53" s="17">
        <v>128</v>
      </c>
      <c r="J53" s="18">
        <v>2</v>
      </c>
      <c r="K53" s="17">
        <v>20</v>
      </c>
      <c r="L53" s="17">
        <v>105</v>
      </c>
      <c r="M53" s="17">
        <v>5586</v>
      </c>
      <c r="N53" s="17">
        <v>84</v>
      </c>
      <c r="O53" s="18">
        <v>4</v>
      </c>
      <c r="P53" s="17">
        <v>36</v>
      </c>
      <c r="Q53" s="17">
        <v>44</v>
      </c>
      <c r="R53" s="17">
        <v>2697</v>
      </c>
    </row>
    <row r="54" spans="1:18">
      <c r="A54" s="21" t="s">
        <v>1965</v>
      </c>
      <c r="B54" s="10" t="s">
        <v>25</v>
      </c>
      <c r="C54" s="11" t="s">
        <v>25</v>
      </c>
      <c r="D54" s="17">
        <v>298</v>
      </c>
      <c r="E54" s="18">
        <v>9</v>
      </c>
      <c r="F54" s="17">
        <v>78</v>
      </c>
      <c r="G54" s="17">
        <v>210</v>
      </c>
      <c r="H54" s="17">
        <v>11731</v>
      </c>
      <c r="I54" s="17">
        <v>165</v>
      </c>
      <c r="J54" s="18">
        <v>3</v>
      </c>
      <c r="K54" s="17">
        <v>21</v>
      </c>
      <c r="L54" s="17">
        <v>140</v>
      </c>
      <c r="M54" s="17">
        <v>7514</v>
      </c>
      <c r="N54" s="17">
        <v>133</v>
      </c>
      <c r="O54" s="18">
        <v>6</v>
      </c>
      <c r="P54" s="17">
        <v>57</v>
      </c>
      <c r="Q54" s="17">
        <v>70</v>
      </c>
      <c r="R54" s="17">
        <v>4217</v>
      </c>
    </row>
    <row r="55" spans="1:18">
      <c r="A55" s="21" t="s">
        <v>1966</v>
      </c>
      <c r="B55" s="10" t="s">
        <v>25</v>
      </c>
      <c r="C55" s="11" t="s">
        <v>25</v>
      </c>
      <c r="D55" s="17">
        <v>326</v>
      </c>
      <c r="E55" s="17">
        <v>9</v>
      </c>
      <c r="F55" s="17">
        <v>83</v>
      </c>
      <c r="G55" s="17">
        <v>232</v>
      </c>
      <c r="H55" s="17">
        <v>12964</v>
      </c>
      <c r="I55" s="17">
        <v>172</v>
      </c>
      <c r="J55" s="17">
        <v>6</v>
      </c>
      <c r="K55" s="17">
        <v>22</v>
      </c>
      <c r="L55" s="17">
        <v>142</v>
      </c>
      <c r="M55" s="17">
        <v>7495</v>
      </c>
      <c r="N55" s="17">
        <v>154</v>
      </c>
      <c r="O55" s="17">
        <v>3</v>
      </c>
      <c r="P55" s="17">
        <v>61</v>
      </c>
      <c r="Q55" s="17">
        <v>90</v>
      </c>
      <c r="R55" s="17">
        <v>5469</v>
      </c>
    </row>
    <row r="56" spans="1:18">
      <c r="A56" s="21" t="s">
        <v>1789</v>
      </c>
      <c r="B56" s="10" t="s">
        <v>25</v>
      </c>
      <c r="C56" s="11" t="s">
        <v>25</v>
      </c>
      <c r="D56" s="17">
        <v>2493</v>
      </c>
      <c r="E56" s="17">
        <v>51</v>
      </c>
      <c r="F56" s="17">
        <v>625</v>
      </c>
      <c r="G56" s="17">
        <v>1805</v>
      </c>
      <c r="H56" s="17">
        <v>100288</v>
      </c>
      <c r="I56" s="17">
        <v>1425</v>
      </c>
      <c r="J56" s="17">
        <v>32</v>
      </c>
      <c r="K56" s="17">
        <v>205</v>
      </c>
      <c r="L56" s="17">
        <v>1181</v>
      </c>
      <c r="M56" s="17">
        <v>63978</v>
      </c>
      <c r="N56" s="17">
        <v>1068</v>
      </c>
      <c r="O56" s="17">
        <v>19</v>
      </c>
      <c r="P56" s="17">
        <v>420</v>
      </c>
      <c r="Q56" s="17">
        <v>624</v>
      </c>
      <c r="R56" s="17">
        <v>36310</v>
      </c>
    </row>
    <row r="57" spans="1:18">
      <c r="A57" s="21" t="s">
        <v>1967</v>
      </c>
      <c r="B57" s="10" t="s">
        <v>25</v>
      </c>
      <c r="C57" s="11" t="s">
        <v>25</v>
      </c>
      <c r="D57" s="17">
        <v>388</v>
      </c>
      <c r="E57" s="17">
        <v>4</v>
      </c>
      <c r="F57" s="17">
        <v>99</v>
      </c>
      <c r="G57" s="17">
        <v>285</v>
      </c>
      <c r="H57" s="17">
        <v>15501</v>
      </c>
      <c r="I57" s="17">
        <v>228</v>
      </c>
      <c r="J57" s="18">
        <v>2</v>
      </c>
      <c r="K57" s="17">
        <v>31</v>
      </c>
      <c r="L57" s="17">
        <v>195</v>
      </c>
      <c r="M57" s="17">
        <v>10262</v>
      </c>
      <c r="N57" s="17">
        <v>160</v>
      </c>
      <c r="O57" s="17">
        <v>2</v>
      </c>
      <c r="P57" s="17">
        <v>68</v>
      </c>
      <c r="Q57" s="17">
        <v>90</v>
      </c>
      <c r="R57" s="17">
        <v>5239</v>
      </c>
    </row>
    <row r="58" spans="1:18">
      <c r="A58" s="21" t="s">
        <v>1968</v>
      </c>
      <c r="B58" s="10" t="s">
        <v>25</v>
      </c>
      <c r="C58" s="11" t="s">
        <v>25</v>
      </c>
      <c r="D58" s="17">
        <v>267</v>
      </c>
      <c r="E58" s="17">
        <v>4</v>
      </c>
      <c r="F58" s="17">
        <v>72</v>
      </c>
      <c r="G58" s="17">
        <v>191</v>
      </c>
      <c r="H58" s="17">
        <v>10697</v>
      </c>
      <c r="I58" s="17">
        <v>159</v>
      </c>
      <c r="J58" s="17">
        <v>2</v>
      </c>
      <c r="K58" s="17">
        <v>18</v>
      </c>
      <c r="L58" s="17">
        <v>139</v>
      </c>
      <c r="M58" s="17">
        <v>7330</v>
      </c>
      <c r="N58" s="17">
        <v>108</v>
      </c>
      <c r="O58" s="17">
        <v>2</v>
      </c>
      <c r="P58" s="17">
        <v>54</v>
      </c>
      <c r="Q58" s="17">
        <v>52</v>
      </c>
      <c r="R58" s="17">
        <v>3367</v>
      </c>
    </row>
    <row r="59" spans="1:18">
      <c r="A59" s="21" t="s">
        <v>1969</v>
      </c>
      <c r="B59" s="10" t="s">
        <v>25</v>
      </c>
      <c r="C59" s="11" t="s">
        <v>25</v>
      </c>
      <c r="D59" s="17">
        <v>455</v>
      </c>
      <c r="E59" s="17">
        <v>9</v>
      </c>
      <c r="F59" s="17">
        <v>118</v>
      </c>
      <c r="G59" s="17">
        <v>328</v>
      </c>
      <c r="H59" s="17">
        <v>18610</v>
      </c>
      <c r="I59" s="17">
        <v>253</v>
      </c>
      <c r="J59" s="17">
        <v>5</v>
      </c>
      <c r="K59" s="17">
        <v>40</v>
      </c>
      <c r="L59" s="17">
        <v>208</v>
      </c>
      <c r="M59" s="17">
        <v>11580</v>
      </c>
      <c r="N59" s="17">
        <v>202</v>
      </c>
      <c r="O59" s="17">
        <v>4</v>
      </c>
      <c r="P59" s="17">
        <v>78</v>
      </c>
      <c r="Q59" s="17">
        <v>120</v>
      </c>
      <c r="R59" s="17">
        <v>7030</v>
      </c>
    </row>
    <row r="60" spans="1:18">
      <c r="A60" s="21" t="s">
        <v>1970</v>
      </c>
      <c r="B60" s="10" t="s">
        <v>25</v>
      </c>
      <c r="C60" s="11" t="s">
        <v>25</v>
      </c>
      <c r="D60" s="17">
        <v>478</v>
      </c>
      <c r="E60" s="17">
        <v>12</v>
      </c>
      <c r="F60" s="17">
        <v>116</v>
      </c>
      <c r="G60" s="17">
        <v>344</v>
      </c>
      <c r="H60" s="17">
        <v>19067</v>
      </c>
      <c r="I60" s="17">
        <v>272</v>
      </c>
      <c r="J60" s="17">
        <v>10</v>
      </c>
      <c r="K60" s="17">
        <v>40</v>
      </c>
      <c r="L60" s="17">
        <v>220</v>
      </c>
      <c r="M60" s="17">
        <v>12017</v>
      </c>
      <c r="N60" s="17">
        <v>206</v>
      </c>
      <c r="O60" s="17">
        <v>2</v>
      </c>
      <c r="P60" s="17">
        <v>76</v>
      </c>
      <c r="Q60" s="17">
        <v>124</v>
      </c>
      <c r="R60" s="17">
        <v>7050</v>
      </c>
    </row>
    <row r="61" spans="1:18">
      <c r="A61" s="21" t="s">
        <v>1971</v>
      </c>
      <c r="B61" s="10" t="s">
        <v>25</v>
      </c>
      <c r="C61" s="11" t="s">
        <v>25</v>
      </c>
      <c r="D61" s="17">
        <v>905</v>
      </c>
      <c r="E61" s="17">
        <v>22</v>
      </c>
      <c r="F61" s="17">
        <v>220</v>
      </c>
      <c r="G61" s="17">
        <v>657</v>
      </c>
      <c r="H61" s="17">
        <v>36413</v>
      </c>
      <c r="I61" s="17">
        <v>513</v>
      </c>
      <c r="J61" s="17">
        <v>13</v>
      </c>
      <c r="K61" s="17">
        <v>76</v>
      </c>
      <c r="L61" s="17">
        <v>419</v>
      </c>
      <c r="M61" s="17">
        <v>22789</v>
      </c>
      <c r="N61" s="17">
        <v>392</v>
      </c>
      <c r="O61" s="17">
        <v>9</v>
      </c>
      <c r="P61" s="17">
        <v>144</v>
      </c>
      <c r="Q61" s="17">
        <v>238</v>
      </c>
      <c r="R61" s="17">
        <v>13624</v>
      </c>
    </row>
    <row r="62" spans="1:18">
      <c r="A62" s="21" t="s">
        <v>1972</v>
      </c>
      <c r="B62" s="10" t="s">
        <v>25</v>
      </c>
      <c r="C62" s="11" t="s">
        <v>25</v>
      </c>
      <c r="D62" s="17">
        <v>1164</v>
      </c>
      <c r="E62" s="17">
        <v>27</v>
      </c>
      <c r="F62" s="17">
        <v>261</v>
      </c>
      <c r="G62" s="17">
        <v>870</v>
      </c>
      <c r="H62" s="17">
        <v>48023</v>
      </c>
      <c r="I62" s="17">
        <v>664</v>
      </c>
      <c r="J62" s="17">
        <v>14</v>
      </c>
      <c r="K62" s="17">
        <v>75</v>
      </c>
      <c r="L62" s="17">
        <v>571</v>
      </c>
      <c r="M62" s="17">
        <v>30627</v>
      </c>
      <c r="N62" s="17">
        <v>500</v>
      </c>
      <c r="O62" s="17">
        <v>13</v>
      </c>
      <c r="P62" s="17">
        <v>186</v>
      </c>
      <c r="Q62" s="17">
        <v>299</v>
      </c>
      <c r="R62" s="17">
        <v>17396</v>
      </c>
    </row>
    <row r="63" spans="1:18">
      <c r="A63" s="21" t="s">
        <v>1973</v>
      </c>
      <c r="B63" s="10" t="s">
        <v>25</v>
      </c>
      <c r="C63" s="11" t="s">
        <v>25</v>
      </c>
      <c r="D63" s="17">
        <v>425</v>
      </c>
      <c r="E63" s="17">
        <v>8</v>
      </c>
      <c r="F63" s="17">
        <v>78</v>
      </c>
      <c r="G63" s="17">
        <v>337</v>
      </c>
      <c r="H63" s="17">
        <v>18532</v>
      </c>
      <c r="I63" s="17">
        <v>243</v>
      </c>
      <c r="J63" s="17">
        <v>3</v>
      </c>
      <c r="K63" s="17">
        <v>19</v>
      </c>
      <c r="L63" s="17">
        <v>220</v>
      </c>
      <c r="M63" s="17">
        <v>11853</v>
      </c>
      <c r="N63" s="17">
        <v>182</v>
      </c>
      <c r="O63" s="17">
        <v>5</v>
      </c>
      <c r="P63" s="17">
        <v>59</v>
      </c>
      <c r="Q63" s="17">
        <v>117</v>
      </c>
      <c r="R63" s="17">
        <v>6679</v>
      </c>
    </row>
    <row r="64" spans="1:18">
      <c r="A64" s="21" t="s">
        <v>1974</v>
      </c>
      <c r="B64" s="10" t="s">
        <v>25</v>
      </c>
      <c r="C64" s="11" t="s">
        <v>25</v>
      </c>
      <c r="D64" s="17">
        <v>334</v>
      </c>
      <c r="E64" s="17">
        <v>9</v>
      </c>
      <c r="F64" s="17">
        <v>94</v>
      </c>
      <c r="G64" s="17">
        <v>228</v>
      </c>
      <c r="H64" s="17">
        <v>12773</v>
      </c>
      <c r="I64" s="17">
        <v>183</v>
      </c>
      <c r="J64" s="17">
        <v>5</v>
      </c>
      <c r="K64" s="17">
        <v>29</v>
      </c>
      <c r="L64" s="17">
        <v>147</v>
      </c>
      <c r="M64" s="17">
        <v>7891</v>
      </c>
      <c r="N64" s="17">
        <v>151</v>
      </c>
      <c r="O64" s="18">
        <v>4</v>
      </c>
      <c r="P64" s="17">
        <v>65</v>
      </c>
      <c r="Q64" s="17">
        <v>81</v>
      </c>
      <c r="R64" s="17">
        <v>4882</v>
      </c>
    </row>
    <row r="65" spans="1:18">
      <c r="A65" s="21" t="s">
        <v>1975</v>
      </c>
      <c r="B65" s="10" t="s">
        <v>25</v>
      </c>
      <c r="C65" s="11" t="s">
        <v>25</v>
      </c>
      <c r="D65" s="17">
        <v>136</v>
      </c>
      <c r="E65" s="17">
        <v>4</v>
      </c>
      <c r="F65" s="17">
        <v>22</v>
      </c>
      <c r="G65" s="17">
        <v>110</v>
      </c>
      <c r="H65" s="17">
        <v>5848</v>
      </c>
      <c r="I65" s="17">
        <v>79</v>
      </c>
      <c r="J65" s="17">
        <v>2</v>
      </c>
      <c r="K65" s="17">
        <v>5</v>
      </c>
      <c r="L65" s="17">
        <v>72</v>
      </c>
      <c r="M65" s="17">
        <v>3822</v>
      </c>
      <c r="N65" s="17">
        <v>57</v>
      </c>
      <c r="O65" s="17">
        <v>2</v>
      </c>
      <c r="P65" s="17">
        <v>17</v>
      </c>
      <c r="Q65" s="17">
        <v>38</v>
      </c>
      <c r="R65" s="17">
        <v>2026</v>
      </c>
    </row>
    <row r="66" spans="1:18">
      <c r="A66" s="21" t="s">
        <v>1976</v>
      </c>
      <c r="B66" s="10" t="s">
        <v>25</v>
      </c>
      <c r="C66" s="11" t="s">
        <v>25</v>
      </c>
      <c r="D66" s="17">
        <v>269</v>
      </c>
      <c r="E66" s="17">
        <v>6</v>
      </c>
      <c r="F66" s="17">
        <v>67</v>
      </c>
      <c r="G66" s="17">
        <v>195</v>
      </c>
      <c r="H66" s="17">
        <v>10870</v>
      </c>
      <c r="I66" s="17">
        <v>159</v>
      </c>
      <c r="J66" s="17">
        <v>4</v>
      </c>
      <c r="K66" s="17">
        <v>22</v>
      </c>
      <c r="L66" s="17">
        <v>132</v>
      </c>
      <c r="M66" s="17">
        <v>7061</v>
      </c>
      <c r="N66" s="17">
        <v>110</v>
      </c>
      <c r="O66" s="17">
        <v>2</v>
      </c>
      <c r="P66" s="17">
        <v>45</v>
      </c>
      <c r="Q66" s="17">
        <v>63</v>
      </c>
      <c r="R66" s="17">
        <v>3809</v>
      </c>
    </row>
    <row r="67" spans="1:18">
      <c r="A67" s="21" t="s">
        <v>1977</v>
      </c>
      <c r="B67" s="10" t="s">
        <v>25</v>
      </c>
      <c r="C67" s="11" t="s">
        <v>25</v>
      </c>
      <c r="D67" s="17">
        <v>2649</v>
      </c>
      <c r="E67" s="17">
        <v>44</v>
      </c>
      <c r="F67" s="17">
        <v>750</v>
      </c>
      <c r="G67" s="17">
        <v>1852</v>
      </c>
      <c r="H67" s="17">
        <v>104729</v>
      </c>
      <c r="I67" s="17">
        <v>1511</v>
      </c>
      <c r="J67" s="17">
        <v>19</v>
      </c>
      <c r="K67" s="17">
        <v>241</v>
      </c>
      <c r="L67" s="17">
        <v>1248</v>
      </c>
      <c r="M67" s="17">
        <v>67614</v>
      </c>
      <c r="N67" s="17">
        <v>1138</v>
      </c>
      <c r="O67" s="17">
        <v>25</v>
      </c>
      <c r="P67" s="17">
        <v>509</v>
      </c>
      <c r="Q67" s="17">
        <v>604</v>
      </c>
      <c r="R67" s="17">
        <v>37115</v>
      </c>
    </row>
    <row r="68" spans="1:18">
      <c r="A68" s="21" t="s">
        <v>1978</v>
      </c>
      <c r="B68" s="10" t="s">
        <v>25</v>
      </c>
      <c r="C68" s="11" t="s">
        <v>25</v>
      </c>
      <c r="D68" s="17">
        <v>148</v>
      </c>
      <c r="E68" s="17">
        <v>2</v>
      </c>
      <c r="F68" s="17">
        <v>42</v>
      </c>
      <c r="G68" s="17">
        <v>104</v>
      </c>
      <c r="H68" s="17">
        <v>6174</v>
      </c>
      <c r="I68" s="17">
        <v>84</v>
      </c>
      <c r="J68" s="17">
        <v>1</v>
      </c>
      <c r="K68" s="17">
        <v>14</v>
      </c>
      <c r="L68" s="17">
        <v>69</v>
      </c>
      <c r="M68" s="17">
        <v>3999</v>
      </c>
      <c r="N68" s="17">
        <v>64</v>
      </c>
      <c r="O68" s="17">
        <v>1</v>
      </c>
      <c r="P68" s="17">
        <v>28</v>
      </c>
      <c r="Q68" s="17">
        <v>35</v>
      </c>
      <c r="R68" s="17">
        <v>2175</v>
      </c>
    </row>
    <row r="69" spans="1:18">
      <c r="A69" s="21" t="s">
        <v>1979</v>
      </c>
      <c r="B69" s="10" t="s">
        <v>25</v>
      </c>
      <c r="C69" s="11" t="s">
        <v>25</v>
      </c>
      <c r="D69" s="17">
        <v>553</v>
      </c>
      <c r="E69" s="17">
        <v>10</v>
      </c>
      <c r="F69" s="17">
        <v>157</v>
      </c>
      <c r="G69" s="17">
        <v>386</v>
      </c>
      <c r="H69" s="17">
        <v>21651</v>
      </c>
      <c r="I69" s="17">
        <v>320</v>
      </c>
      <c r="J69" s="17">
        <v>1</v>
      </c>
      <c r="K69" s="17">
        <v>52</v>
      </c>
      <c r="L69" s="17">
        <v>267</v>
      </c>
      <c r="M69" s="17">
        <v>14425</v>
      </c>
      <c r="N69" s="17">
        <v>233</v>
      </c>
      <c r="O69" s="17">
        <v>9</v>
      </c>
      <c r="P69" s="17">
        <v>105</v>
      </c>
      <c r="Q69" s="17">
        <v>119</v>
      </c>
      <c r="R69" s="17">
        <v>7226</v>
      </c>
    </row>
    <row r="70" spans="1:18">
      <c r="A70" s="21" t="s">
        <v>1980</v>
      </c>
      <c r="B70" s="10" t="s">
        <v>25</v>
      </c>
      <c r="C70" s="11" t="s">
        <v>25</v>
      </c>
      <c r="D70" s="17">
        <v>298</v>
      </c>
      <c r="E70" s="17">
        <v>4</v>
      </c>
      <c r="F70" s="17">
        <v>80</v>
      </c>
      <c r="G70" s="17">
        <v>213</v>
      </c>
      <c r="H70" s="17">
        <v>11837</v>
      </c>
      <c r="I70" s="17">
        <v>168</v>
      </c>
      <c r="J70" s="17">
        <v>2</v>
      </c>
      <c r="K70" s="17">
        <v>25</v>
      </c>
      <c r="L70" s="17">
        <v>140</v>
      </c>
      <c r="M70" s="17">
        <v>7556</v>
      </c>
      <c r="N70" s="17">
        <v>130</v>
      </c>
      <c r="O70" s="17">
        <v>2</v>
      </c>
      <c r="P70" s="17">
        <v>55</v>
      </c>
      <c r="Q70" s="17">
        <v>73</v>
      </c>
      <c r="R70" s="17">
        <v>4281</v>
      </c>
    </row>
    <row r="71" spans="1:18">
      <c r="A71" s="21" t="s">
        <v>1981</v>
      </c>
      <c r="B71" s="10" t="s">
        <v>25</v>
      </c>
      <c r="C71" s="11" t="s">
        <v>25</v>
      </c>
      <c r="D71" s="17">
        <v>728</v>
      </c>
      <c r="E71" s="17">
        <v>7</v>
      </c>
      <c r="F71" s="17">
        <v>216</v>
      </c>
      <c r="G71" s="17">
        <v>504</v>
      </c>
      <c r="H71" s="17">
        <v>28470</v>
      </c>
      <c r="I71" s="17">
        <v>412</v>
      </c>
      <c r="J71" s="17">
        <v>3</v>
      </c>
      <c r="K71" s="17">
        <v>76</v>
      </c>
      <c r="L71" s="17">
        <v>332</v>
      </c>
      <c r="M71" s="17">
        <v>17996</v>
      </c>
      <c r="N71" s="17">
        <v>316</v>
      </c>
      <c r="O71" s="17">
        <v>4</v>
      </c>
      <c r="P71" s="17">
        <v>140</v>
      </c>
      <c r="Q71" s="17">
        <v>172</v>
      </c>
      <c r="R71" s="17">
        <v>10474</v>
      </c>
    </row>
    <row r="72" spans="1:18">
      <c r="A72" s="21" t="s">
        <v>1982</v>
      </c>
      <c r="B72" s="10" t="s">
        <v>25</v>
      </c>
      <c r="C72" s="11" t="s">
        <v>25</v>
      </c>
      <c r="D72" s="17">
        <v>922</v>
      </c>
      <c r="E72" s="17">
        <v>21</v>
      </c>
      <c r="F72" s="17">
        <v>255</v>
      </c>
      <c r="G72" s="17">
        <v>645</v>
      </c>
      <c r="H72" s="17">
        <v>36597</v>
      </c>
      <c r="I72" s="17">
        <v>527</v>
      </c>
      <c r="J72" s="17">
        <v>12</v>
      </c>
      <c r="K72" s="17">
        <v>74</v>
      </c>
      <c r="L72" s="17">
        <v>440</v>
      </c>
      <c r="M72" s="17">
        <v>23638</v>
      </c>
      <c r="N72" s="17">
        <v>395</v>
      </c>
      <c r="O72" s="17">
        <v>9</v>
      </c>
      <c r="P72" s="17">
        <v>181</v>
      </c>
      <c r="Q72" s="17">
        <v>205</v>
      </c>
      <c r="R72" s="17">
        <v>12959</v>
      </c>
    </row>
    <row r="73" spans="1:18">
      <c r="A73" s="21" t="s">
        <v>1983</v>
      </c>
      <c r="B73" s="10" t="s">
        <v>25</v>
      </c>
      <c r="C73" s="11" t="s">
        <v>25</v>
      </c>
      <c r="D73" s="17">
        <v>2356</v>
      </c>
      <c r="E73" s="17">
        <v>36</v>
      </c>
      <c r="F73" s="17">
        <v>522</v>
      </c>
      <c r="G73" s="17">
        <v>1798</v>
      </c>
      <c r="H73" s="17">
        <v>98563</v>
      </c>
      <c r="I73" s="17">
        <v>1320</v>
      </c>
      <c r="J73" s="17">
        <v>20</v>
      </c>
      <c r="K73" s="17">
        <v>161</v>
      </c>
      <c r="L73" s="17">
        <v>1139</v>
      </c>
      <c r="M73" s="17">
        <v>60888</v>
      </c>
      <c r="N73" s="17">
        <v>1036</v>
      </c>
      <c r="O73" s="17">
        <v>16</v>
      </c>
      <c r="P73" s="17">
        <v>361</v>
      </c>
      <c r="Q73" s="17">
        <v>659</v>
      </c>
      <c r="R73" s="17">
        <v>37675</v>
      </c>
    </row>
    <row r="74" spans="1:18">
      <c r="A74" s="21" t="s">
        <v>1984</v>
      </c>
      <c r="B74" s="10" t="s">
        <v>25</v>
      </c>
      <c r="C74" s="11" t="s">
        <v>25</v>
      </c>
      <c r="D74" s="17">
        <v>1034</v>
      </c>
      <c r="E74" s="17">
        <v>17</v>
      </c>
      <c r="F74" s="17">
        <v>222</v>
      </c>
      <c r="G74" s="17">
        <v>795</v>
      </c>
      <c r="H74" s="17">
        <v>42749</v>
      </c>
      <c r="I74" s="17">
        <v>604</v>
      </c>
      <c r="J74" s="17">
        <v>13</v>
      </c>
      <c r="K74" s="17">
        <v>74</v>
      </c>
      <c r="L74" s="17">
        <v>517</v>
      </c>
      <c r="M74" s="17">
        <v>26965</v>
      </c>
      <c r="N74" s="17">
        <v>430</v>
      </c>
      <c r="O74" s="17">
        <v>4</v>
      </c>
      <c r="P74" s="17">
        <v>148</v>
      </c>
      <c r="Q74" s="17">
        <v>278</v>
      </c>
      <c r="R74" s="17">
        <v>15784</v>
      </c>
    </row>
    <row r="75" spans="1:18">
      <c r="A75" s="21" t="s">
        <v>1985</v>
      </c>
      <c r="B75" s="10" t="s">
        <v>25</v>
      </c>
      <c r="C75" s="11" t="s">
        <v>25</v>
      </c>
      <c r="D75" s="17">
        <v>694</v>
      </c>
      <c r="E75" s="17">
        <v>10</v>
      </c>
      <c r="F75" s="17">
        <v>150</v>
      </c>
      <c r="G75" s="17">
        <v>534</v>
      </c>
      <c r="H75" s="17">
        <v>29271</v>
      </c>
      <c r="I75" s="17">
        <v>376</v>
      </c>
      <c r="J75" s="18">
        <v>6</v>
      </c>
      <c r="K75" s="17">
        <v>47</v>
      </c>
      <c r="L75" s="17">
        <v>323</v>
      </c>
      <c r="M75" s="17">
        <v>17400</v>
      </c>
      <c r="N75" s="17">
        <v>318</v>
      </c>
      <c r="O75" s="17">
        <v>4</v>
      </c>
      <c r="P75" s="17">
        <v>103</v>
      </c>
      <c r="Q75" s="17">
        <v>211</v>
      </c>
      <c r="R75" s="17">
        <v>11871</v>
      </c>
    </row>
    <row r="76" spans="1:18">
      <c r="A76" s="21" t="s">
        <v>1986</v>
      </c>
      <c r="B76" s="10" t="s">
        <v>25</v>
      </c>
      <c r="C76" s="11" t="s">
        <v>25</v>
      </c>
      <c r="D76" s="17">
        <v>628</v>
      </c>
      <c r="E76" s="17">
        <v>9</v>
      </c>
      <c r="F76" s="17">
        <v>150</v>
      </c>
      <c r="G76" s="17">
        <v>469</v>
      </c>
      <c r="H76" s="17">
        <v>26543</v>
      </c>
      <c r="I76" s="17">
        <v>340</v>
      </c>
      <c r="J76" s="17">
        <v>1</v>
      </c>
      <c r="K76" s="17">
        <v>40</v>
      </c>
      <c r="L76" s="17">
        <v>299</v>
      </c>
      <c r="M76" s="17">
        <v>16523</v>
      </c>
      <c r="N76" s="17">
        <v>288</v>
      </c>
      <c r="O76" s="17">
        <v>8</v>
      </c>
      <c r="P76" s="17">
        <v>110</v>
      </c>
      <c r="Q76" s="17">
        <v>170</v>
      </c>
      <c r="R76" s="17">
        <v>10020</v>
      </c>
    </row>
    <row r="77" spans="1:18">
      <c r="A77" s="21" t="s">
        <v>1987</v>
      </c>
      <c r="B77" s="10" t="s">
        <v>25</v>
      </c>
      <c r="C77" s="11" t="s">
        <v>25</v>
      </c>
      <c r="D77" s="17">
        <v>3036</v>
      </c>
      <c r="E77" s="17">
        <v>53</v>
      </c>
      <c r="F77" s="17">
        <v>736</v>
      </c>
      <c r="G77" s="17">
        <v>2246</v>
      </c>
      <c r="H77" s="17">
        <v>125035</v>
      </c>
      <c r="I77" s="17">
        <v>1665</v>
      </c>
      <c r="J77" s="17">
        <v>31</v>
      </c>
      <c r="K77" s="17">
        <v>241</v>
      </c>
      <c r="L77" s="17">
        <v>1392</v>
      </c>
      <c r="M77" s="17">
        <v>75999</v>
      </c>
      <c r="N77" s="17">
        <v>1371</v>
      </c>
      <c r="O77" s="17">
        <v>22</v>
      </c>
      <c r="P77" s="17">
        <v>495</v>
      </c>
      <c r="Q77" s="17">
        <v>854</v>
      </c>
      <c r="R77" s="17">
        <v>49036</v>
      </c>
    </row>
    <row r="78" spans="1:18">
      <c r="A78" s="21" t="s">
        <v>1988</v>
      </c>
      <c r="B78" s="10" t="s">
        <v>25</v>
      </c>
      <c r="C78" s="11" t="s">
        <v>25</v>
      </c>
      <c r="D78" s="17">
        <v>1085</v>
      </c>
      <c r="E78" s="17">
        <v>24</v>
      </c>
      <c r="F78" s="17">
        <v>305</v>
      </c>
      <c r="G78" s="17">
        <v>756</v>
      </c>
      <c r="H78" s="17">
        <v>42372</v>
      </c>
      <c r="I78" s="17">
        <v>592</v>
      </c>
      <c r="J78" s="17">
        <v>13</v>
      </c>
      <c r="K78" s="17">
        <v>90</v>
      </c>
      <c r="L78" s="17">
        <v>489</v>
      </c>
      <c r="M78" s="17">
        <v>26476</v>
      </c>
      <c r="N78" s="17">
        <v>493</v>
      </c>
      <c r="O78" s="17">
        <v>11</v>
      </c>
      <c r="P78" s="17">
        <v>215</v>
      </c>
      <c r="Q78" s="17">
        <v>267</v>
      </c>
      <c r="R78" s="17">
        <v>15896</v>
      </c>
    </row>
    <row r="79" spans="1:18">
      <c r="A79" s="21" t="s">
        <v>1989</v>
      </c>
      <c r="B79" s="10" t="s">
        <v>25</v>
      </c>
      <c r="C79" s="11" t="s">
        <v>25</v>
      </c>
      <c r="D79" s="17">
        <v>638</v>
      </c>
      <c r="E79" s="17">
        <v>8</v>
      </c>
      <c r="F79" s="17">
        <v>123</v>
      </c>
      <c r="G79" s="17">
        <v>507</v>
      </c>
      <c r="H79" s="17">
        <v>27815</v>
      </c>
      <c r="I79" s="17">
        <v>367</v>
      </c>
      <c r="J79" s="17">
        <v>6</v>
      </c>
      <c r="K79" s="17">
        <v>41</v>
      </c>
      <c r="L79" s="17">
        <v>320</v>
      </c>
      <c r="M79" s="17">
        <v>17238</v>
      </c>
      <c r="N79" s="17">
        <v>271</v>
      </c>
      <c r="O79" s="17">
        <v>2</v>
      </c>
      <c r="P79" s="17">
        <v>82</v>
      </c>
      <c r="Q79" s="17">
        <v>187</v>
      </c>
      <c r="R79" s="17">
        <v>10577</v>
      </c>
    </row>
    <row r="80" spans="1:18">
      <c r="A80" s="21" t="s">
        <v>1990</v>
      </c>
      <c r="B80" s="10" t="s">
        <v>25</v>
      </c>
      <c r="C80" s="11" t="s">
        <v>25</v>
      </c>
      <c r="D80" s="17">
        <v>504</v>
      </c>
      <c r="E80" s="17">
        <v>8</v>
      </c>
      <c r="F80" s="17">
        <v>120</v>
      </c>
      <c r="G80" s="17">
        <v>375</v>
      </c>
      <c r="H80" s="17">
        <v>21609</v>
      </c>
      <c r="I80" s="17">
        <v>273</v>
      </c>
      <c r="J80" s="17">
        <v>5</v>
      </c>
      <c r="K80" s="17">
        <v>48</v>
      </c>
      <c r="L80" s="17">
        <v>219</v>
      </c>
      <c r="M80" s="17">
        <v>12652</v>
      </c>
      <c r="N80" s="17">
        <v>231</v>
      </c>
      <c r="O80" s="18">
        <v>3</v>
      </c>
      <c r="P80" s="17">
        <v>72</v>
      </c>
      <c r="Q80" s="17">
        <v>156</v>
      </c>
      <c r="R80" s="17">
        <v>8957</v>
      </c>
    </row>
    <row r="81" spans="1:18">
      <c r="A81" s="21" t="s">
        <v>1991</v>
      </c>
      <c r="B81" s="10" t="s">
        <v>25</v>
      </c>
      <c r="C81" s="11" t="s">
        <v>25</v>
      </c>
      <c r="D81" s="17">
        <v>809</v>
      </c>
      <c r="E81" s="17">
        <v>13</v>
      </c>
      <c r="F81" s="17">
        <v>188</v>
      </c>
      <c r="G81" s="17">
        <v>608</v>
      </c>
      <c r="H81" s="17">
        <v>33239</v>
      </c>
      <c r="I81" s="17">
        <v>433</v>
      </c>
      <c r="J81" s="17">
        <v>7</v>
      </c>
      <c r="K81" s="17">
        <v>62</v>
      </c>
      <c r="L81" s="17">
        <v>364</v>
      </c>
      <c r="M81" s="17">
        <v>19633</v>
      </c>
      <c r="N81" s="17">
        <v>376</v>
      </c>
      <c r="O81" s="18">
        <v>6</v>
      </c>
      <c r="P81" s="17">
        <v>126</v>
      </c>
      <c r="Q81" s="17">
        <v>244</v>
      </c>
      <c r="R81" s="17">
        <v>13606</v>
      </c>
    </row>
    <row r="82" spans="1:18">
      <c r="A82" s="21" t="s">
        <v>1992</v>
      </c>
      <c r="B82" s="10" t="s">
        <v>25</v>
      </c>
      <c r="C82" s="11" t="s">
        <v>25</v>
      </c>
      <c r="D82" s="17">
        <v>4990</v>
      </c>
      <c r="E82" s="18">
        <v>85</v>
      </c>
      <c r="F82" s="17">
        <v>1264</v>
      </c>
      <c r="G82" s="17">
        <v>3638</v>
      </c>
      <c r="H82" s="17">
        <v>201455</v>
      </c>
      <c r="I82" s="17">
        <v>2747</v>
      </c>
      <c r="J82" s="18">
        <v>44</v>
      </c>
      <c r="K82" s="17">
        <v>378</v>
      </c>
      <c r="L82" s="17">
        <v>2323</v>
      </c>
      <c r="M82" s="17">
        <v>124851</v>
      </c>
      <c r="N82" s="17">
        <v>2243</v>
      </c>
      <c r="O82" s="18">
        <v>41</v>
      </c>
      <c r="P82" s="17">
        <v>886</v>
      </c>
      <c r="Q82" s="17">
        <v>1315</v>
      </c>
      <c r="R82" s="17">
        <v>76604</v>
      </c>
    </row>
    <row r="83" spans="1:18">
      <c r="A83" s="21" t="s">
        <v>1993</v>
      </c>
      <c r="B83" s="10" t="s">
        <v>25</v>
      </c>
      <c r="C83" s="11" t="s">
        <v>25</v>
      </c>
      <c r="D83" s="17">
        <v>1051</v>
      </c>
      <c r="E83" s="18">
        <v>22</v>
      </c>
      <c r="F83" s="17">
        <v>280</v>
      </c>
      <c r="G83" s="17">
        <v>749</v>
      </c>
      <c r="H83" s="17">
        <v>42006</v>
      </c>
      <c r="I83" s="17">
        <v>610</v>
      </c>
      <c r="J83" s="18">
        <v>8</v>
      </c>
      <c r="K83" s="17">
        <v>89</v>
      </c>
      <c r="L83" s="17">
        <v>513</v>
      </c>
      <c r="M83" s="17">
        <v>27807</v>
      </c>
      <c r="N83" s="17">
        <v>441</v>
      </c>
      <c r="O83" s="18">
        <v>14</v>
      </c>
      <c r="P83" s="17">
        <v>191</v>
      </c>
      <c r="Q83" s="17">
        <v>236</v>
      </c>
      <c r="R83" s="17">
        <v>14199</v>
      </c>
    </row>
    <row r="84" spans="1:18">
      <c r="A84" s="21" t="s">
        <v>1994</v>
      </c>
      <c r="B84" s="10" t="s">
        <v>25</v>
      </c>
      <c r="C84" s="11" t="s">
        <v>25</v>
      </c>
      <c r="D84" s="18">
        <v>1335</v>
      </c>
      <c r="E84" s="18">
        <v>17</v>
      </c>
      <c r="F84" s="18">
        <v>329</v>
      </c>
      <c r="G84" s="18">
        <v>989</v>
      </c>
      <c r="H84" s="18">
        <v>54254</v>
      </c>
      <c r="I84" s="18">
        <v>778</v>
      </c>
      <c r="J84" s="18">
        <v>9</v>
      </c>
      <c r="K84" s="18">
        <v>105</v>
      </c>
      <c r="L84" s="18">
        <v>664</v>
      </c>
      <c r="M84" s="18">
        <v>35478</v>
      </c>
      <c r="N84" s="18">
        <v>557</v>
      </c>
      <c r="O84" s="18">
        <v>8</v>
      </c>
      <c r="P84" s="18">
        <v>224</v>
      </c>
      <c r="Q84" s="18">
        <v>325</v>
      </c>
      <c r="R84" s="18">
        <v>18776</v>
      </c>
    </row>
    <row r="85" spans="1:18">
      <c r="A85" s="21" t="s">
        <v>1995</v>
      </c>
      <c r="B85" s="10" t="s">
        <v>25</v>
      </c>
      <c r="C85" s="11" t="s">
        <v>25</v>
      </c>
      <c r="D85" s="18">
        <v>1468</v>
      </c>
      <c r="E85" s="18">
        <v>19</v>
      </c>
      <c r="F85" s="18">
        <v>398</v>
      </c>
      <c r="G85" s="18">
        <v>1050</v>
      </c>
      <c r="H85" s="18">
        <v>58368</v>
      </c>
      <c r="I85" s="18">
        <v>751</v>
      </c>
      <c r="J85" s="18">
        <v>10</v>
      </c>
      <c r="K85" s="18">
        <v>115</v>
      </c>
      <c r="L85" s="18">
        <v>625</v>
      </c>
      <c r="M85" s="18">
        <v>33612</v>
      </c>
      <c r="N85" s="18">
        <v>717</v>
      </c>
      <c r="O85" s="18">
        <v>9</v>
      </c>
      <c r="P85" s="18">
        <v>283</v>
      </c>
      <c r="Q85" s="18">
        <v>425</v>
      </c>
      <c r="R85" s="18">
        <v>24756</v>
      </c>
    </row>
    <row r="86" spans="1:18">
      <c r="A86" s="21" t="s">
        <v>1996</v>
      </c>
      <c r="B86" s="10" t="s">
        <v>25</v>
      </c>
      <c r="C86" s="11" t="s">
        <v>25</v>
      </c>
      <c r="D86" s="18">
        <v>1136</v>
      </c>
      <c r="E86" s="18">
        <v>27</v>
      </c>
      <c r="F86" s="18">
        <v>257</v>
      </c>
      <c r="G86" s="18">
        <v>850</v>
      </c>
      <c r="H86" s="18">
        <v>46827</v>
      </c>
      <c r="I86" s="18">
        <v>608</v>
      </c>
      <c r="J86" s="18">
        <v>17</v>
      </c>
      <c r="K86" s="18">
        <v>69</v>
      </c>
      <c r="L86" s="18">
        <v>521</v>
      </c>
      <c r="M86" s="18">
        <v>27954</v>
      </c>
      <c r="N86" s="18">
        <v>528</v>
      </c>
      <c r="O86" s="18">
        <v>10</v>
      </c>
      <c r="P86" s="18">
        <v>188</v>
      </c>
      <c r="Q86" s="18">
        <v>329</v>
      </c>
      <c r="R86" s="18">
        <v>18873</v>
      </c>
    </row>
    <row r="87" spans="1:18">
      <c r="A87" s="21" t="s">
        <v>1997</v>
      </c>
      <c r="B87" s="10" t="s">
        <v>25</v>
      </c>
      <c r="C87" s="11" t="s">
        <v>25</v>
      </c>
      <c r="D87" s="17">
        <v>9731</v>
      </c>
      <c r="E87" s="17">
        <v>151</v>
      </c>
      <c r="F87" s="17">
        <v>2313</v>
      </c>
      <c r="G87" s="17">
        <v>7228</v>
      </c>
      <c r="H87" s="17">
        <v>399387</v>
      </c>
      <c r="I87" s="17">
        <v>5415</v>
      </c>
      <c r="J87" s="17">
        <v>78</v>
      </c>
      <c r="K87" s="17">
        <v>691</v>
      </c>
      <c r="L87" s="17">
        <v>4619</v>
      </c>
      <c r="M87" s="17">
        <v>248247</v>
      </c>
      <c r="N87" s="17">
        <v>4316</v>
      </c>
      <c r="O87" s="17">
        <v>73</v>
      </c>
      <c r="P87" s="17">
        <v>1622</v>
      </c>
      <c r="Q87" s="17">
        <v>2609</v>
      </c>
      <c r="R87" s="17">
        <v>151140</v>
      </c>
    </row>
    <row r="88" spans="1:18">
      <c r="A88" s="21" t="s">
        <v>1998</v>
      </c>
      <c r="B88" s="10" t="s">
        <v>25</v>
      </c>
      <c r="C88" s="11" t="s">
        <v>25</v>
      </c>
      <c r="D88" s="17">
        <v>920</v>
      </c>
      <c r="E88" s="17">
        <v>12</v>
      </c>
      <c r="F88" s="17">
        <v>188</v>
      </c>
      <c r="G88" s="17">
        <v>720</v>
      </c>
      <c r="H88" s="17">
        <v>38500</v>
      </c>
      <c r="I88" s="17">
        <v>569</v>
      </c>
      <c r="J88" s="17">
        <v>6</v>
      </c>
      <c r="K88" s="17">
        <v>52</v>
      </c>
      <c r="L88" s="17">
        <v>511</v>
      </c>
      <c r="M88" s="17">
        <v>26526</v>
      </c>
      <c r="N88" s="17">
        <v>351</v>
      </c>
      <c r="O88" s="17">
        <v>6</v>
      </c>
      <c r="P88" s="17">
        <v>136</v>
      </c>
      <c r="Q88" s="17">
        <v>209</v>
      </c>
      <c r="R88" s="17">
        <v>11974</v>
      </c>
    </row>
    <row r="89" spans="1:18">
      <c r="A89" s="21" t="s">
        <v>1999</v>
      </c>
      <c r="B89" s="10" t="s">
        <v>25</v>
      </c>
      <c r="C89" s="11" t="s">
        <v>25</v>
      </c>
      <c r="D89" s="17">
        <v>1120</v>
      </c>
      <c r="E89" s="17">
        <v>14</v>
      </c>
      <c r="F89" s="17">
        <v>269</v>
      </c>
      <c r="G89" s="17">
        <v>837</v>
      </c>
      <c r="H89" s="17">
        <v>46163</v>
      </c>
      <c r="I89" s="17">
        <v>624</v>
      </c>
      <c r="J89" s="17">
        <v>5</v>
      </c>
      <c r="K89" s="17">
        <v>85</v>
      </c>
      <c r="L89" s="17">
        <v>534</v>
      </c>
      <c r="M89" s="17">
        <v>28888</v>
      </c>
      <c r="N89" s="17">
        <v>496</v>
      </c>
      <c r="O89" s="17">
        <v>9</v>
      </c>
      <c r="P89" s="17">
        <v>184</v>
      </c>
      <c r="Q89" s="17">
        <v>303</v>
      </c>
      <c r="R89" s="17">
        <v>17275</v>
      </c>
    </row>
    <row r="90" spans="1:18">
      <c r="A90" s="21" t="s">
        <v>2000</v>
      </c>
      <c r="B90" s="10" t="s">
        <v>25</v>
      </c>
      <c r="C90" s="11" t="s">
        <v>25</v>
      </c>
      <c r="D90" s="17">
        <v>1329</v>
      </c>
      <c r="E90" s="17">
        <v>13</v>
      </c>
      <c r="F90" s="17">
        <v>326</v>
      </c>
      <c r="G90" s="17">
        <v>982</v>
      </c>
      <c r="H90" s="17">
        <v>55195</v>
      </c>
      <c r="I90" s="17">
        <v>757</v>
      </c>
      <c r="J90" s="17">
        <v>8</v>
      </c>
      <c r="K90" s="17">
        <v>108</v>
      </c>
      <c r="L90" s="17">
        <v>636</v>
      </c>
      <c r="M90" s="17">
        <v>34858</v>
      </c>
      <c r="N90" s="17">
        <v>572</v>
      </c>
      <c r="O90" s="17">
        <v>5</v>
      </c>
      <c r="P90" s="17">
        <v>218</v>
      </c>
      <c r="Q90" s="17">
        <v>346</v>
      </c>
      <c r="R90" s="17">
        <v>20337</v>
      </c>
    </row>
    <row r="91" spans="1:18">
      <c r="A91" s="21" t="s">
        <v>2001</v>
      </c>
      <c r="B91" s="10" t="s">
        <v>25</v>
      </c>
      <c r="C91" s="11" t="s">
        <v>25</v>
      </c>
      <c r="D91" s="17">
        <v>542</v>
      </c>
      <c r="E91" s="17">
        <v>13</v>
      </c>
      <c r="F91" s="17">
        <v>136</v>
      </c>
      <c r="G91" s="17">
        <v>393</v>
      </c>
      <c r="H91" s="17">
        <v>21466</v>
      </c>
      <c r="I91" s="17">
        <v>281</v>
      </c>
      <c r="J91" s="17">
        <v>6</v>
      </c>
      <c r="K91" s="17">
        <v>40</v>
      </c>
      <c r="L91" s="17">
        <v>235</v>
      </c>
      <c r="M91" s="17">
        <v>12432</v>
      </c>
      <c r="N91" s="17">
        <v>261</v>
      </c>
      <c r="O91" s="18">
        <v>7</v>
      </c>
      <c r="P91" s="17">
        <v>96</v>
      </c>
      <c r="Q91" s="17">
        <v>158</v>
      </c>
      <c r="R91" s="17">
        <v>9034</v>
      </c>
    </row>
    <row r="92" spans="1:18">
      <c r="A92" s="21" t="s">
        <v>2002</v>
      </c>
      <c r="B92" s="10" t="s">
        <v>25</v>
      </c>
      <c r="C92" s="11" t="s">
        <v>25</v>
      </c>
      <c r="D92" s="17">
        <v>1259</v>
      </c>
      <c r="E92" s="17">
        <v>22</v>
      </c>
      <c r="F92" s="17">
        <v>305</v>
      </c>
      <c r="G92" s="17">
        <v>930</v>
      </c>
      <c r="H92" s="17">
        <v>51745</v>
      </c>
      <c r="I92" s="17">
        <v>666</v>
      </c>
      <c r="J92" s="17">
        <v>8</v>
      </c>
      <c r="K92" s="17">
        <v>87</v>
      </c>
      <c r="L92" s="17">
        <v>570</v>
      </c>
      <c r="M92" s="17">
        <v>31067</v>
      </c>
      <c r="N92" s="17">
        <v>593</v>
      </c>
      <c r="O92" s="17">
        <v>14</v>
      </c>
      <c r="P92" s="17">
        <v>218</v>
      </c>
      <c r="Q92" s="17">
        <v>360</v>
      </c>
      <c r="R92" s="17">
        <v>20678</v>
      </c>
    </row>
    <row r="93" spans="1:18">
      <c r="A93" s="21" t="s">
        <v>2003</v>
      </c>
      <c r="B93" s="10" t="s">
        <v>25</v>
      </c>
      <c r="C93" s="11" t="s">
        <v>25</v>
      </c>
      <c r="D93" s="17">
        <v>870</v>
      </c>
      <c r="E93" s="17">
        <v>19</v>
      </c>
      <c r="F93" s="17">
        <v>207</v>
      </c>
      <c r="G93" s="17">
        <v>624</v>
      </c>
      <c r="H93" s="17">
        <v>34542</v>
      </c>
      <c r="I93" s="17">
        <v>491</v>
      </c>
      <c r="J93" s="17">
        <v>14</v>
      </c>
      <c r="K93" s="17">
        <v>61</v>
      </c>
      <c r="L93" s="17">
        <v>402</v>
      </c>
      <c r="M93" s="17">
        <v>21523</v>
      </c>
      <c r="N93" s="17">
        <v>379</v>
      </c>
      <c r="O93" s="17">
        <v>5</v>
      </c>
      <c r="P93" s="17">
        <v>146</v>
      </c>
      <c r="Q93" s="17">
        <v>222</v>
      </c>
      <c r="R93" s="17">
        <v>13019</v>
      </c>
    </row>
    <row r="94" spans="1:18">
      <c r="A94" s="21" t="s">
        <v>2004</v>
      </c>
      <c r="B94" s="10" t="s">
        <v>25</v>
      </c>
      <c r="C94" s="11" t="s">
        <v>25</v>
      </c>
      <c r="D94" s="17">
        <v>1003</v>
      </c>
      <c r="E94" s="17">
        <v>18</v>
      </c>
      <c r="F94" s="17">
        <v>236</v>
      </c>
      <c r="G94" s="17">
        <v>747</v>
      </c>
      <c r="H94" s="17">
        <v>41546</v>
      </c>
      <c r="I94" s="17">
        <v>505</v>
      </c>
      <c r="J94" s="17">
        <v>8</v>
      </c>
      <c r="K94" s="17">
        <v>64</v>
      </c>
      <c r="L94" s="17">
        <v>431</v>
      </c>
      <c r="M94" s="17">
        <v>23640</v>
      </c>
      <c r="N94" s="17">
        <v>498</v>
      </c>
      <c r="O94" s="17">
        <v>10</v>
      </c>
      <c r="P94" s="17">
        <v>172</v>
      </c>
      <c r="Q94" s="17">
        <v>316</v>
      </c>
      <c r="R94" s="17">
        <v>17906</v>
      </c>
    </row>
    <row r="95" spans="1:18">
      <c r="A95" s="21" t="s">
        <v>2005</v>
      </c>
      <c r="B95" s="10" t="s">
        <v>25</v>
      </c>
      <c r="C95" s="11" t="s">
        <v>25</v>
      </c>
      <c r="D95" s="17">
        <v>695</v>
      </c>
      <c r="E95" s="17">
        <v>13</v>
      </c>
      <c r="F95" s="17">
        <v>174</v>
      </c>
      <c r="G95" s="17">
        <v>503</v>
      </c>
      <c r="H95" s="17">
        <v>27865</v>
      </c>
      <c r="I95" s="17">
        <v>402</v>
      </c>
      <c r="J95" s="17">
        <v>8</v>
      </c>
      <c r="K95" s="17">
        <v>62</v>
      </c>
      <c r="L95" s="17">
        <v>329</v>
      </c>
      <c r="M95" s="17">
        <v>17619</v>
      </c>
      <c r="N95" s="17">
        <v>293</v>
      </c>
      <c r="O95" s="17">
        <v>5</v>
      </c>
      <c r="P95" s="17">
        <v>112</v>
      </c>
      <c r="Q95" s="17">
        <v>174</v>
      </c>
      <c r="R95" s="17">
        <v>10246</v>
      </c>
    </row>
    <row r="96" spans="1:18">
      <c r="A96" s="21" t="s">
        <v>2006</v>
      </c>
      <c r="B96" s="10" t="s">
        <v>25</v>
      </c>
      <c r="C96" s="11" t="s">
        <v>25</v>
      </c>
      <c r="D96" s="17">
        <v>1592</v>
      </c>
      <c r="E96" s="17">
        <v>21</v>
      </c>
      <c r="F96" s="17">
        <v>353</v>
      </c>
      <c r="G96" s="17">
        <v>1216</v>
      </c>
      <c r="H96" s="17">
        <v>66656</v>
      </c>
      <c r="I96" s="17">
        <v>888</v>
      </c>
      <c r="J96" s="17">
        <v>11</v>
      </c>
      <c r="K96" s="17">
        <v>90</v>
      </c>
      <c r="L96" s="17">
        <v>785</v>
      </c>
      <c r="M96" s="17">
        <v>41570</v>
      </c>
      <c r="N96" s="17">
        <v>704</v>
      </c>
      <c r="O96" s="17">
        <v>10</v>
      </c>
      <c r="P96" s="17">
        <v>263</v>
      </c>
      <c r="Q96" s="17">
        <v>431</v>
      </c>
      <c r="R96" s="17">
        <v>25086</v>
      </c>
    </row>
    <row r="97" spans="1:18">
      <c r="A97" s="21" t="s">
        <v>2007</v>
      </c>
      <c r="B97" s="10" t="s">
        <v>25</v>
      </c>
      <c r="C97" s="11" t="s">
        <v>25</v>
      </c>
      <c r="D97" s="17">
        <v>401</v>
      </c>
      <c r="E97" s="17">
        <v>6</v>
      </c>
      <c r="F97" s="17">
        <v>119</v>
      </c>
      <c r="G97" s="17">
        <v>276</v>
      </c>
      <c r="H97" s="17">
        <v>15709</v>
      </c>
      <c r="I97" s="17">
        <v>232</v>
      </c>
      <c r="J97" s="17">
        <v>4</v>
      </c>
      <c r="K97" s="17">
        <v>42</v>
      </c>
      <c r="L97" s="17">
        <v>186</v>
      </c>
      <c r="M97" s="17">
        <v>10124</v>
      </c>
      <c r="N97" s="17">
        <v>169</v>
      </c>
      <c r="O97" s="17">
        <v>2</v>
      </c>
      <c r="P97" s="17">
        <v>77</v>
      </c>
      <c r="Q97" s="17">
        <v>90</v>
      </c>
      <c r="R97" s="17">
        <v>5585</v>
      </c>
    </row>
    <row r="98" spans="1:18">
      <c r="A98" s="21" t="s">
        <v>2008</v>
      </c>
      <c r="B98" s="10" t="s">
        <v>25</v>
      </c>
      <c r="C98" s="11" t="s">
        <v>25</v>
      </c>
      <c r="D98" s="17">
        <v>1112</v>
      </c>
      <c r="E98" s="17">
        <v>17</v>
      </c>
      <c r="F98" s="17">
        <v>283</v>
      </c>
      <c r="G98" s="17">
        <v>812</v>
      </c>
      <c r="H98" s="17">
        <v>45076</v>
      </c>
      <c r="I98" s="17">
        <v>644</v>
      </c>
      <c r="J98" s="17">
        <v>9</v>
      </c>
      <c r="K98" s="17">
        <v>103</v>
      </c>
      <c r="L98" s="17">
        <v>532</v>
      </c>
      <c r="M98" s="17">
        <v>29151</v>
      </c>
      <c r="N98" s="17">
        <v>468</v>
      </c>
      <c r="O98" s="17">
        <v>8</v>
      </c>
      <c r="P98" s="17">
        <v>180</v>
      </c>
      <c r="Q98" s="17">
        <v>280</v>
      </c>
      <c r="R98" s="17">
        <v>15925</v>
      </c>
    </row>
    <row r="99" spans="1:18">
      <c r="A99" s="21" t="s">
        <v>2009</v>
      </c>
      <c r="B99" s="10" t="s">
        <v>25</v>
      </c>
      <c r="C99" s="11" t="s">
        <v>25</v>
      </c>
      <c r="D99" s="17">
        <v>573</v>
      </c>
      <c r="E99" s="17">
        <v>11</v>
      </c>
      <c r="F99" s="17">
        <v>131</v>
      </c>
      <c r="G99" s="17">
        <v>431</v>
      </c>
      <c r="H99" s="17">
        <v>23730</v>
      </c>
      <c r="I99" s="17">
        <v>341</v>
      </c>
      <c r="J99" s="17">
        <v>7</v>
      </c>
      <c r="K99" s="17">
        <v>47</v>
      </c>
      <c r="L99" s="17">
        <v>287</v>
      </c>
      <c r="M99" s="17">
        <v>15749</v>
      </c>
      <c r="N99" s="17">
        <v>232</v>
      </c>
      <c r="O99" s="17">
        <v>4</v>
      </c>
      <c r="P99" s="17">
        <v>84</v>
      </c>
      <c r="Q99" s="17">
        <v>144</v>
      </c>
      <c r="R99" s="17">
        <v>7981</v>
      </c>
    </row>
    <row r="100" spans="1:18">
      <c r="A100" s="21" t="s">
        <v>2010</v>
      </c>
      <c r="B100" s="10" t="s">
        <v>25</v>
      </c>
      <c r="C100" s="11" t="s">
        <v>25</v>
      </c>
      <c r="D100" s="17">
        <v>539</v>
      </c>
      <c r="E100" s="17">
        <v>6</v>
      </c>
      <c r="F100" s="17">
        <v>152</v>
      </c>
      <c r="G100" s="17">
        <v>381</v>
      </c>
      <c r="H100" s="17">
        <v>21346</v>
      </c>
      <c r="I100" s="17">
        <v>303</v>
      </c>
      <c r="J100" s="17">
        <v>2</v>
      </c>
      <c r="K100" s="17">
        <v>56</v>
      </c>
      <c r="L100" s="17">
        <v>245</v>
      </c>
      <c r="M100" s="17">
        <v>13402</v>
      </c>
      <c r="N100" s="17">
        <v>236</v>
      </c>
      <c r="O100" s="17">
        <v>4</v>
      </c>
      <c r="P100" s="17">
        <v>96</v>
      </c>
      <c r="Q100" s="17">
        <v>136</v>
      </c>
      <c r="R100" s="17">
        <v>7944</v>
      </c>
    </row>
    <row r="101" spans="1:18">
      <c r="A101" s="21" t="s">
        <v>2011</v>
      </c>
      <c r="B101" s="10" t="s">
        <v>25</v>
      </c>
      <c r="C101" s="11" t="s">
        <v>25</v>
      </c>
      <c r="D101" s="17">
        <v>3084</v>
      </c>
      <c r="E101" s="17">
        <v>64</v>
      </c>
      <c r="F101" s="17">
        <v>783</v>
      </c>
      <c r="G101" s="17">
        <v>2232</v>
      </c>
      <c r="H101" s="17">
        <v>126020</v>
      </c>
      <c r="I101" s="17">
        <v>1674</v>
      </c>
      <c r="J101" s="17">
        <v>33</v>
      </c>
      <c r="K101" s="17">
        <v>203</v>
      </c>
      <c r="L101" s="17">
        <v>1433</v>
      </c>
      <c r="M101" s="17">
        <v>77915</v>
      </c>
      <c r="N101" s="17">
        <v>1410</v>
      </c>
      <c r="O101" s="17">
        <v>31</v>
      </c>
      <c r="P101" s="17">
        <v>580</v>
      </c>
      <c r="Q101" s="17">
        <v>799</v>
      </c>
      <c r="R101" s="17">
        <v>48105</v>
      </c>
    </row>
    <row r="102" spans="1:18">
      <c r="A102" s="21" t="s">
        <v>2012</v>
      </c>
      <c r="B102" s="10" t="s">
        <v>25</v>
      </c>
      <c r="C102" s="11" t="s">
        <v>25</v>
      </c>
      <c r="D102" s="17">
        <v>1015</v>
      </c>
      <c r="E102" s="18">
        <v>18</v>
      </c>
      <c r="F102" s="17">
        <v>274</v>
      </c>
      <c r="G102" s="17">
        <v>720</v>
      </c>
      <c r="H102" s="17">
        <v>40771</v>
      </c>
      <c r="I102" s="17">
        <v>547</v>
      </c>
      <c r="J102" s="18">
        <v>8</v>
      </c>
      <c r="K102" s="17">
        <v>60</v>
      </c>
      <c r="L102" s="17">
        <v>476</v>
      </c>
      <c r="M102" s="17">
        <v>25517</v>
      </c>
      <c r="N102" s="17">
        <v>468</v>
      </c>
      <c r="O102" s="18">
        <v>10</v>
      </c>
      <c r="P102" s="17">
        <v>214</v>
      </c>
      <c r="Q102" s="17">
        <v>244</v>
      </c>
      <c r="R102" s="17">
        <v>15254</v>
      </c>
    </row>
    <row r="103" spans="1:18">
      <c r="A103" s="21" t="s">
        <v>2013</v>
      </c>
      <c r="B103" s="10" t="s">
        <v>25</v>
      </c>
      <c r="C103" s="11" t="s">
        <v>25</v>
      </c>
      <c r="D103" s="17">
        <v>963</v>
      </c>
      <c r="E103" s="17">
        <v>18</v>
      </c>
      <c r="F103" s="17">
        <v>216</v>
      </c>
      <c r="G103" s="17">
        <v>729</v>
      </c>
      <c r="H103" s="17">
        <v>40671</v>
      </c>
      <c r="I103" s="17">
        <v>506</v>
      </c>
      <c r="J103" s="17">
        <v>10</v>
      </c>
      <c r="K103" s="17">
        <v>69</v>
      </c>
      <c r="L103" s="17">
        <v>427</v>
      </c>
      <c r="M103" s="17">
        <v>23809</v>
      </c>
      <c r="N103" s="17">
        <v>457</v>
      </c>
      <c r="O103" s="17">
        <v>8</v>
      </c>
      <c r="P103" s="17">
        <v>147</v>
      </c>
      <c r="Q103" s="17">
        <v>302</v>
      </c>
      <c r="R103" s="17">
        <v>16862</v>
      </c>
    </row>
    <row r="104" spans="1:18">
      <c r="A104" s="21" t="s">
        <v>2014</v>
      </c>
      <c r="B104" s="10" t="s">
        <v>25</v>
      </c>
      <c r="C104" s="11" t="s">
        <v>25</v>
      </c>
      <c r="D104" s="17">
        <v>1106</v>
      </c>
      <c r="E104" s="17">
        <v>28</v>
      </c>
      <c r="F104" s="17">
        <v>293</v>
      </c>
      <c r="G104" s="17">
        <v>783</v>
      </c>
      <c r="H104" s="17">
        <v>44578</v>
      </c>
      <c r="I104" s="17">
        <v>621</v>
      </c>
      <c r="J104" s="17">
        <v>15</v>
      </c>
      <c r="K104" s="17">
        <v>74</v>
      </c>
      <c r="L104" s="17">
        <v>530</v>
      </c>
      <c r="M104" s="17">
        <v>28589</v>
      </c>
      <c r="N104" s="17">
        <v>485</v>
      </c>
      <c r="O104" s="17">
        <v>13</v>
      </c>
      <c r="P104" s="17">
        <v>219</v>
      </c>
      <c r="Q104" s="17">
        <v>253</v>
      </c>
      <c r="R104" s="17">
        <v>15989</v>
      </c>
    </row>
    <row r="105" spans="1:18">
      <c r="A105" s="21" t="s">
        <v>2015</v>
      </c>
      <c r="B105" s="10" t="s">
        <v>25</v>
      </c>
      <c r="C105" s="11" t="s">
        <v>25</v>
      </c>
      <c r="D105" s="17">
        <v>2920</v>
      </c>
      <c r="E105" s="17">
        <v>60</v>
      </c>
      <c r="F105" s="17">
        <v>789</v>
      </c>
      <c r="G105" s="17">
        <v>2059</v>
      </c>
      <c r="H105" s="17">
        <v>115281</v>
      </c>
      <c r="I105" s="17">
        <v>1618</v>
      </c>
      <c r="J105" s="17">
        <v>33</v>
      </c>
      <c r="K105" s="17">
        <v>266</v>
      </c>
      <c r="L105" s="17">
        <v>1310</v>
      </c>
      <c r="M105" s="17">
        <v>71214</v>
      </c>
      <c r="N105" s="17">
        <v>1302</v>
      </c>
      <c r="O105" s="17">
        <v>27</v>
      </c>
      <c r="P105" s="17">
        <v>523</v>
      </c>
      <c r="Q105" s="17">
        <v>749</v>
      </c>
      <c r="R105" s="17">
        <v>44067</v>
      </c>
    </row>
    <row r="106" spans="1:18">
      <c r="A106" s="21" t="s">
        <v>2016</v>
      </c>
      <c r="B106" s="10" t="s">
        <v>25</v>
      </c>
      <c r="C106" s="11" t="s">
        <v>25</v>
      </c>
      <c r="D106" s="17">
        <v>579</v>
      </c>
      <c r="E106" s="17">
        <v>9</v>
      </c>
      <c r="F106" s="17">
        <v>177</v>
      </c>
      <c r="G106" s="17">
        <v>386</v>
      </c>
      <c r="H106" s="17">
        <v>22351</v>
      </c>
      <c r="I106" s="17">
        <v>301</v>
      </c>
      <c r="J106" s="17">
        <v>5</v>
      </c>
      <c r="K106" s="17">
        <v>65</v>
      </c>
      <c r="L106" s="17">
        <v>225</v>
      </c>
      <c r="M106" s="17">
        <v>12766</v>
      </c>
      <c r="N106" s="17">
        <v>278</v>
      </c>
      <c r="O106" s="17">
        <v>4</v>
      </c>
      <c r="P106" s="17">
        <v>112</v>
      </c>
      <c r="Q106" s="17">
        <v>161</v>
      </c>
      <c r="R106" s="17">
        <v>9585</v>
      </c>
    </row>
    <row r="107" spans="1:18">
      <c r="A107" s="21" t="s">
        <v>2017</v>
      </c>
      <c r="B107" s="10" t="s">
        <v>25</v>
      </c>
      <c r="C107" s="11" t="s">
        <v>25</v>
      </c>
      <c r="D107" s="17">
        <v>606</v>
      </c>
      <c r="E107" s="17">
        <v>15</v>
      </c>
      <c r="F107" s="17">
        <v>173</v>
      </c>
      <c r="G107" s="17">
        <v>416</v>
      </c>
      <c r="H107" s="17">
        <v>23843</v>
      </c>
      <c r="I107" s="17">
        <v>337</v>
      </c>
      <c r="J107" s="17">
        <v>6</v>
      </c>
      <c r="K107" s="17">
        <v>48</v>
      </c>
      <c r="L107" s="17">
        <v>282</v>
      </c>
      <c r="M107" s="17">
        <v>15219</v>
      </c>
      <c r="N107" s="17">
        <v>269</v>
      </c>
      <c r="O107" s="17">
        <v>9</v>
      </c>
      <c r="P107" s="17">
        <v>125</v>
      </c>
      <c r="Q107" s="17">
        <v>134</v>
      </c>
      <c r="R107" s="17">
        <v>8624</v>
      </c>
    </row>
    <row r="108" spans="1:18">
      <c r="A108" s="21" t="s">
        <v>2018</v>
      </c>
      <c r="B108" s="10" t="s">
        <v>25</v>
      </c>
      <c r="C108" s="11" t="s">
        <v>25</v>
      </c>
      <c r="D108" s="17">
        <v>542</v>
      </c>
      <c r="E108" s="17">
        <v>12</v>
      </c>
      <c r="F108" s="17">
        <v>121</v>
      </c>
      <c r="G108" s="17">
        <v>409</v>
      </c>
      <c r="H108" s="17">
        <v>22148</v>
      </c>
      <c r="I108" s="17">
        <v>278</v>
      </c>
      <c r="J108" s="17">
        <v>8</v>
      </c>
      <c r="K108" s="17">
        <v>37</v>
      </c>
      <c r="L108" s="17">
        <v>233</v>
      </c>
      <c r="M108" s="17">
        <v>12638</v>
      </c>
      <c r="N108" s="17">
        <v>264</v>
      </c>
      <c r="O108" s="17">
        <v>4</v>
      </c>
      <c r="P108" s="17">
        <v>84</v>
      </c>
      <c r="Q108" s="17">
        <v>176</v>
      </c>
      <c r="R108" s="17">
        <v>9510</v>
      </c>
    </row>
    <row r="109" spans="1:18">
      <c r="A109" s="21" t="s">
        <v>2019</v>
      </c>
      <c r="B109" s="10" t="s">
        <v>25</v>
      </c>
      <c r="C109" s="11" t="s">
        <v>25</v>
      </c>
      <c r="D109" s="17">
        <v>449</v>
      </c>
      <c r="E109" s="17">
        <v>13</v>
      </c>
      <c r="F109" s="17">
        <v>128</v>
      </c>
      <c r="G109" s="17">
        <v>306</v>
      </c>
      <c r="H109" s="17">
        <v>17068</v>
      </c>
      <c r="I109" s="17">
        <v>261</v>
      </c>
      <c r="J109" s="17">
        <v>7</v>
      </c>
      <c r="K109" s="17">
        <v>51</v>
      </c>
      <c r="L109" s="17">
        <v>202</v>
      </c>
      <c r="M109" s="17">
        <v>10806</v>
      </c>
      <c r="N109" s="17">
        <v>188</v>
      </c>
      <c r="O109" s="17">
        <v>6</v>
      </c>
      <c r="P109" s="17">
        <v>77</v>
      </c>
      <c r="Q109" s="17">
        <v>104</v>
      </c>
      <c r="R109" s="17">
        <v>6262</v>
      </c>
    </row>
    <row r="110" spans="1:18">
      <c r="A110" s="21" t="s">
        <v>2020</v>
      </c>
      <c r="B110" s="10" t="s">
        <v>25</v>
      </c>
      <c r="C110" s="11" t="s">
        <v>25</v>
      </c>
      <c r="D110" s="17">
        <v>744</v>
      </c>
      <c r="E110" s="17">
        <v>11</v>
      </c>
      <c r="F110" s="17">
        <v>190</v>
      </c>
      <c r="G110" s="17">
        <v>542</v>
      </c>
      <c r="H110" s="17">
        <v>29871</v>
      </c>
      <c r="I110" s="17">
        <v>441</v>
      </c>
      <c r="J110" s="17">
        <v>7</v>
      </c>
      <c r="K110" s="17">
        <v>65</v>
      </c>
      <c r="L110" s="17">
        <v>368</v>
      </c>
      <c r="M110" s="17">
        <v>19785</v>
      </c>
      <c r="N110" s="17">
        <v>303</v>
      </c>
      <c r="O110" s="17">
        <v>4</v>
      </c>
      <c r="P110" s="17">
        <v>125</v>
      </c>
      <c r="Q110" s="17">
        <v>174</v>
      </c>
      <c r="R110" s="17">
        <v>10086</v>
      </c>
    </row>
    <row r="111" spans="1:18">
      <c r="A111" s="21" t="s">
        <v>2021</v>
      </c>
      <c r="B111" s="10" t="s">
        <v>25</v>
      </c>
      <c r="C111" s="11" t="s">
        <v>25</v>
      </c>
      <c r="D111" s="17">
        <v>1035</v>
      </c>
      <c r="E111" s="17">
        <v>16</v>
      </c>
      <c r="F111" s="17">
        <v>307</v>
      </c>
      <c r="G111" s="17">
        <v>707</v>
      </c>
      <c r="H111" s="17">
        <v>40908</v>
      </c>
      <c r="I111" s="17">
        <v>579</v>
      </c>
      <c r="J111" s="17">
        <v>7</v>
      </c>
      <c r="K111" s="17">
        <v>92</v>
      </c>
      <c r="L111" s="17">
        <v>477</v>
      </c>
      <c r="M111" s="17">
        <v>26234</v>
      </c>
      <c r="N111" s="17">
        <v>456</v>
      </c>
      <c r="O111" s="17">
        <v>9</v>
      </c>
      <c r="P111" s="17">
        <v>215</v>
      </c>
      <c r="Q111" s="17">
        <v>230</v>
      </c>
      <c r="R111" s="17">
        <v>14674</v>
      </c>
    </row>
    <row r="112" spans="1:18">
      <c r="A112" s="21" t="s">
        <v>2022</v>
      </c>
      <c r="B112" s="10" t="s">
        <v>25</v>
      </c>
      <c r="C112" s="11" t="s">
        <v>25</v>
      </c>
      <c r="D112" s="17">
        <v>624</v>
      </c>
      <c r="E112" s="17">
        <v>8</v>
      </c>
      <c r="F112" s="17">
        <v>197</v>
      </c>
      <c r="G112" s="17">
        <v>419</v>
      </c>
      <c r="H112" s="17">
        <v>24364</v>
      </c>
      <c r="I112" s="17">
        <v>343</v>
      </c>
      <c r="J112" s="17">
        <v>4</v>
      </c>
      <c r="K112" s="17">
        <v>59</v>
      </c>
      <c r="L112" s="17">
        <v>280</v>
      </c>
      <c r="M112" s="17">
        <v>15398</v>
      </c>
      <c r="N112" s="17">
        <v>281</v>
      </c>
      <c r="O112" s="17">
        <v>4</v>
      </c>
      <c r="P112" s="17">
        <v>138</v>
      </c>
      <c r="Q112" s="17">
        <v>139</v>
      </c>
      <c r="R112" s="17">
        <v>8966</v>
      </c>
    </row>
    <row r="113" spans="1:18">
      <c r="A113" s="21" t="s">
        <v>2023</v>
      </c>
      <c r="B113" s="10" t="s">
        <v>25</v>
      </c>
      <c r="C113" s="11" t="s">
        <v>25</v>
      </c>
      <c r="D113" s="17">
        <v>411</v>
      </c>
      <c r="E113" s="17">
        <v>8</v>
      </c>
      <c r="F113" s="17">
        <v>110</v>
      </c>
      <c r="G113" s="17">
        <v>288</v>
      </c>
      <c r="H113" s="17">
        <v>16544</v>
      </c>
      <c r="I113" s="17">
        <v>236</v>
      </c>
      <c r="J113" s="17">
        <v>3</v>
      </c>
      <c r="K113" s="17">
        <v>33</v>
      </c>
      <c r="L113" s="17">
        <v>197</v>
      </c>
      <c r="M113" s="17">
        <v>10836</v>
      </c>
      <c r="N113" s="17">
        <v>175</v>
      </c>
      <c r="O113" s="17">
        <v>5</v>
      </c>
      <c r="P113" s="17">
        <v>77</v>
      </c>
      <c r="Q113" s="17">
        <v>91</v>
      </c>
      <c r="R113" s="17">
        <v>5708</v>
      </c>
    </row>
    <row r="114" spans="1:18">
      <c r="A114" s="21" t="s">
        <v>2024</v>
      </c>
      <c r="B114" s="10" t="s">
        <v>25</v>
      </c>
      <c r="C114" s="11" t="s">
        <v>25</v>
      </c>
      <c r="D114" s="18">
        <v>1319</v>
      </c>
      <c r="E114" s="18">
        <v>22</v>
      </c>
      <c r="F114" s="18">
        <v>376</v>
      </c>
      <c r="G114" s="18">
        <v>921</v>
      </c>
      <c r="H114" s="18">
        <v>51907</v>
      </c>
      <c r="I114" s="18">
        <v>793</v>
      </c>
      <c r="J114" s="18">
        <v>11</v>
      </c>
      <c r="K114" s="18">
        <v>155</v>
      </c>
      <c r="L114" s="18">
        <v>627</v>
      </c>
      <c r="M114" s="18">
        <v>34420</v>
      </c>
      <c r="N114" s="18">
        <v>526</v>
      </c>
      <c r="O114" s="18">
        <v>11</v>
      </c>
      <c r="P114" s="18">
        <v>221</v>
      </c>
      <c r="Q114" s="18">
        <v>294</v>
      </c>
      <c r="R114" s="18">
        <v>17487</v>
      </c>
    </row>
    <row r="115" spans="1:18">
      <c r="A115" s="21" t="s">
        <v>2025</v>
      </c>
      <c r="B115" s="10" t="s">
        <v>25</v>
      </c>
      <c r="C115" s="11" t="s">
        <v>25</v>
      </c>
      <c r="D115" s="18">
        <v>646</v>
      </c>
      <c r="E115" s="18">
        <v>13</v>
      </c>
      <c r="F115" s="18">
        <v>175</v>
      </c>
      <c r="G115" s="18">
        <v>458</v>
      </c>
      <c r="H115" s="18">
        <v>25805</v>
      </c>
      <c r="I115" s="18">
        <v>392</v>
      </c>
      <c r="J115" s="18">
        <v>5</v>
      </c>
      <c r="K115" s="18">
        <v>77</v>
      </c>
      <c r="L115" s="18">
        <v>310</v>
      </c>
      <c r="M115" s="18">
        <v>17237</v>
      </c>
      <c r="N115" s="18">
        <v>254</v>
      </c>
      <c r="O115" s="18">
        <v>8</v>
      </c>
      <c r="P115" s="18">
        <v>98</v>
      </c>
      <c r="Q115" s="18">
        <v>148</v>
      </c>
      <c r="R115" s="18">
        <v>8568</v>
      </c>
    </row>
    <row r="116" spans="1:18">
      <c r="A116" s="21" t="s">
        <v>2026</v>
      </c>
      <c r="B116" s="10" t="s">
        <v>25</v>
      </c>
      <c r="C116" s="11" t="s">
        <v>25</v>
      </c>
      <c r="D116" s="17">
        <v>666</v>
      </c>
      <c r="E116" s="17">
        <v>8</v>
      </c>
      <c r="F116" s="17">
        <v>201</v>
      </c>
      <c r="G116" s="17">
        <v>457</v>
      </c>
      <c r="H116" s="17">
        <v>25794</v>
      </c>
      <c r="I116" s="17">
        <v>397</v>
      </c>
      <c r="J116" s="17">
        <v>5</v>
      </c>
      <c r="K116" s="17">
        <v>78</v>
      </c>
      <c r="L116" s="17">
        <v>314</v>
      </c>
      <c r="M116" s="17">
        <v>17041</v>
      </c>
      <c r="N116" s="17">
        <v>269</v>
      </c>
      <c r="O116" s="17">
        <v>3</v>
      </c>
      <c r="P116" s="17">
        <v>123</v>
      </c>
      <c r="Q116" s="17">
        <v>143</v>
      </c>
      <c r="R116" s="17">
        <v>8753</v>
      </c>
    </row>
    <row r="117" spans="1:18">
      <c r="A117" s="21" t="s">
        <v>2027</v>
      </c>
      <c r="B117" s="10" t="s">
        <v>25</v>
      </c>
      <c r="C117" s="11" t="s">
        <v>25</v>
      </c>
      <c r="D117" s="17">
        <v>7</v>
      </c>
      <c r="E117" s="18">
        <v>1</v>
      </c>
      <c r="F117" s="17" t="s">
        <v>35</v>
      </c>
      <c r="G117" s="17">
        <v>6</v>
      </c>
      <c r="H117" s="17">
        <v>308</v>
      </c>
      <c r="I117" s="17">
        <v>4</v>
      </c>
      <c r="J117" s="18">
        <v>1</v>
      </c>
      <c r="K117" s="17" t="s">
        <v>35</v>
      </c>
      <c r="L117" s="17">
        <v>3</v>
      </c>
      <c r="M117" s="17">
        <v>142</v>
      </c>
      <c r="N117" s="17">
        <v>3</v>
      </c>
      <c r="O117" s="18" t="s">
        <v>35</v>
      </c>
      <c r="P117" s="17" t="s">
        <v>35</v>
      </c>
      <c r="Q117" s="17">
        <v>3</v>
      </c>
      <c r="R117" s="17">
        <v>166</v>
      </c>
    </row>
    <row r="118" spans="1:18">
      <c r="A118" s="21" t="s">
        <v>2028</v>
      </c>
      <c r="B118" s="10" t="s">
        <v>25</v>
      </c>
      <c r="C118" s="11" t="s">
        <v>25</v>
      </c>
      <c r="D118" s="17">
        <v>375</v>
      </c>
      <c r="E118" s="17">
        <v>6</v>
      </c>
      <c r="F118" s="17">
        <v>121</v>
      </c>
      <c r="G118" s="17">
        <v>248</v>
      </c>
      <c r="H118" s="17">
        <v>13791</v>
      </c>
      <c r="I118" s="17">
        <v>218</v>
      </c>
      <c r="J118" s="18">
        <v>4</v>
      </c>
      <c r="K118" s="17">
        <v>49</v>
      </c>
      <c r="L118" s="17">
        <v>165</v>
      </c>
      <c r="M118" s="17">
        <v>8853</v>
      </c>
      <c r="N118" s="17">
        <v>157</v>
      </c>
      <c r="O118" s="17">
        <v>2</v>
      </c>
      <c r="P118" s="17">
        <v>72</v>
      </c>
      <c r="Q118" s="17">
        <v>83</v>
      </c>
      <c r="R118" s="17">
        <v>4938</v>
      </c>
    </row>
    <row r="119" spans="1:18">
      <c r="A119" s="21" t="s">
        <v>2029</v>
      </c>
      <c r="B119" s="10" t="s">
        <v>25</v>
      </c>
      <c r="C119" s="11" t="s">
        <v>25</v>
      </c>
      <c r="D119" s="17">
        <v>177</v>
      </c>
      <c r="E119" s="18">
        <v>1</v>
      </c>
      <c r="F119" s="17">
        <v>62</v>
      </c>
      <c r="G119" s="17">
        <v>114</v>
      </c>
      <c r="H119" s="17">
        <v>6354</v>
      </c>
      <c r="I119" s="17">
        <v>115</v>
      </c>
      <c r="J119" s="18">
        <v>1</v>
      </c>
      <c r="K119" s="17">
        <v>29</v>
      </c>
      <c r="L119" s="17">
        <v>85</v>
      </c>
      <c r="M119" s="17">
        <v>4514</v>
      </c>
      <c r="N119" s="17">
        <v>62</v>
      </c>
      <c r="O119" s="18" t="s">
        <v>35</v>
      </c>
      <c r="P119" s="17">
        <v>33</v>
      </c>
      <c r="Q119" s="17">
        <v>29</v>
      </c>
      <c r="R119" s="17">
        <v>1840</v>
      </c>
    </row>
    <row r="120" spans="1:18">
      <c r="A120" s="21" t="s">
        <v>2030</v>
      </c>
      <c r="B120" s="10" t="s">
        <v>25</v>
      </c>
      <c r="C120" s="11" t="s">
        <v>25</v>
      </c>
      <c r="D120" s="17">
        <v>198</v>
      </c>
      <c r="E120" s="17">
        <v>5</v>
      </c>
      <c r="F120" s="17">
        <v>59</v>
      </c>
      <c r="G120" s="17">
        <v>134</v>
      </c>
      <c r="H120" s="17">
        <v>7437</v>
      </c>
      <c r="I120" s="17">
        <v>103</v>
      </c>
      <c r="J120" s="17">
        <v>3</v>
      </c>
      <c r="K120" s="17">
        <v>20</v>
      </c>
      <c r="L120" s="17">
        <v>80</v>
      </c>
      <c r="M120" s="17">
        <v>4339</v>
      </c>
      <c r="N120" s="17">
        <v>95</v>
      </c>
      <c r="O120" s="17">
        <v>2</v>
      </c>
      <c r="P120" s="17">
        <v>39</v>
      </c>
      <c r="Q120" s="17">
        <v>54</v>
      </c>
      <c r="R120" s="17">
        <v>3098</v>
      </c>
    </row>
    <row r="121" spans="1:18">
      <c r="A121" s="21" t="s">
        <v>2031</v>
      </c>
      <c r="B121" s="10" t="s">
        <v>25</v>
      </c>
      <c r="C121" s="11" t="s">
        <v>25</v>
      </c>
      <c r="D121" s="17">
        <v>342</v>
      </c>
      <c r="E121" s="17">
        <v>3</v>
      </c>
      <c r="F121" s="17">
        <v>91</v>
      </c>
      <c r="G121" s="17">
        <v>244</v>
      </c>
      <c r="H121" s="17">
        <v>13680</v>
      </c>
      <c r="I121" s="17">
        <v>190</v>
      </c>
      <c r="J121" s="17">
        <v>2</v>
      </c>
      <c r="K121" s="17">
        <v>32</v>
      </c>
      <c r="L121" s="17">
        <v>154</v>
      </c>
      <c r="M121" s="17">
        <v>8399</v>
      </c>
      <c r="N121" s="17">
        <v>152</v>
      </c>
      <c r="O121" s="17">
        <v>1</v>
      </c>
      <c r="P121" s="17">
        <v>59</v>
      </c>
      <c r="Q121" s="17">
        <v>90</v>
      </c>
      <c r="R121" s="17">
        <v>5281</v>
      </c>
    </row>
    <row r="122" spans="1:18">
      <c r="A122" s="21" t="s">
        <v>2032</v>
      </c>
      <c r="B122" s="10" t="s">
        <v>25</v>
      </c>
      <c r="C122" s="11" t="s">
        <v>25</v>
      </c>
      <c r="D122" s="17">
        <v>3789</v>
      </c>
      <c r="E122" s="17">
        <v>54</v>
      </c>
      <c r="F122" s="17">
        <v>1042</v>
      </c>
      <c r="G122" s="17">
        <v>2691</v>
      </c>
      <c r="H122" s="17">
        <v>151981</v>
      </c>
      <c r="I122" s="17">
        <v>2091</v>
      </c>
      <c r="J122" s="17">
        <v>32</v>
      </c>
      <c r="K122" s="17">
        <v>320</v>
      </c>
      <c r="L122" s="17">
        <v>1738</v>
      </c>
      <c r="M122" s="17">
        <v>95213</v>
      </c>
      <c r="N122" s="17">
        <v>1698</v>
      </c>
      <c r="O122" s="17">
        <v>22</v>
      </c>
      <c r="P122" s="17">
        <v>722</v>
      </c>
      <c r="Q122" s="17">
        <v>953</v>
      </c>
      <c r="R122" s="17">
        <v>56768</v>
      </c>
    </row>
    <row r="123" spans="1:18">
      <c r="A123" s="21" t="s">
        <v>2033</v>
      </c>
      <c r="B123" s="10" t="s">
        <v>25</v>
      </c>
      <c r="C123" s="11" t="s">
        <v>25</v>
      </c>
      <c r="D123" s="17">
        <v>983</v>
      </c>
      <c r="E123" s="17">
        <v>17</v>
      </c>
      <c r="F123" s="17">
        <v>261</v>
      </c>
      <c r="G123" s="17">
        <v>705</v>
      </c>
      <c r="H123" s="17">
        <v>40174</v>
      </c>
      <c r="I123" s="17">
        <v>562</v>
      </c>
      <c r="J123" s="17">
        <v>13</v>
      </c>
      <c r="K123" s="17">
        <v>79</v>
      </c>
      <c r="L123" s="17">
        <v>470</v>
      </c>
      <c r="M123" s="17">
        <v>26065</v>
      </c>
      <c r="N123" s="17">
        <v>421</v>
      </c>
      <c r="O123" s="17">
        <v>4</v>
      </c>
      <c r="P123" s="17">
        <v>182</v>
      </c>
      <c r="Q123" s="17">
        <v>235</v>
      </c>
      <c r="R123" s="17">
        <v>14109</v>
      </c>
    </row>
    <row r="124" spans="1:18">
      <c r="A124" s="21" t="s">
        <v>2034</v>
      </c>
      <c r="B124" s="10" t="s">
        <v>25</v>
      </c>
      <c r="C124" s="11" t="s">
        <v>25</v>
      </c>
      <c r="D124" s="17">
        <v>757</v>
      </c>
      <c r="E124" s="17">
        <v>8</v>
      </c>
      <c r="F124" s="17">
        <v>192</v>
      </c>
      <c r="G124" s="17">
        <v>556</v>
      </c>
      <c r="H124" s="17">
        <v>30614</v>
      </c>
      <c r="I124" s="17">
        <v>421</v>
      </c>
      <c r="J124" s="17">
        <v>4</v>
      </c>
      <c r="K124" s="17">
        <v>63</v>
      </c>
      <c r="L124" s="17">
        <v>353</v>
      </c>
      <c r="M124" s="17">
        <v>19043</v>
      </c>
      <c r="N124" s="17">
        <v>336</v>
      </c>
      <c r="O124" s="17">
        <v>4</v>
      </c>
      <c r="P124" s="17">
        <v>129</v>
      </c>
      <c r="Q124" s="17">
        <v>203</v>
      </c>
      <c r="R124" s="17">
        <v>11571</v>
      </c>
    </row>
    <row r="125" spans="1:18">
      <c r="A125" s="21" t="s">
        <v>2035</v>
      </c>
      <c r="B125" s="10" t="s">
        <v>25</v>
      </c>
      <c r="C125" s="11" t="s">
        <v>25</v>
      </c>
      <c r="D125" s="17">
        <v>995</v>
      </c>
      <c r="E125" s="17">
        <v>17</v>
      </c>
      <c r="F125" s="17">
        <v>290</v>
      </c>
      <c r="G125" s="17">
        <v>687</v>
      </c>
      <c r="H125" s="17">
        <v>39607</v>
      </c>
      <c r="I125" s="17">
        <v>538</v>
      </c>
      <c r="J125" s="17">
        <v>6</v>
      </c>
      <c r="K125" s="17">
        <v>92</v>
      </c>
      <c r="L125" s="17">
        <v>440</v>
      </c>
      <c r="M125" s="17">
        <v>24644</v>
      </c>
      <c r="N125" s="17">
        <v>457</v>
      </c>
      <c r="O125" s="17">
        <v>11</v>
      </c>
      <c r="P125" s="17">
        <v>198</v>
      </c>
      <c r="Q125" s="17">
        <v>247</v>
      </c>
      <c r="R125" s="17">
        <v>14963</v>
      </c>
    </row>
    <row r="126" spans="1:18">
      <c r="A126" s="21" t="s">
        <v>2036</v>
      </c>
      <c r="B126" s="10" t="s">
        <v>25</v>
      </c>
      <c r="C126" s="11" t="s">
        <v>25</v>
      </c>
      <c r="D126" s="17">
        <v>726</v>
      </c>
      <c r="E126" s="17">
        <v>4</v>
      </c>
      <c r="F126" s="17">
        <v>205</v>
      </c>
      <c r="G126" s="17">
        <v>517</v>
      </c>
      <c r="H126" s="17">
        <v>28536</v>
      </c>
      <c r="I126" s="17">
        <v>394</v>
      </c>
      <c r="J126" s="17">
        <v>2</v>
      </c>
      <c r="K126" s="17">
        <v>60</v>
      </c>
      <c r="L126" s="17">
        <v>332</v>
      </c>
      <c r="M126" s="17">
        <v>17545</v>
      </c>
      <c r="N126" s="17">
        <v>332</v>
      </c>
      <c r="O126" s="17">
        <v>2</v>
      </c>
      <c r="P126" s="17">
        <v>145</v>
      </c>
      <c r="Q126" s="17">
        <v>185</v>
      </c>
      <c r="R126" s="17">
        <v>10991</v>
      </c>
    </row>
    <row r="127" spans="1:18">
      <c r="A127" s="21" t="s">
        <v>2037</v>
      </c>
      <c r="B127" s="10" t="s">
        <v>25</v>
      </c>
      <c r="C127" s="11" t="s">
        <v>25</v>
      </c>
      <c r="D127" s="17">
        <v>328</v>
      </c>
      <c r="E127" s="17">
        <v>8</v>
      </c>
      <c r="F127" s="17">
        <v>94</v>
      </c>
      <c r="G127" s="17">
        <v>226</v>
      </c>
      <c r="H127" s="17">
        <v>13050</v>
      </c>
      <c r="I127" s="17">
        <v>176</v>
      </c>
      <c r="J127" s="17">
        <v>7</v>
      </c>
      <c r="K127" s="17">
        <v>26</v>
      </c>
      <c r="L127" s="17">
        <v>143</v>
      </c>
      <c r="M127" s="17">
        <v>7916</v>
      </c>
      <c r="N127" s="17">
        <v>152</v>
      </c>
      <c r="O127" s="17">
        <v>1</v>
      </c>
      <c r="P127" s="17">
        <v>68</v>
      </c>
      <c r="Q127" s="17">
        <v>83</v>
      </c>
      <c r="R127" s="17">
        <v>5134</v>
      </c>
    </row>
    <row r="128" spans="1:18">
      <c r="A128" s="21" t="s">
        <v>2038</v>
      </c>
      <c r="B128" s="10" t="s">
        <v>25</v>
      </c>
      <c r="C128" s="11" t="s">
        <v>25</v>
      </c>
      <c r="D128" s="17">
        <v>4158</v>
      </c>
      <c r="E128" s="17">
        <v>88</v>
      </c>
      <c r="F128" s="17">
        <v>1202</v>
      </c>
      <c r="G128" s="17">
        <v>2864</v>
      </c>
      <c r="H128" s="17">
        <v>163303</v>
      </c>
      <c r="I128" s="17">
        <v>2434</v>
      </c>
      <c r="J128" s="17">
        <v>58</v>
      </c>
      <c r="K128" s="17">
        <v>411</v>
      </c>
      <c r="L128" s="17">
        <v>1962</v>
      </c>
      <c r="M128" s="17">
        <v>107341</v>
      </c>
      <c r="N128" s="17">
        <v>1724</v>
      </c>
      <c r="O128" s="17">
        <v>30</v>
      </c>
      <c r="P128" s="17">
        <v>791</v>
      </c>
      <c r="Q128" s="17">
        <v>902</v>
      </c>
      <c r="R128" s="17">
        <v>55962</v>
      </c>
    </row>
    <row r="129" spans="1:18">
      <c r="A129" s="21" t="s">
        <v>2039</v>
      </c>
      <c r="B129" s="10" t="s">
        <v>25</v>
      </c>
      <c r="C129" s="11" t="s">
        <v>25</v>
      </c>
      <c r="D129" s="17">
        <v>586</v>
      </c>
      <c r="E129" s="17">
        <v>14</v>
      </c>
      <c r="F129" s="17">
        <v>128</v>
      </c>
      <c r="G129" s="17">
        <v>444</v>
      </c>
      <c r="H129" s="17">
        <v>24622</v>
      </c>
      <c r="I129" s="17">
        <v>354</v>
      </c>
      <c r="J129" s="17">
        <v>10</v>
      </c>
      <c r="K129" s="17">
        <v>44</v>
      </c>
      <c r="L129" s="17">
        <v>300</v>
      </c>
      <c r="M129" s="17">
        <v>16286</v>
      </c>
      <c r="N129" s="17">
        <v>232</v>
      </c>
      <c r="O129" s="17">
        <v>4</v>
      </c>
      <c r="P129" s="17">
        <v>84</v>
      </c>
      <c r="Q129" s="17">
        <v>144</v>
      </c>
      <c r="R129" s="17">
        <v>8336</v>
      </c>
    </row>
    <row r="130" spans="1:18">
      <c r="A130" s="21" t="s">
        <v>2040</v>
      </c>
      <c r="B130" s="10" t="s">
        <v>25</v>
      </c>
      <c r="C130" s="11" t="s">
        <v>25</v>
      </c>
      <c r="D130" s="17">
        <v>829</v>
      </c>
      <c r="E130" s="17">
        <v>14</v>
      </c>
      <c r="F130" s="17">
        <v>235</v>
      </c>
      <c r="G130" s="17">
        <v>579</v>
      </c>
      <c r="H130" s="17">
        <v>33061</v>
      </c>
      <c r="I130" s="17">
        <v>482</v>
      </c>
      <c r="J130" s="17">
        <v>8</v>
      </c>
      <c r="K130" s="17">
        <v>69</v>
      </c>
      <c r="L130" s="17">
        <v>404</v>
      </c>
      <c r="M130" s="17">
        <v>21842</v>
      </c>
      <c r="N130" s="17">
        <v>347</v>
      </c>
      <c r="O130" s="17">
        <v>6</v>
      </c>
      <c r="P130" s="17">
        <v>166</v>
      </c>
      <c r="Q130" s="17">
        <v>175</v>
      </c>
      <c r="R130" s="17">
        <v>11219</v>
      </c>
    </row>
    <row r="131" spans="1:18">
      <c r="A131" s="21" t="s">
        <v>2041</v>
      </c>
      <c r="B131" s="10" t="s">
        <v>25</v>
      </c>
      <c r="C131" s="11" t="s">
        <v>25</v>
      </c>
      <c r="D131" s="17">
        <v>727</v>
      </c>
      <c r="E131" s="17">
        <v>9</v>
      </c>
      <c r="F131" s="17">
        <v>244</v>
      </c>
      <c r="G131" s="17">
        <v>474</v>
      </c>
      <c r="H131" s="17">
        <v>27773</v>
      </c>
      <c r="I131" s="17">
        <v>429</v>
      </c>
      <c r="J131" s="17">
        <v>5</v>
      </c>
      <c r="K131" s="17">
        <v>87</v>
      </c>
      <c r="L131" s="17">
        <v>337</v>
      </c>
      <c r="M131" s="17">
        <v>18693</v>
      </c>
      <c r="N131" s="17">
        <v>298</v>
      </c>
      <c r="O131" s="17">
        <v>4</v>
      </c>
      <c r="P131" s="17">
        <v>157</v>
      </c>
      <c r="Q131" s="17">
        <v>137</v>
      </c>
      <c r="R131" s="17">
        <v>9080</v>
      </c>
    </row>
    <row r="132" spans="1:18">
      <c r="A132" s="21" t="s">
        <v>2042</v>
      </c>
      <c r="B132" s="10" t="s">
        <v>25</v>
      </c>
      <c r="C132" s="11" t="s">
        <v>25</v>
      </c>
      <c r="D132" s="17">
        <v>371</v>
      </c>
      <c r="E132" s="17">
        <v>9</v>
      </c>
      <c r="F132" s="17">
        <v>103</v>
      </c>
      <c r="G132" s="17">
        <v>259</v>
      </c>
      <c r="H132" s="17">
        <v>14499</v>
      </c>
      <c r="I132" s="17">
        <v>217</v>
      </c>
      <c r="J132" s="17">
        <v>6</v>
      </c>
      <c r="K132" s="17">
        <v>34</v>
      </c>
      <c r="L132" s="17">
        <v>177</v>
      </c>
      <c r="M132" s="17">
        <v>9408</v>
      </c>
      <c r="N132" s="17">
        <v>154</v>
      </c>
      <c r="O132" s="17">
        <v>3</v>
      </c>
      <c r="P132" s="17">
        <v>69</v>
      </c>
      <c r="Q132" s="17">
        <v>82</v>
      </c>
      <c r="R132" s="17">
        <v>5091</v>
      </c>
    </row>
    <row r="133" spans="1:18">
      <c r="A133" s="21" t="s">
        <v>2043</v>
      </c>
      <c r="B133" s="10" t="s">
        <v>25</v>
      </c>
      <c r="C133" s="11" t="s">
        <v>25</v>
      </c>
      <c r="D133" s="17">
        <v>764</v>
      </c>
      <c r="E133" s="17">
        <v>13</v>
      </c>
      <c r="F133" s="17">
        <v>230</v>
      </c>
      <c r="G133" s="17">
        <v>519</v>
      </c>
      <c r="H133" s="17">
        <v>29546</v>
      </c>
      <c r="I133" s="17">
        <v>437</v>
      </c>
      <c r="J133" s="17">
        <v>10</v>
      </c>
      <c r="K133" s="17">
        <v>87</v>
      </c>
      <c r="L133" s="17">
        <v>339</v>
      </c>
      <c r="M133" s="17">
        <v>18795</v>
      </c>
      <c r="N133" s="17">
        <v>327</v>
      </c>
      <c r="O133" s="18">
        <v>3</v>
      </c>
      <c r="P133" s="17">
        <v>143</v>
      </c>
      <c r="Q133" s="17">
        <v>180</v>
      </c>
      <c r="R133" s="17">
        <v>10751</v>
      </c>
    </row>
    <row r="134" spans="1:18">
      <c r="A134" s="21" t="s">
        <v>2044</v>
      </c>
      <c r="B134" s="10" t="s">
        <v>25</v>
      </c>
      <c r="C134" s="11" t="s">
        <v>25</v>
      </c>
      <c r="D134" s="17">
        <v>532</v>
      </c>
      <c r="E134" s="17">
        <v>21</v>
      </c>
      <c r="F134" s="17">
        <v>153</v>
      </c>
      <c r="G134" s="17">
        <v>357</v>
      </c>
      <c r="H134" s="17">
        <v>20445</v>
      </c>
      <c r="I134" s="17">
        <v>310</v>
      </c>
      <c r="J134" s="18">
        <v>12</v>
      </c>
      <c r="K134" s="17">
        <v>50</v>
      </c>
      <c r="L134" s="17">
        <v>247</v>
      </c>
      <c r="M134" s="17">
        <v>13535</v>
      </c>
      <c r="N134" s="17">
        <v>222</v>
      </c>
      <c r="O134" s="17">
        <v>9</v>
      </c>
      <c r="P134" s="17">
        <v>103</v>
      </c>
      <c r="Q134" s="17">
        <v>110</v>
      </c>
      <c r="R134" s="17">
        <v>6910</v>
      </c>
    </row>
    <row r="135" spans="1:18">
      <c r="A135" s="21" t="s">
        <v>2045</v>
      </c>
      <c r="B135" s="10" t="s">
        <v>25</v>
      </c>
      <c r="C135" s="11" t="s">
        <v>25</v>
      </c>
      <c r="D135" s="17">
        <v>349</v>
      </c>
      <c r="E135" s="17">
        <v>8</v>
      </c>
      <c r="F135" s="17">
        <v>109</v>
      </c>
      <c r="G135" s="17">
        <v>232</v>
      </c>
      <c r="H135" s="17">
        <v>13357</v>
      </c>
      <c r="I135" s="17">
        <v>205</v>
      </c>
      <c r="J135" s="17">
        <v>7</v>
      </c>
      <c r="K135" s="17">
        <v>40</v>
      </c>
      <c r="L135" s="17">
        <v>158</v>
      </c>
      <c r="M135" s="17">
        <v>8782</v>
      </c>
      <c r="N135" s="17">
        <v>144</v>
      </c>
      <c r="O135" s="17">
        <v>1</v>
      </c>
      <c r="P135" s="17">
        <v>69</v>
      </c>
      <c r="Q135" s="17">
        <v>74</v>
      </c>
      <c r="R135" s="17">
        <v>4575</v>
      </c>
    </row>
    <row r="136" spans="1:18">
      <c r="A136" s="21" t="s">
        <v>2046</v>
      </c>
      <c r="B136" s="10" t="s">
        <v>25</v>
      </c>
      <c r="C136" s="11" t="s">
        <v>25</v>
      </c>
      <c r="D136" s="17">
        <v>3963</v>
      </c>
      <c r="E136" s="17">
        <v>56</v>
      </c>
      <c r="F136" s="17">
        <v>1038</v>
      </c>
      <c r="G136" s="17">
        <v>2846</v>
      </c>
      <c r="H136" s="17">
        <v>160018</v>
      </c>
      <c r="I136" s="17">
        <v>2264</v>
      </c>
      <c r="J136" s="17">
        <v>30</v>
      </c>
      <c r="K136" s="17">
        <v>268</v>
      </c>
      <c r="L136" s="17">
        <v>1948</v>
      </c>
      <c r="M136" s="17">
        <v>104584</v>
      </c>
      <c r="N136" s="17">
        <v>1699</v>
      </c>
      <c r="O136" s="17">
        <v>26</v>
      </c>
      <c r="P136" s="17">
        <v>770</v>
      </c>
      <c r="Q136" s="17">
        <v>898</v>
      </c>
      <c r="R136" s="17">
        <v>55434</v>
      </c>
    </row>
    <row r="137" spans="1:18">
      <c r="A137" s="21" t="s">
        <v>2047</v>
      </c>
      <c r="B137" s="10" t="s">
        <v>25</v>
      </c>
      <c r="C137" s="11" t="s">
        <v>25</v>
      </c>
      <c r="D137" s="17">
        <v>1421</v>
      </c>
      <c r="E137" s="17">
        <v>19</v>
      </c>
      <c r="F137" s="17">
        <v>384</v>
      </c>
      <c r="G137" s="17">
        <v>1007</v>
      </c>
      <c r="H137" s="17">
        <v>56935</v>
      </c>
      <c r="I137" s="17">
        <v>803</v>
      </c>
      <c r="J137" s="17">
        <v>11</v>
      </c>
      <c r="K137" s="17">
        <v>104</v>
      </c>
      <c r="L137" s="17">
        <v>679</v>
      </c>
      <c r="M137" s="17">
        <v>36555</v>
      </c>
      <c r="N137" s="17">
        <v>618</v>
      </c>
      <c r="O137" s="17">
        <v>8</v>
      </c>
      <c r="P137" s="17">
        <v>280</v>
      </c>
      <c r="Q137" s="17">
        <v>328</v>
      </c>
      <c r="R137" s="17">
        <v>20380</v>
      </c>
    </row>
    <row r="138" spans="1:18">
      <c r="A138" s="21" t="s">
        <v>2048</v>
      </c>
      <c r="B138" s="10" t="s">
        <v>25</v>
      </c>
      <c r="C138" s="11" t="s">
        <v>25</v>
      </c>
      <c r="D138" s="17">
        <v>1357</v>
      </c>
      <c r="E138" s="18">
        <v>21</v>
      </c>
      <c r="F138" s="17">
        <v>324</v>
      </c>
      <c r="G138" s="17">
        <v>1007</v>
      </c>
      <c r="H138" s="17">
        <v>55878</v>
      </c>
      <c r="I138" s="17">
        <v>783</v>
      </c>
      <c r="J138" s="18">
        <v>11</v>
      </c>
      <c r="K138" s="17">
        <v>91</v>
      </c>
      <c r="L138" s="17">
        <v>676</v>
      </c>
      <c r="M138" s="17">
        <v>36363</v>
      </c>
      <c r="N138" s="17">
        <v>574</v>
      </c>
      <c r="O138" s="18">
        <v>10</v>
      </c>
      <c r="P138" s="17">
        <v>233</v>
      </c>
      <c r="Q138" s="17">
        <v>331</v>
      </c>
      <c r="R138" s="17">
        <v>19515</v>
      </c>
    </row>
    <row r="139" spans="1:18">
      <c r="A139" s="21" t="s">
        <v>2049</v>
      </c>
      <c r="B139" s="10" t="s">
        <v>25</v>
      </c>
      <c r="C139" s="11" t="s">
        <v>25</v>
      </c>
      <c r="D139" s="17">
        <v>1185</v>
      </c>
      <c r="E139" s="17">
        <v>16</v>
      </c>
      <c r="F139" s="17">
        <v>330</v>
      </c>
      <c r="G139" s="17">
        <v>832</v>
      </c>
      <c r="H139" s="17">
        <v>47205</v>
      </c>
      <c r="I139" s="17">
        <v>678</v>
      </c>
      <c r="J139" s="17">
        <v>8</v>
      </c>
      <c r="K139" s="17">
        <v>73</v>
      </c>
      <c r="L139" s="17">
        <v>593</v>
      </c>
      <c r="M139" s="17">
        <v>31666</v>
      </c>
      <c r="N139" s="17">
        <v>507</v>
      </c>
      <c r="O139" s="18">
        <v>8</v>
      </c>
      <c r="P139" s="17">
        <v>257</v>
      </c>
      <c r="Q139" s="17">
        <v>239</v>
      </c>
      <c r="R139" s="17">
        <v>15539</v>
      </c>
    </row>
    <row r="140" spans="1:18">
      <c r="A140" s="21"/>
      <c r="B140" s="10"/>
      <c r="C140" s="11"/>
      <c r="D140" s="17"/>
      <c r="E140" s="17"/>
      <c r="F140" s="17"/>
      <c r="G140" s="17"/>
      <c r="H140" s="17"/>
      <c r="I140" s="17"/>
      <c r="J140" s="17"/>
      <c r="K140" s="17"/>
      <c r="L140" s="17"/>
      <c r="M140" s="17"/>
      <c r="N140" s="17"/>
      <c r="O140" s="17"/>
      <c r="P140" s="17"/>
      <c r="Q140" s="17"/>
      <c r="R140" s="17"/>
    </row>
    <row r="141" spans="1:18">
      <c r="B141" s="28"/>
      <c r="C141" s="28"/>
    </row>
    <row r="142" spans="1:18">
      <c r="B142" s="28"/>
      <c r="C142" s="28"/>
    </row>
    <row r="143" spans="1:18">
      <c r="B143" s="28"/>
      <c r="C143" s="28"/>
    </row>
    <row r="144" spans="1:18">
      <c r="B144" s="28"/>
      <c r="C144" s="28"/>
    </row>
    <row r="145" spans="2:3">
      <c r="B145" s="28"/>
      <c r="C145" s="28"/>
    </row>
    <row r="146" spans="2:3">
      <c r="B146" s="28"/>
      <c r="C146" s="28"/>
    </row>
    <row r="147" spans="2:3">
      <c r="B147" s="28"/>
      <c r="C147" s="28"/>
    </row>
    <row r="148" spans="2:3">
      <c r="B148" s="28"/>
      <c r="C148" s="28"/>
    </row>
    <row r="149" spans="2:3">
      <c r="B149" s="28"/>
      <c r="C149" s="28"/>
    </row>
    <row r="150" spans="2:3">
      <c r="B150" s="28"/>
      <c r="C150" s="28"/>
    </row>
    <row r="151" spans="2:3">
      <c r="B151" s="28"/>
      <c r="C151" s="28"/>
    </row>
    <row r="152" spans="2:3">
      <c r="B152" s="28"/>
      <c r="C152" s="28"/>
    </row>
    <row r="153" spans="2:3">
      <c r="B153" s="28"/>
      <c r="C153" s="28"/>
    </row>
    <row r="154" spans="2:3">
      <c r="B154" s="28"/>
      <c r="C154" s="28"/>
    </row>
    <row r="155" spans="2:3">
      <c r="B155" s="28"/>
      <c r="C155" s="28"/>
    </row>
    <row r="156" spans="2:3">
      <c r="B156" s="28"/>
      <c r="C156" s="28"/>
    </row>
    <row r="157" spans="2:3">
      <c r="B157" s="28"/>
      <c r="C157" s="28"/>
    </row>
  </sheetData>
  <mergeCells count="7">
    <mergeCell ref="A3:R3"/>
    <mergeCell ref="A1:D1"/>
    <mergeCell ref="A6:A7"/>
    <mergeCell ref="B6:C7"/>
    <mergeCell ref="D6:H6"/>
    <mergeCell ref="I6:M6"/>
    <mergeCell ref="N6:R6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65" fitToHeight="0" pageOrder="overThenDown" orientation="landscape" horizontalDpi="300" verticalDpi="300" r:id="rId1"/>
  <headerFooter alignWithMargins="0"/>
  <rowBreaks count="1" manualBreakCount="1">
    <brk id="86" max="17" man="1"/>
  </rowBreaks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R146"/>
  <sheetViews>
    <sheetView topLeftCell="M1" zoomScaleNormal="100" workbookViewId="0">
      <selection activeCell="A3" sqref="A3:R3"/>
    </sheetView>
  </sheetViews>
  <sheetFormatPr defaultRowHeight="13.5"/>
  <cols>
    <col min="1" max="1" width="25.83203125" style="12" customWidth="1"/>
    <col min="2" max="3" width="4.83203125" style="12" customWidth="1"/>
    <col min="4" max="4" width="22.1640625" style="9" customWidth="1"/>
    <col min="5" max="5" width="13.6640625" style="9" bestFit="1" customWidth="1"/>
    <col min="6" max="7" width="19.5" style="9" bestFit="1" customWidth="1"/>
    <col min="8" max="8" width="30.33203125" style="9" bestFit="1" customWidth="1"/>
    <col min="9" max="9" width="22.1640625" style="9" customWidth="1"/>
    <col min="10" max="10" width="13.6640625" style="9" bestFit="1" customWidth="1"/>
    <col min="11" max="12" width="19.5" style="9" bestFit="1" customWidth="1"/>
    <col min="13" max="13" width="30.33203125" style="9" bestFit="1" customWidth="1"/>
    <col min="14" max="14" width="22.6640625" style="9" customWidth="1"/>
    <col min="15" max="15" width="13.6640625" style="9" bestFit="1" customWidth="1"/>
    <col min="16" max="17" width="19.5" style="9" bestFit="1" customWidth="1"/>
    <col min="18" max="18" width="30.33203125" style="9" bestFit="1" customWidth="1"/>
    <col min="19" max="16384" width="9.33203125" style="9"/>
  </cols>
  <sheetData>
    <row r="1" spans="1:18" s="1" customFormat="1" ht="16.5" customHeight="1">
      <c r="A1" s="37" t="s">
        <v>0</v>
      </c>
      <c r="B1" s="37"/>
      <c r="C1" s="37"/>
      <c r="D1" s="37"/>
      <c r="E1" s="31"/>
      <c r="F1" s="31"/>
      <c r="G1" s="31"/>
      <c r="H1" s="31"/>
      <c r="I1" s="32"/>
      <c r="J1" s="32"/>
      <c r="K1" s="32"/>
      <c r="L1" s="32"/>
      <c r="M1" s="32"/>
      <c r="N1" s="32"/>
      <c r="O1" s="32"/>
      <c r="P1" s="31"/>
      <c r="Q1" s="31"/>
      <c r="R1" s="31"/>
    </row>
    <row r="2" spans="1:18" s="1" customFormat="1" ht="16.5" customHeight="1">
      <c r="D2" s="31"/>
      <c r="E2" s="31"/>
      <c r="F2" s="31"/>
      <c r="G2" s="31"/>
      <c r="H2" s="31"/>
      <c r="I2" s="32"/>
      <c r="J2" s="32"/>
      <c r="K2" s="32"/>
      <c r="L2" s="32"/>
      <c r="M2" s="32"/>
      <c r="N2" s="32"/>
      <c r="O2" s="32"/>
      <c r="P2" s="31"/>
      <c r="Q2" s="31"/>
      <c r="R2" s="31"/>
    </row>
    <row r="3" spans="1:18">
      <c r="A3" s="38" t="s">
        <v>2462</v>
      </c>
      <c r="B3" s="38"/>
      <c r="C3" s="38"/>
      <c r="D3" s="38"/>
      <c r="E3" s="38"/>
      <c r="F3" s="38"/>
      <c r="G3" s="38"/>
      <c r="H3" s="38"/>
      <c r="I3" s="38"/>
      <c r="J3" s="38"/>
      <c r="K3" s="38"/>
      <c r="L3" s="38"/>
      <c r="M3" s="38"/>
      <c r="N3" s="38"/>
      <c r="O3" s="38"/>
      <c r="P3" s="38"/>
      <c r="Q3" s="38"/>
      <c r="R3" s="38"/>
    </row>
    <row r="4" spans="1:18">
      <c r="A4" s="9"/>
      <c r="B4" s="9"/>
      <c r="C4" s="9"/>
    </row>
    <row r="6" spans="1:18" ht="13.5" customHeight="1">
      <c r="A6" s="48" t="s">
        <v>26</v>
      </c>
      <c r="B6" s="41" t="s">
        <v>27</v>
      </c>
      <c r="C6" s="42"/>
      <c r="D6" s="45" t="s">
        <v>2463</v>
      </c>
      <c r="E6" s="46"/>
      <c r="F6" s="46"/>
      <c r="G6" s="46"/>
      <c r="H6" s="47"/>
      <c r="I6" s="45" t="s">
        <v>2464</v>
      </c>
      <c r="J6" s="46"/>
      <c r="K6" s="46"/>
      <c r="L6" s="46"/>
      <c r="M6" s="47"/>
      <c r="N6" s="45" t="s">
        <v>2465</v>
      </c>
      <c r="O6" s="46"/>
      <c r="P6" s="46"/>
      <c r="Q6" s="46"/>
      <c r="R6" s="47"/>
    </row>
    <row r="7" spans="1:18" s="23" customFormat="1">
      <c r="A7" s="49"/>
      <c r="B7" s="43"/>
      <c r="C7" s="44"/>
      <c r="D7" s="29" t="s">
        <v>2466</v>
      </c>
      <c r="E7" s="29" t="s">
        <v>2467</v>
      </c>
      <c r="F7" s="29" t="s">
        <v>2468</v>
      </c>
      <c r="G7" s="29" t="s">
        <v>2469</v>
      </c>
      <c r="H7" s="29" t="s">
        <v>2470</v>
      </c>
      <c r="I7" s="29" t="s">
        <v>2471</v>
      </c>
      <c r="J7" s="29" t="s">
        <v>2467</v>
      </c>
      <c r="K7" s="29" t="s">
        <v>2468</v>
      </c>
      <c r="L7" s="29" t="s">
        <v>2469</v>
      </c>
      <c r="M7" s="29" t="s">
        <v>2470</v>
      </c>
      <c r="N7" s="29" t="s">
        <v>2471</v>
      </c>
      <c r="O7" s="29" t="s">
        <v>2467</v>
      </c>
      <c r="P7" s="29" t="s">
        <v>2468</v>
      </c>
      <c r="Q7" s="29" t="s">
        <v>2469</v>
      </c>
      <c r="R7" s="29" t="s">
        <v>2470</v>
      </c>
    </row>
    <row r="8" spans="1:18" s="15" customFormat="1">
      <c r="A8" s="20" t="s">
        <v>2050</v>
      </c>
      <c r="B8" s="13" t="s">
        <v>25</v>
      </c>
      <c r="C8" s="14" t="s">
        <v>25</v>
      </c>
      <c r="D8" s="16">
        <v>58470</v>
      </c>
      <c r="E8" s="16">
        <v>927</v>
      </c>
      <c r="F8" s="16">
        <v>15043</v>
      </c>
      <c r="G8" s="16">
        <v>42406</v>
      </c>
      <c r="H8" s="16">
        <v>2373079</v>
      </c>
      <c r="I8" s="16">
        <v>33510</v>
      </c>
      <c r="J8" s="16">
        <v>532</v>
      </c>
      <c r="K8" s="16">
        <v>4645</v>
      </c>
      <c r="L8" s="16">
        <v>28281</v>
      </c>
      <c r="M8" s="16">
        <v>1526160</v>
      </c>
      <c r="N8" s="16">
        <v>24960</v>
      </c>
      <c r="O8" s="16">
        <v>395</v>
      </c>
      <c r="P8" s="16">
        <v>10398</v>
      </c>
      <c r="Q8" s="16">
        <v>14125</v>
      </c>
      <c r="R8" s="16">
        <v>846919</v>
      </c>
    </row>
    <row r="9" spans="1:18">
      <c r="A9" s="30" t="s">
        <v>2051</v>
      </c>
      <c r="B9" s="10" t="s">
        <v>25</v>
      </c>
      <c r="C9" s="11" t="s">
        <v>25</v>
      </c>
      <c r="D9" s="17">
        <v>719</v>
      </c>
      <c r="E9" s="17">
        <v>9</v>
      </c>
      <c r="F9" s="17">
        <v>186</v>
      </c>
      <c r="G9" s="17">
        <v>520</v>
      </c>
      <c r="H9" s="17">
        <v>29897</v>
      </c>
      <c r="I9" s="17">
        <v>416</v>
      </c>
      <c r="J9" s="17">
        <v>5</v>
      </c>
      <c r="K9" s="17">
        <v>52</v>
      </c>
      <c r="L9" s="17">
        <v>358</v>
      </c>
      <c r="M9" s="17">
        <v>19752</v>
      </c>
      <c r="N9" s="17">
        <v>303</v>
      </c>
      <c r="O9" s="17">
        <v>4</v>
      </c>
      <c r="P9" s="17">
        <v>134</v>
      </c>
      <c r="Q9" s="17">
        <v>162</v>
      </c>
      <c r="R9" s="17">
        <v>10145</v>
      </c>
    </row>
    <row r="10" spans="1:18">
      <c r="A10" s="21" t="s">
        <v>2052</v>
      </c>
      <c r="B10" s="10" t="s">
        <v>25</v>
      </c>
      <c r="C10" s="11" t="s">
        <v>25</v>
      </c>
      <c r="D10" s="17" t="s">
        <v>35</v>
      </c>
      <c r="E10" s="17" t="s">
        <v>35</v>
      </c>
      <c r="F10" s="17" t="s">
        <v>35</v>
      </c>
      <c r="G10" s="17" t="s">
        <v>35</v>
      </c>
      <c r="H10" s="17" t="s">
        <v>35</v>
      </c>
      <c r="I10" s="17" t="s">
        <v>35</v>
      </c>
      <c r="J10" s="17" t="s">
        <v>35</v>
      </c>
      <c r="K10" s="17" t="s">
        <v>35</v>
      </c>
      <c r="L10" s="17" t="s">
        <v>35</v>
      </c>
      <c r="M10" s="17" t="s">
        <v>35</v>
      </c>
      <c r="N10" s="17" t="s">
        <v>35</v>
      </c>
      <c r="O10" s="17" t="s">
        <v>35</v>
      </c>
      <c r="P10" s="17" t="s">
        <v>35</v>
      </c>
      <c r="Q10" s="17" t="s">
        <v>35</v>
      </c>
      <c r="R10" s="17" t="s">
        <v>35</v>
      </c>
    </row>
    <row r="11" spans="1:18">
      <c r="A11" s="21" t="s">
        <v>2053</v>
      </c>
      <c r="B11" s="10" t="s">
        <v>25</v>
      </c>
      <c r="C11" s="11" t="s">
        <v>25</v>
      </c>
      <c r="D11" s="17">
        <v>487</v>
      </c>
      <c r="E11" s="17">
        <v>6</v>
      </c>
      <c r="F11" s="17">
        <v>141</v>
      </c>
      <c r="G11" s="17">
        <v>336</v>
      </c>
      <c r="H11" s="17">
        <v>19334</v>
      </c>
      <c r="I11" s="17">
        <v>270</v>
      </c>
      <c r="J11" s="17">
        <v>3</v>
      </c>
      <c r="K11" s="17">
        <v>40</v>
      </c>
      <c r="L11" s="17">
        <v>226</v>
      </c>
      <c r="M11" s="17">
        <v>12385</v>
      </c>
      <c r="N11" s="17">
        <v>217</v>
      </c>
      <c r="O11" s="17">
        <v>3</v>
      </c>
      <c r="P11" s="17">
        <v>101</v>
      </c>
      <c r="Q11" s="17">
        <v>110</v>
      </c>
      <c r="R11" s="17">
        <v>6949</v>
      </c>
    </row>
    <row r="12" spans="1:18">
      <c r="A12" s="21" t="s">
        <v>2054</v>
      </c>
      <c r="B12" s="10" t="s">
        <v>25</v>
      </c>
      <c r="C12" s="11" t="s">
        <v>25</v>
      </c>
      <c r="D12" s="17" t="s">
        <v>35</v>
      </c>
      <c r="E12" s="17" t="s">
        <v>35</v>
      </c>
      <c r="F12" s="17" t="s">
        <v>35</v>
      </c>
      <c r="G12" s="17" t="s">
        <v>35</v>
      </c>
      <c r="H12" s="17" t="s">
        <v>35</v>
      </c>
      <c r="I12" s="17" t="s">
        <v>35</v>
      </c>
      <c r="J12" s="17" t="s">
        <v>35</v>
      </c>
      <c r="K12" s="17" t="s">
        <v>35</v>
      </c>
      <c r="L12" s="17" t="s">
        <v>35</v>
      </c>
      <c r="M12" s="17" t="s">
        <v>35</v>
      </c>
      <c r="N12" s="17" t="s">
        <v>35</v>
      </c>
      <c r="O12" s="17" t="s">
        <v>35</v>
      </c>
      <c r="P12" s="17" t="s">
        <v>35</v>
      </c>
      <c r="Q12" s="17" t="s">
        <v>35</v>
      </c>
      <c r="R12" s="17" t="s">
        <v>35</v>
      </c>
    </row>
    <row r="13" spans="1:18">
      <c r="A13" s="21" t="s">
        <v>2055</v>
      </c>
      <c r="B13" s="10" t="s">
        <v>25</v>
      </c>
      <c r="C13" s="11" t="s">
        <v>25</v>
      </c>
      <c r="D13" s="17">
        <v>232</v>
      </c>
      <c r="E13" s="17">
        <v>3</v>
      </c>
      <c r="F13" s="17">
        <v>45</v>
      </c>
      <c r="G13" s="17">
        <v>184</v>
      </c>
      <c r="H13" s="17">
        <v>10563</v>
      </c>
      <c r="I13" s="17">
        <v>146</v>
      </c>
      <c r="J13" s="17">
        <v>2</v>
      </c>
      <c r="K13" s="17">
        <v>12</v>
      </c>
      <c r="L13" s="17">
        <v>132</v>
      </c>
      <c r="M13" s="17">
        <v>7367</v>
      </c>
      <c r="N13" s="17">
        <v>86</v>
      </c>
      <c r="O13" s="17">
        <v>1</v>
      </c>
      <c r="P13" s="17">
        <v>33</v>
      </c>
      <c r="Q13" s="17">
        <v>52</v>
      </c>
      <c r="R13" s="17">
        <v>3196</v>
      </c>
    </row>
    <row r="14" spans="1:18">
      <c r="A14" s="21" t="s">
        <v>2056</v>
      </c>
      <c r="B14" s="10" t="s">
        <v>25</v>
      </c>
      <c r="C14" s="11" t="s">
        <v>25</v>
      </c>
      <c r="D14" s="17">
        <v>4278</v>
      </c>
      <c r="E14" s="17">
        <v>82</v>
      </c>
      <c r="F14" s="17">
        <v>1025</v>
      </c>
      <c r="G14" s="17">
        <v>3149</v>
      </c>
      <c r="H14" s="17">
        <v>175422</v>
      </c>
      <c r="I14" s="17">
        <v>2425</v>
      </c>
      <c r="J14" s="17">
        <v>42</v>
      </c>
      <c r="K14" s="17">
        <v>283</v>
      </c>
      <c r="L14" s="17">
        <v>2089</v>
      </c>
      <c r="M14" s="17">
        <v>112703</v>
      </c>
      <c r="N14" s="17">
        <v>1853</v>
      </c>
      <c r="O14" s="18">
        <v>40</v>
      </c>
      <c r="P14" s="17">
        <v>742</v>
      </c>
      <c r="Q14" s="18">
        <v>1060</v>
      </c>
      <c r="R14" s="17">
        <v>62719</v>
      </c>
    </row>
    <row r="15" spans="1:18">
      <c r="A15" s="21" t="s">
        <v>2057</v>
      </c>
      <c r="B15" s="10" t="s">
        <v>25</v>
      </c>
      <c r="C15" s="11" t="s">
        <v>25</v>
      </c>
      <c r="D15" s="17">
        <v>723</v>
      </c>
      <c r="E15" s="17">
        <v>14</v>
      </c>
      <c r="F15" s="18">
        <v>153</v>
      </c>
      <c r="G15" s="17">
        <v>553</v>
      </c>
      <c r="H15" s="17">
        <v>29811</v>
      </c>
      <c r="I15" s="17">
        <v>382</v>
      </c>
      <c r="J15" s="17">
        <v>6</v>
      </c>
      <c r="K15" s="18">
        <v>44</v>
      </c>
      <c r="L15" s="17">
        <v>330</v>
      </c>
      <c r="M15" s="17">
        <v>17699</v>
      </c>
      <c r="N15" s="17">
        <v>341</v>
      </c>
      <c r="O15" s="18">
        <v>8</v>
      </c>
      <c r="P15" s="18">
        <v>109</v>
      </c>
      <c r="Q15" s="17">
        <v>223</v>
      </c>
      <c r="R15" s="17">
        <v>12112</v>
      </c>
    </row>
    <row r="16" spans="1:18">
      <c r="A16" s="21" t="s">
        <v>2058</v>
      </c>
      <c r="B16" s="10" t="s">
        <v>25</v>
      </c>
      <c r="C16" s="11" t="s">
        <v>25</v>
      </c>
      <c r="D16" s="17">
        <v>538</v>
      </c>
      <c r="E16" s="17">
        <v>9</v>
      </c>
      <c r="F16" s="18">
        <v>126</v>
      </c>
      <c r="G16" s="18">
        <v>401</v>
      </c>
      <c r="H16" s="18">
        <v>22895</v>
      </c>
      <c r="I16" s="18">
        <v>317</v>
      </c>
      <c r="J16" s="18">
        <v>4</v>
      </c>
      <c r="K16" s="18">
        <v>33</v>
      </c>
      <c r="L16" s="18">
        <v>278</v>
      </c>
      <c r="M16" s="18">
        <v>15444</v>
      </c>
      <c r="N16" s="17">
        <v>221</v>
      </c>
      <c r="O16" s="17">
        <v>5</v>
      </c>
      <c r="P16" s="18">
        <v>93</v>
      </c>
      <c r="Q16" s="18">
        <v>123</v>
      </c>
      <c r="R16" s="18">
        <v>7451</v>
      </c>
    </row>
    <row r="17" spans="1:18">
      <c r="A17" s="21" t="s">
        <v>2059</v>
      </c>
      <c r="B17" s="10" t="s">
        <v>25</v>
      </c>
      <c r="C17" s="11" t="s">
        <v>25</v>
      </c>
      <c r="D17" s="17">
        <v>334</v>
      </c>
      <c r="E17" s="17">
        <v>4</v>
      </c>
      <c r="F17" s="17">
        <v>78</v>
      </c>
      <c r="G17" s="17">
        <v>251</v>
      </c>
      <c r="H17" s="17">
        <v>13975</v>
      </c>
      <c r="I17" s="17">
        <v>192</v>
      </c>
      <c r="J17" s="17">
        <v>1</v>
      </c>
      <c r="K17" s="17">
        <v>20</v>
      </c>
      <c r="L17" s="17">
        <v>170</v>
      </c>
      <c r="M17" s="17">
        <v>9159</v>
      </c>
      <c r="N17" s="17">
        <v>142</v>
      </c>
      <c r="O17" s="17">
        <v>3</v>
      </c>
      <c r="P17" s="17">
        <v>58</v>
      </c>
      <c r="Q17" s="17">
        <v>81</v>
      </c>
      <c r="R17" s="17">
        <v>4816</v>
      </c>
    </row>
    <row r="18" spans="1:18">
      <c r="A18" s="21" t="s">
        <v>2060</v>
      </c>
      <c r="B18" s="10" t="s">
        <v>25</v>
      </c>
      <c r="C18" s="11" t="s">
        <v>25</v>
      </c>
      <c r="D18" s="18">
        <v>539</v>
      </c>
      <c r="E18" s="18">
        <v>12</v>
      </c>
      <c r="F18" s="18">
        <v>148</v>
      </c>
      <c r="G18" s="18">
        <v>376</v>
      </c>
      <c r="H18" s="18">
        <v>21200</v>
      </c>
      <c r="I18" s="18">
        <v>315</v>
      </c>
      <c r="J18" s="18">
        <v>9</v>
      </c>
      <c r="K18" s="18">
        <v>41</v>
      </c>
      <c r="L18" s="18">
        <v>263</v>
      </c>
      <c r="M18" s="18">
        <v>13973</v>
      </c>
      <c r="N18" s="18">
        <v>224</v>
      </c>
      <c r="O18" s="18">
        <v>3</v>
      </c>
      <c r="P18" s="18">
        <v>107</v>
      </c>
      <c r="Q18" s="18">
        <v>113</v>
      </c>
      <c r="R18" s="18">
        <v>7227</v>
      </c>
    </row>
    <row r="19" spans="1:18">
      <c r="A19" s="21" t="s">
        <v>2061</v>
      </c>
      <c r="B19" s="10" t="s">
        <v>25</v>
      </c>
      <c r="C19" s="11" t="s">
        <v>25</v>
      </c>
      <c r="D19" s="17">
        <v>629</v>
      </c>
      <c r="E19" s="17">
        <v>14</v>
      </c>
      <c r="F19" s="17">
        <v>162</v>
      </c>
      <c r="G19" s="17">
        <v>444</v>
      </c>
      <c r="H19" s="17">
        <v>25711</v>
      </c>
      <c r="I19" s="17">
        <v>345</v>
      </c>
      <c r="J19" s="17">
        <v>6</v>
      </c>
      <c r="K19" s="17">
        <v>44</v>
      </c>
      <c r="L19" s="17">
        <v>293</v>
      </c>
      <c r="M19" s="17">
        <v>16165</v>
      </c>
      <c r="N19" s="17">
        <v>284</v>
      </c>
      <c r="O19" s="17">
        <v>8</v>
      </c>
      <c r="P19" s="17">
        <v>118</v>
      </c>
      <c r="Q19" s="17">
        <v>151</v>
      </c>
      <c r="R19" s="17">
        <v>9546</v>
      </c>
    </row>
    <row r="20" spans="1:18">
      <c r="A20" s="21" t="s">
        <v>2062</v>
      </c>
      <c r="B20" s="10" t="s">
        <v>25</v>
      </c>
      <c r="C20" s="11" t="s">
        <v>25</v>
      </c>
      <c r="D20" s="18">
        <v>317</v>
      </c>
      <c r="E20" s="18">
        <v>3</v>
      </c>
      <c r="F20" s="18">
        <v>63</v>
      </c>
      <c r="G20" s="18">
        <v>249</v>
      </c>
      <c r="H20" s="18">
        <v>13012</v>
      </c>
      <c r="I20" s="18">
        <v>184</v>
      </c>
      <c r="J20" s="18">
        <v>3</v>
      </c>
      <c r="K20" s="18">
        <v>18</v>
      </c>
      <c r="L20" s="18">
        <v>162</v>
      </c>
      <c r="M20" s="18">
        <v>8346</v>
      </c>
      <c r="N20" s="18">
        <v>133</v>
      </c>
      <c r="O20" s="18" t="s">
        <v>35</v>
      </c>
      <c r="P20" s="18">
        <v>45</v>
      </c>
      <c r="Q20" s="18">
        <v>87</v>
      </c>
      <c r="R20" s="18">
        <v>4666</v>
      </c>
    </row>
    <row r="21" spans="1:18">
      <c r="A21" s="21" t="s">
        <v>2063</v>
      </c>
      <c r="B21" s="10" t="s">
        <v>25</v>
      </c>
      <c r="C21" s="11" t="s">
        <v>25</v>
      </c>
      <c r="D21" s="17">
        <v>643</v>
      </c>
      <c r="E21" s="17">
        <v>18</v>
      </c>
      <c r="F21" s="17">
        <v>155</v>
      </c>
      <c r="G21" s="17">
        <v>470</v>
      </c>
      <c r="H21" s="17">
        <v>26056</v>
      </c>
      <c r="I21" s="17">
        <v>368</v>
      </c>
      <c r="J21" s="17">
        <v>10</v>
      </c>
      <c r="K21" s="17">
        <v>41</v>
      </c>
      <c r="L21" s="17">
        <v>317</v>
      </c>
      <c r="M21" s="17">
        <v>17040</v>
      </c>
      <c r="N21" s="17">
        <v>275</v>
      </c>
      <c r="O21" s="17">
        <v>8</v>
      </c>
      <c r="P21" s="17">
        <v>114</v>
      </c>
      <c r="Q21" s="17">
        <v>153</v>
      </c>
      <c r="R21" s="17">
        <v>9016</v>
      </c>
    </row>
    <row r="22" spans="1:18">
      <c r="A22" s="21" t="s">
        <v>2064</v>
      </c>
      <c r="B22" s="10" t="s">
        <v>25</v>
      </c>
      <c r="C22" s="11" t="s">
        <v>25</v>
      </c>
      <c r="D22" s="17">
        <v>555</v>
      </c>
      <c r="E22" s="17">
        <v>8</v>
      </c>
      <c r="F22" s="17">
        <v>140</v>
      </c>
      <c r="G22" s="17">
        <v>405</v>
      </c>
      <c r="H22" s="17">
        <v>22762</v>
      </c>
      <c r="I22" s="17">
        <v>322</v>
      </c>
      <c r="J22" s="17">
        <v>3</v>
      </c>
      <c r="K22" s="17">
        <v>42</v>
      </c>
      <c r="L22" s="17">
        <v>276</v>
      </c>
      <c r="M22" s="17">
        <v>14877</v>
      </c>
      <c r="N22" s="17">
        <v>233</v>
      </c>
      <c r="O22" s="17">
        <v>5</v>
      </c>
      <c r="P22" s="17">
        <v>98</v>
      </c>
      <c r="Q22" s="17">
        <v>129</v>
      </c>
      <c r="R22" s="17">
        <v>7885</v>
      </c>
    </row>
    <row r="23" spans="1:18">
      <c r="A23" s="21" t="s">
        <v>2065</v>
      </c>
      <c r="B23" s="10" t="s">
        <v>25</v>
      </c>
      <c r="C23" s="11" t="s">
        <v>25</v>
      </c>
      <c r="D23" s="17">
        <v>3495</v>
      </c>
      <c r="E23" s="18">
        <v>48</v>
      </c>
      <c r="F23" s="17">
        <v>874</v>
      </c>
      <c r="G23" s="17">
        <v>2569</v>
      </c>
      <c r="H23" s="17">
        <v>143401</v>
      </c>
      <c r="I23" s="17">
        <v>2058</v>
      </c>
      <c r="J23" s="18">
        <v>25</v>
      </c>
      <c r="K23" s="17">
        <v>250</v>
      </c>
      <c r="L23" s="17">
        <v>1780</v>
      </c>
      <c r="M23" s="17">
        <v>95531</v>
      </c>
      <c r="N23" s="17">
        <v>1437</v>
      </c>
      <c r="O23" s="18">
        <v>23</v>
      </c>
      <c r="P23" s="17">
        <v>624</v>
      </c>
      <c r="Q23" s="17">
        <v>789</v>
      </c>
      <c r="R23" s="17">
        <v>47870</v>
      </c>
    </row>
    <row r="24" spans="1:18">
      <c r="A24" s="21" t="s">
        <v>2066</v>
      </c>
      <c r="B24" s="10" t="s">
        <v>25</v>
      </c>
      <c r="C24" s="11" t="s">
        <v>25</v>
      </c>
      <c r="D24" s="17">
        <v>197</v>
      </c>
      <c r="E24" s="17">
        <v>1</v>
      </c>
      <c r="F24" s="17">
        <v>53</v>
      </c>
      <c r="G24" s="17">
        <v>142</v>
      </c>
      <c r="H24" s="17">
        <v>7984</v>
      </c>
      <c r="I24" s="17">
        <v>109</v>
      </c>
      <c r="J24" s="17">
        <v>1</v>
      </c>
      <c r="K24" s="17">
        <v>13</v>
      </c>
      <c r="L24" s="17">
        <v>94</v>
      </c>
      <c r="M24" s="17">
        <v>4954</v>
      </c>
      <c r="N24" s="17">
        <v>88</v>
      </c>
      <c r="O24" s="17" t="s">
        <v>35</v>
      </c>
      <c r="P24" s="17">
        <v>40</v>
      </c>
      <c r="Q24" s="17">
        <v>48</v>
      </c>
      <c r="R24" s="17">
        <v>3030</v>
      </c>
    </row>
    <row r="25" spans="1:18">
      <c r="A25" s="21" t="s">
        <v>2067</v>
      </c>
      <c r="B25" s="10" t="s">
        <v>25</v>
      </c>
      <c r="C25" s="11" t="s">
        <v>25</v>
      </c>
      <c r="D25" s="17">
        <v>208</v>
      </c>
      <c r="E25" s="17" t="s">
        <v>35</v>
      </c>
      <c r="F25" s="17">
        <v>57</v>
      </c>
      <c r="G25" s="17">
        <v>151</v>
      </c>
      <c r="H25" s="17">
        <v>8335</v>
      </c>
      <c r="I25" s="17">
        <v>131</v>
      </c>
      <c r="J25" s="17" t="s">
        <v>35</v>
      </c>
      <c r="K25" s="17">
        <v>22</v>
      </c>
      <c r="L25" s="17">
        <v>109</v>
      </c>
      <c r="M25" s="17">
        <v>5891</v>
      </c>
      <c r="N25" s="17">
        <v>77</v>
      </c>
      <c r="O25" s="17" t="s">
        <v>35</v>
      </c>
      <c r="P25" s="17">
        <v>35</v>
      </c>
      <c r="Q25" s="17">
        <v>42</v>
      </c>
      <c r="R25" s="17">
        <v>2444</v>
      </c>
    </row>
    <row r="26" spans="1:18">
      <c r="A26" s="21" t="s">
        <v>2068</v>
      </c>
      <c r="B26" s="10" t="s">
        <v>25</v>
      </c>
      <c r="C26" s="11" t="s">
        <v>25</v>
      </c>
      <c r="D26" s="17">
        <v>380</v>
      </c>
      <c r="E26" s="17">
        <v>8</v>
      </c>
      <c r="F26" s="17">
        <v>95</v>
      </c>
      <c r="G26" s="17">
        <v>277</v>
      </c>
      <c r="H26" s="17">
        <v>15161</v>
      </c>
      <c r="I26" s="17">
        <v>218</v>
      </c>
      <c r="J26" s="17">
        <v>3</v>
      </c>
      <c r="K26" s="17">
        <v>30</v>
      </c>
      <c r="L26" s="17">
        <v>185</v>
      </c>
      <c r="M26" s="17">
        <v>9779</v>
      </c>
      <c r="N26" s="17">
        <v>162</v>
      </c>
      <c r="O26" s="17">
        <v>5</v>
      </c>
      <c r="P26" s="17">
        <v>65</v>
      </c>
      <c r="Q26" s="17">
        <v>92</v>
      </c>
      <c r="R26" s="17">
        <v>5382</v>
      </c>
    </row>
    <row r="27" spans="1:18">
      <c r="A27" s="21" t="s">
        <v>2069</v>
      </c>
      <c r="B27" s="10" t="s">
        <v>25</v>
      </c>
      <c r="C27" s="11" t="s">
        <v>25</v>
      </c>
      <c r="D27" s="17">
        <v>1133</v>
      </c>
      <c r="E27" s="17">
        <v>19</v>
      </c>
      <c r="F27" s="17">
        <v>275</v>
      </c>
      <c r="G27" s="17">
        <v>836</v>
      </c>
      <c r="H27" s="17">
        <v>46200</v>
      </c>
      <c r="I27" s="17">
        <v>688</v>
      </c>
      <c r="J27" s="17">
        <v>10</v>
      </c>
      <c r="K27" s="17">
        <v>79</v>
      </c>
      <c r="L27" s="17">
        <v>597</v>
      </c>
      <c r="M27" s="17">
        <v>31610</v>
      </c>
      <c r="N27" s="17">
        <v>445</v>
      </c>
      <c r="O27" s="17">
        <v>9</v>
      </c>
      <c r="P27" s="17">
        <v>196</v>
      </c>
      <c r="Q27" s="17">
        <v>239</v>
      </c>
      <c r="R27" s="17">
        <v>14590</v>
      </c>
    </row>
    <row r="28" spans="1:18">
      <c r="A28" s="21" t="s">
        <v>2070</v>
      </c>
      <c r="B28" s="10" t="s">
        <v>25</v>
      </c>
      <c r="C28" s="11" t="s">
        <v>25</v>
      </c>
      <c r="D28" s="17">
        <v>333</v>
      </c>
      <c r="E28" s="17">
        <v>2</v>
      </c>
      <c r="F28" s="17">
        <v>85</v>
      </c>
      <c r="G28" s="17">
        <v>246</v>
      </c>
      <c r="H28" s="17">
        <v>13649</v>
      </c>
      <c r="I28" s="17">
        <v>200</v>
      </c>
      <c r="J28" s="17">
        <v>1</v>
      </c>
      <c r="K28" s="17">
        <v>24</v>
      </c>
      <c r="L28" s="17">
        <v>175</v>
      </c>
      <c r="M28" s="17">
        <v>9521</v>
      </c>
      <c r="N28" s="17">
        <v>133</v>
      </c>
      <c r="O28" s="17">
        <v>1</v>
      </c>
      <c r="P28" s="17">
        <v>61</v>
      </c>
      <c r="Q28" s="17">
        <v>71</v>
      </c>
      <c r="R28" s="17">
        <v>4128</v>
      </c>
    </row>
    <row r="29" spans="1:18">
      <c r="A29" s="21" t="s">
        <v>2071</v>
      </c>
      <c r="B29" s="10" t="s">
        <v>25</v>
      </c>
      <c r="C29" s="11" t="s">
        <v>25</v>
      </c>
      <c r="D29" s="17">
        <v>221</v>
      </c>
      <c r="E29" s="17">
        <v>9</v>
      </c>
      <c r="F29" s="17">
        <v>52</v>
      </c>
      <c r="G29" s="17">
        <v>160</v>
      </c>
      <c r="H29" s="17">
        <v>8891</v>
      </c>
      <c r="I29" s="17">
        <v>135</v>
      </c>
      <c r="J29" s="17">
        <v>6</v>
      </c>
      <c r="K29" s="17">
        <v>15</v>
      </c>
      <c r="L29" s="17">
        <v>114</v>
      </c>
      <c r="M29" s="17">
        <v>6156</v>
      </c>
      <c r="N29" s="17">
        <v>86</v>
      </c>
      <c r="O29" s="17">
        <v>3</v>
      </c>
      <c r="P29" s="17">
        <v>37</v>
      </c>
      <c r="Q29" s="17">
        <v>46</v>
      </c>
      <c r="R29" s="17">
        <v>2735</v>
      </c>
    </row>
    <row r="30" spans="1:18">
      <c r="A30" s="21" t="s">
        <v>2072</v>
      </c>
      <c r="B30" s="10" t="s">
        <v>25</v>
      </c>
      <c r="C30" s="11" t="s">
        <v>25</v>
      </c>
      <c r="D30" s="17">
        <v>703</v>
      </c>
      <c r="E30" s="17">
        <v>7</v>
      </c>
      <c r="F30" s="17">
        <v>193</v>
      </c>
      <c r="G30" s="17">
        <v>503</v>
      </c>
      <c r="H30" s="17">
        <v>28685</v>
      </c>
      <c r="I30" s="17">
        <v>388</v>
      </c>
      <c r="J30" s="17">
        <v>3</v>
      </c>
      <c r="K30" s="17">
        <v>49</v>
      </c>
      <c r="L30" s="17">
        <v>336</v>
      </c>
      <c r="M30" s="17">
        <v>18096</v>
      </c>
      <c r="N30" s="17">
        <v>315</v>
      </c>
      <c r="O30" s="17">
        <v>4</v>
      </c>
      <c r="P30" s="17">
        <v>144</v>
      </c>
      <c r="Q30" s="17">
        <v>167</v>
      </c>
      <c r="R30" s="17">
        <v>10589</v>
      </c>
    </row>
    <row r="31" spans="1:18">
      <c r="A31" s="21" t="s">
        <v>2073</v>
      </c>
      <c r="B31" s="10" t="s">
        <v>25</v>
      </c>
      <c r="C31" s="11" t="s">
        <v>25</v>
      </c>
      <c r="D31" s="17">
        <v>320</v>
      </c>
      <c r="E31" s="17">
        <v>2</v>
      </c>
      <c r="F31" s="17">
        <v>64</v>
      </c>
      <c r="G31" s="17">
        <v>254</v>
      </c>
      <c r="H31" s="17">
        <v>14496</v>
      </c>
      <c r="I31" s="17">
        <v>189</v>
      </c>
      <c r="J31" s="17">
        <v>1</v>
      </c>
      <c r="K31" s="17">
        <v>18</v>
      </c>
      <c r="L31" s="17">
        <v>170</v>
      </c>
      <c r="M31" s="17">
        <v>9524</v>
      </c>
      <c r="N31" s="17">
        <v>131</v>
      </c>
      <c r="O31" s="17">
        <v>1</v>
      </c>
      <c r="P31" s="17">
        <v>46</v>
      </c>
      <c r="Q31" s="17">
        <v>84</v>
      </c>
      <c r="R31" s="17">
        <v>4972</v>
      </c>
    </row>
    <row r="32" spans="1:18">
      <c r="A32" s="21" t="s">
        <v>2074</v>
      </c>
      <c r="B32" s="10" t="s">
        <v>25</v>
      </c>
      <c r="C32" s="11" t="s">
        <v>25</v>
      </c>
      <c r="D32" s="17">
        <v>2227</v>
      </c>
      <c r="E32" s="17">
        <v>22</v>
      </c>
      <c r="F32" s="17">
        <v>535</v>
      </c>
      <c r="G32" s="17">
        <v>1670</v>
      </c>
      <c r="H32" s="17">
        <v>92134</v>
      </c>
      <c r="I32" s="17">
        <v>1253</v>
      </c>
      <c r="J32" s="18">
        <v>9</v>
      </c>
      <c r="K32" s="17">
        <v>136</v>
      </c>
      <c r="L32" s="17">
        <v>1108</v>
      </c>
      <c r="M32" s="17">
        <v>59013</v>
      </c>
      <c r="N32" s="17">
        <v>974</v>
      </c>
      <c r="O32" s="17">
        <v>13</v>
      </c>
      <c r="P32" s="17">
        <v>399</v>
      </c>
      <c r="Q32" s="17">
        <v>562</v>
      </c>
      <c r="R32" s="17">
        <v>33121</v>
      </c>
    </row>
    <row r="33" spans="1:18">
      <c r="A33" s="21" t="s">
        <v>2075</v>
      </c>
      <c r="B33" s="10" t="s">
        <v>25</v>
      </c>
      <c r="C33" s="11" t="s">
        <v>25</v>
      </c>
      <c r="D33" s="17">
        <v>655</v>
      </c>
      <c r="E33" s="17">
        <v>4</v>
      </c>
      <c r="F33" s="17">
        <v>156</v>
      </c>
      <c r="G33" s="17">
        <v>495</v>
      </c>
      <c r="H33" s="17">
        <v>26787</v>
      </c>
      <c r="I33" s="17">
        <v>384</v>
      </c>
      <c r="J33" s="17">
        <v>1</v>
      </c>
      <c r="K33" s="17">
        <v>41</v>
      </c>
      <c r="L33" s="17">
        <v>342</v>
      </c>
      <c r="M33" s="17">
        <v>18033</v>
      </c>
      <c r="N33" s="17">
        <v>271</v>
      </c>
      <c r="O33" s="17">
        <v>3</v>
      </c>
      <c r="P33" s="17">
        <v>115</v>
      </c>
      <c r="Q33" s="17">
        <v>153</v>
      </c>
      <c r="R33" s="17">
        <v>8754</v>
      </c>
    </row>
    <row r="34" spans="1:18">
      <c r="A34" s="21" t="s">
        <v>2076</v>
      </c>
      <c r="B34" s="10" t="s">
        <v>25</v>
      </c>
      <c r="C34" s="11" t="s">
        <v>25</v>
      </c>
      <c r="D34" s="18">
        <v>351</v>
      </c>
      <c r="E34" s="18">
        <v>1</v>
      </c>
      <c r="F34" s="18">
        <v>86</v>
      </c>
      <c r="G34" s="18">
        <v>264</v>
      </c>
      <c r="H34" s="18">
        <v>14893</v>
      </c>
      <c r="I34" s="18">
        <v>204</v>
      </c>
      <c r="J34" s="18" t="s">
        <v>2472</v>
      </c>
      <c r="K34" s="18">
        <v>22</v>
      </c>
      <c r="L34" s="18">
        <v>182</v>
      </c>
      <c r="M34" s="18">
        <v>9867</v>
      </c>
      <c r="N34" s="18">
        <v>147</v>
      </c>
      <c r="O34" s="18">
        <v>1</v>
      </c>
      <c r="P34" s="18">
        <v>64</v>
      </c>
      <c r="Q34" s="18">
        <v>82</v>
      </c>
      <c r="R34" s="18">
        <v>5026</v>
      </c>
    </row>
    <row r="35" spans="1:18">
      <c r="A35" s="21" t="s">
        <v>2077</v>
      </c>
      <c r="B35" s="10" t="s">
        <v>25</v>
      </c>
      <c r="C35" s="11" t="s">
        <v>25</v>
      </c>
      <c r="D35" s="17">
        <v>406</v>
      </c>
      <c r="E35" s="18">
        <v>5</v>
      </c>
      <c r="F35" s="17">
        <v>84</v>
      </c>
      <c r="G35" s="17">
        <v>317</v>
      </c>
      <c r="H35" s="17">
        <v>16711</v>
      </c>
      <c r="I35" s="17">
        <v>221</v>
      </c>
      <c r="J35" s="18">
        <v>2</v>
      </c>
      <c r="K35" s="17">
        <v>22</v>
      </c>
      <c r="L35" s="17">
        <v>197</v>
      </c>
      <c r="M35" s="17">
        <v>10136</v>
      </c>
      <c r="N35" s="17">
        <v>185</v>
      </c>
      <c r="O35" s="18">
        <v>3</v>
      </c>
      <c r="P35" s="17">
        <v>62</v>
      </c>
      <c r="Q35" s="17">
        <v>120</v>
      </c>
      <c r="R35" s="17">
        <v>6575</v>
      </c>
    </row>
    <row r="36" spans="1:18">
      <c r="A36" s="21" t="s">
        <v>2078</v>
      </c>
      <c r="B36" s="10" t="s">
        <v>25</v>
      </c>
      <c r="C36" s="11" t="s">
        <v>25</v>
      </c>
      <c r="D36" s="17">
        <v>815</v>
      </c>
      <c r="E36" s="17">
        <v>12</v>
      </c>
      <c r="F36" s="17">
        <v>209</v>
      </c>
      <c r="G36" s="17">
        <v>594</v>
      </c>
      <c r="H36" s="17">
        <v>33743</v>
      </c>
      <c r="I36" s="17">
        <v>444</v>
      </c>
      <c r="J36" s="17">
        <v>6</v>
      </c>
      <c r="K36" s="17">
        <v>51</v>
      </c>
      <c r="L36" s="17">
        <v>387</v>
      </c>
      <c r="M36" s="17">
        <v>20977</v>
      </c>
      <c r="N36" s="17">
        <v>371</v>
      </c>
      <c r="O36" s="17">
        <v>6</v>
      </c>
      <c r="P36" s="17">
        <v>158</v>
      </c>
      <c r="Q36" s="17">
        <v>207</v>
      </c>
      <c r="R36" s="17">
        <v>12766</v>
      </c>
    </row>
    <row r="37" spans="1:18">
      <c r="A37" s="21" t="s">
        <v>2079</v>
      </c>
      <c r="B37" s="10" t="s">
        <v>25</v>
      </c>
      <c r="C37" s="11" t="s">
        <v>25</v>
      </c>
      <c r="D37" s="17">
        <v>4768</v>
      </c>
      <c r="E37" s="17">
        <v>77</v>
      </c>
      <c r="F37" s="17">
        <v>1261</v>
      </c>
      <c r="G37" s="17">
        <v>3421</v>
      </c>
      <c r="H37" s="17">
        <v>192849</v>
      </c>
      <c r="I37" s="17">
        <v>2703</v>
      </c>
      <c r="J37" s="17">
        <v>53</v>
      </c>
      <c r="K37" s="17">
        <v>373</v>
      </c>
      <c r="L37" s="17">
        <v>2272</v>
      </c>
      <c r="M37" s="17">
        <v>122800</v>
      </c>
      <c r="N37" s="17">
        <v>2065</v>
      </c>
      <c r="O37" s="17">
        <v>24</v>
      </c>
      <c r="P37" s="17">
        <v>888</v>
      </c>
      <c r="Q37" s="17">
        <v>1149</v>
      </c>
      <c r="R37" s="17">
        <v>70049</v>
      </c>
    </row>
    <row r="38" spans="1:18">
      <c r="A38" s="21" t="s">
        <v>2080</v>
      </c>
      <c r="B38" s="10" t="s">
        <v>25</v>
      </c>
      <c r="C38" s="11" t="s">
        <v>25</v>
      </c>
      <c r="D38" s="17">
        <v>1429</v>
      </c>
      <c r="E38" s="17">
        <v>20</v>
      </c>
      <c r="F38" s="17">
        <v>355</v>
      </c>
      <c r="G38" s="17">
        <v>1046</v>
      </c>
      <c r="H38" s="17">
        <v>59092</v>
      </c>
      <c r="I38" s="17">
        <v>806</v>
      </c>
      <c r="J38" s="17">
        <v>13</v>
      </c>
      <c r="K38" s="17">
        <v>92</v>
      </c>
      <c r="L38" s="17">
        <v>697</v>
      </c>
      <c r="M38" s="17">
        <v>37841</v>
      </c>
      <c r="N38" s="17">
        <v>623</v>
      </c>
      <c r="O38" s="17">
        <v>7</v>
      </c>
      <c r="P38" s="17">
        <v>263</v>
      </c>
      <c r="Q38" s="17">
        <v>349</v>
      </c>
      <c r="R38" s="17">
        <v>21251</v>
      </c>
    </row>
    <row r="39" spans="1:18">
      <c r="A39" s="21" t="s">
        <v>2081</v>
      </c>
      <c r="B39" s="10" t="s">
        <v>25</v>
      </c>
      <c r="C39" s="11" t="s">
        <v>25</v>
      </c>
      <c r="D39" s="17">
        <v>689</v>
      </c>
      <c r="E39" s="17">
        <v>13</v>
      </c>
      <c r="F39" s="17">
        <v>179</v>
      </c>
      <c r="G39" s="17">
        <v>497</v>
      </c>
      <c r="H39" s="17">
        <v>27739</v>
      </c>
      <c r="I39" s="17">
        <v>375</v>
      </c>
      <c r="J39" s="17">
        <v>10</v>
      </c>
      <c r="K39" s="17">
        <v>61</v>
      </c>
      <c r="L39" s="17">
        <v>304</v>
      </c>
      <c r="M39" s="17">
        <v>16527</v>
      </c>
      <c r="N39" s="17">
        <v>314</v>
      </c>
      <c r="O39" s="17">
        <v>3</v>
      </c>
      <c r="P39" s="17">
        <v>118</v>
      </c>
      <c r="Q39" s="17">
        <v>193</v>
      </c>
      <c r="R39" s="17">
        <v>11212</v>
      </c>
    </row>
    <row r="40" spans="1:18">
      <c r="A40" s="21" t="s">
        <v>2082</v>
      </c>
      <c r="B40" s="10" t="s">
        <v>25</v>
      </c>
      <c r="C40" s="11" t="s">
        <v>25</v>
      </c>
      <c r="D40" s="17">
        <v>1222</v>
      </c>
      <c r="E40" s="17">
        <v>22</v>
      </c>
      <c r="F40" s="17">
        <v>333</v>
      </c>
      <c r="G40" s="17">
        <v>867</v>
      </c>
      <c r="H40" s="17">
        <v>48993</v>
      </c>
      <c r="I40" s="17">
        <v>690</v>
      </c>
      <c r="J40" s="18">
        <v>14</v>
      </c>
      <c r="K40" s="17">
        <v>95</v>
      </c>
      <c r="L40" s="17">
        <v>581</v>
      </c>
      <c r="M40" s="17">
        <v>31349</v>
      </c>
      <c r="N40" s="17">
        <v>532</v>
      </c>
      <c r="O40" s="17">
        <v>8</v>
      </c>
      <c r="P40" s="17">
        <v>238</v>
      </c>
      <c r="Q40" s="17">
        <v>286</v>
      </c>
      <c r="R40" s="17">
        <v>17644</v>
      </c>
    </row>
    <row r="41" spans="1:18">
      <c r="A41" s="21" t="s">
        <v>2083</v>
      </c>
      <c r="B41" s="10" t="s">
        <v>25</v>
      </c>
      <c r="C41" s="11" t="s">
        <v>25</v>
      </c>
      <c r="D41" s="17">
        <v>784</v>
      </c>
      <c r="E41" s="17">
        <v>15</v>
      </c>
      <c r="F41" s="17">
        <v>213</v>
      </c>
      <c r="G41" s="17">
        <v>556</v>
      </c>
      <c r="H41" s="17">
        <v>31209</v>
      </c>
      <c r="I41" s="17">
        <v>453</v>
      </c>
      <c r="J41" s="17">
        <v>10</v>
      </c>
      <c r="K41" s="17">
        <v>56</v>
      </c>
      <c r="L41" s="17">
        <v>387</v>
      </c>
      <c r="M41" s="17">
        <v>20472</v>
      </c>
      <c r="N41" s="17">
        <v>331</v>
      </c>
      <c r="O41" s="17">
        <v>5</v>
      </c>
      <c r="P41" s="17">
        <v>157</v>
      </c>
      <c r="Q41" s="17">
        <v>169</v>
      </c>
      <c r="R41" s="17">
        <v>10737</v>
      </c>
    </row>
    <row r="42" spans="1:18">
      <c r="A42" s="21" t="s">
        <v>2084</v>
      </c>
      <c r="B42" s="10" t="s">
        <v>25</v>
      </c>
      <c r="C42" s="11" t="s">
        <v>25</v>
      </c>
      <c r="D42" s="18">
        <v>644</v>
      </c>
      <c r="E42" s="18">
        <v>7</v>
      </c>
      <c r="F42" s="18">
        <v>181</v>
      </c>
      <c r="G42" s="18">
        <v>455</v>
      </c>
      <c r="H42" s="18">
        <v>25816</v>
      </c>
      <c r="I42" s="18">
        <v>379</v>
      </c>
      <c r="J42" s="18">
        <v>6</v>
      </c>
      <c r="K42" s="18">
        <v>69</v>
      </c>
      <c r="L42" s="18">
        <v>303</v>
      </c>
      <c r="M42" s="18">
        <v>16611</v>
      </c>
      <c r="N42" s="18">
        <v>265</v>
      </c>
      <c r="O42" s="18">
        <v>1</v>
      </c>
      <c r="P42" s="18">
        <v>112</v>
      </c>
      <c r="Q42" s="18">
        <v>152</v>
      </c>
      <c r="R42" s="18">
        <v>9205</v>
      </c>
    </row>
    <row r="43" spans="1:18">
      <c r="A43" s="21" t="s">
        <v>2085</v>
      </c>
      <c r="B43" s="10" t="s">
        <v>25</v>
      </c>
      <c r="C43" s="11" t="s">
        <v>25</v>
      </c>
      <c r="D43" s="17">
        <v>3885</v>
      </c>
      <c r="E43" s="17">
        <v>69</v>
      </c>
      <c r="F43" s="17">
        <v>996</v>
      </c>
      <c r="G43" s="17">
        <v>2816</v>
      </c>
      <c r="H43" s="17">
        <v>156938</v>
      </c>
      <c r="I43" s="17">
        <v>2125</v>
      </c>
      <c r="J43" s="17">
        <v>37</v>
      </c>
      <c r="K43" s="17">
        <v>304</v>
      </c>
      <c r="L43" s="17">
        <v>1780</v>
      </c>
      <c r="M43" s="17">
        <v>96082</v>
      </c>
      <c r="N43" s="17">
        <v>1760</v>
      </c>
      <c r="O43" s="17">
        <v>32</v>
      </c>
      <c r="P43" s="17">
        <v>692</v>
      </c>
      <c r="Q43" s="17">
        <v>1036</v>
      </c>
      <c r="R43" s="17">
        <v>60856</v>
      </c>
    </row>
    <row r="44" spans="1:18">
      <c r="A44" s="21" t="s">
        <v>2086</v>
      </c>
      <c r="B44" s="10" t="s">
        <v>25</v>
      </c>
      <c r="C44" s="11" t="s">
        <v>25</v>
      </c>
      <c r="D44" s="17">
        <v>444</v>
      </c>
      <c r="E44" s="18">
        <v>12</v>
      </c>
      <c r="F44" s="17">
        <v>116</v>
      </c>
      <c r="G44" s="17">
        <v>316</v>
      </c>
      <c r="H44" s="17">
        <v>17413</v>
      </c>
      <c r="I44" s="17">
        <v>230</v>
      </c>
      <c r="J44" s="18">
        <v>5</v>
      </c>
      <c r="K44" s="17">
        <v>33</v>
      </c>
      <c r="L44" s="17">
        <v>192</v>
      </c>
      <c r="M44" s="17">
        <v>10189</v>
      </c>
      <c r="N44" s="17">
        <v>214</v>
      </c>
      <c r="O44" s="18">
        <v>7</v>
      </c>
      <c r="P44" s="17">
        <v>83</v>
      </c>
      <c r="Q44" s="17">
        <v>124</v>
      </c>
      <c r="R44" s="17">
        <v>7224</v>
      </c>
    </row>
    <row r="45" spans="1:18">
      <c r="A45" s="21" t="s">
        <v>2087</v>
      </c>
      <c r="B45" s="10" t="s">
        <v>25</v>
      </c>
      <c r="C45" s="11" t="s">
        <v>25</v>
      </c>
      <c r="D45" s="17">
        <v>459</v>
      </c>
      <c r="E45" s="17">
        <v>10</v>
      </c>
      <c r="F45" s="17">
        <v>131</v>
      </c>
      <c r="G45" s="17">
        <v>318</v>
      </c>
      <c r="H45" s="17">
        <v>17488</v>
      </c>
      <c r="I45" s="17">
        <v>252</v>
      </c>
      <c r="J45" s="17">
        <v>4</v>
      </c>
      <c r="K45" s="17">
        <v>47</v>
      </c>
      <c r="L45" s="17">
        <v>201</v>
      </c>
      <c r="M45" s="17">
        <v>10776</v>
      </c>
      <c r="N45" s="17">
        <v>207</v>
      </c>
      <c r="O45" s="17">
        <v>6</v>
      </c>
      <c r="P45" s="17">
        <v>84</v>
      </c>
      <c r="Q45" s="17">
        <v>117</v>
      </c>
      <c r="R45" s="17">
        <v>6712</v>
      </c>
    </row>
    <row r="46" spans="1:18">
      <c r="A46" s="21" t="s">
        <v>2088</v>
      </c>
      <c r="B46" s="10" t="s">
        <v>25</v>
      </c>
      <c r="C46" s="11" t="s">
        <v>25</v>
      </c>
      <c r="D46" s="17">
        <v>417</v>
      </c>
      <c r="E46" s="17">
        <v>4</v>
      </c>
      <c r="F46" s="17">
        <v>110</v>
      </c>
      <c r="G46" s="17">
        <v>301</v>
      </c>
      <c r="H46" s="17">
        <v>17051</v>
      </c>
      <c r="I46" s="17">
        <v>244</v>
      </c>
      <c r="J46" s="17">
        <v>3</v>
      </c>
      <c r="K46" s="17">
        <v>36</v>
      </c>
      <c r="L46" s="17">
        <v>203</v>
      </c>
      <c r="M46" s="17">
        <v>10954</v>
      </c>
      <c r="N46" s="17">
        <v>173</v>
      </c>
      <c r="O46" s="17">
        <v>1</v>
      </c>
      <c r="P46" s="17">
        <v>74</v>
      </c>
      <c r="Q46" s="17">
        <v>98</v>
      </c>
      <c r="R46" s="17">
        <v>6097</v>
      </c>
    </row>
    <row r="47" spans="1:18">
      <c r="A47" s="21" t="s">
        <v>2089</v>
      </c>
      <c r="B47" s="10" t="s">
        <v>25</v>
      </c>
      <c r="C47" s="11" t="s">
        <v>25</v>
      </c>
      <c r="D47" s="17">
        <v>987</v>
      </c>
      <c r="E47" s="17">
        <v>20</v>
      </c>
      <c r="F47" s="17">
        <v>214</v>
      </c>
      <c r="G47" s="17">
        <v>753</v>
      </c>
      <c r="H47" s="17">
        <v>41649</v>
      </c>
      <c r="I47" s="17">
        <v>525</v>
      </c>
      <c r="J47" s="17">
        <v>15</v>
      </c>
      <c r="K47" s="17">
        <v>51</v>
      </c>
      <c r="L47" s="17">
        <v>459</v>
      </c>
      <c r="M47" s="17">
        <v>24700</v>
      </c>
      <c r="N47" s="17">
        <v>462</v>
      </c>
      <c r="O47" s="17">
        <v>5</v>
      </c>
      <c r="P47" s="17">
        <v>163</v>
      </c>
      <c r="Q47" s="17">
        <v>294</v>
      </c>
      <c r="R47" s="17">
        <v>16949</v>
      </c>
    </row>
    <row r="48" spans="1:18">
      <c r="A48" s="21" t="s">
        <v>2090</v>
      </c>
      <c r="B48" s="10" t="s">
        <v>25</v>
      </c>
      <c r="C48" s="11" t="s">
        <v>25</v>
      </c>
      <c r="D48" s="17">
        <v>569</v>
      </c>
      <c r="E48" s="18">
        <v>6</v>
      </c>
      <c r="F48" s="17">
        <v>131</v>
      </c>
      <c r="G48" s="17">
        <v>431</v>
      </c>
      <c r="H48" s="17">
        <v>23773</v>
      </c>
      <c r="I48" s="17">
        <v>321</v>
      </c>
      <c r="J48" s="18">
        <v>3</v>
      </c>
      <c r="K48" s="17">
        <v>30</v>
      </c>
      <c r="L48" s="17">
        <v>287</v>
      </c>
      <c r="M48" s="17">
        <v>15320</v>
      </c>
      <c r="N48" s="17">
        <v>248</v>
      </c>
      <c r="O48" s="18">
        <v>3</v>
      </c>
      <c r="P48" s="17">
        <v>101</v>
      </c>
      <c r="Q48" s="17">
        <v>144</v>
      </c>
      <c r="R48" s="17">
        <v>8453</v>
      </c>
    </row>
    <row r="49" spans="1:18">
      <c r="A49" s="21" t="s">
        <v>2091</v>
      </c>
      <c r="B49" s="10" t="s">
        <v>25</v>
      </c>
      <c r="C49" s="11" t="s">
        <v>25</v>
      </c>
      <c r="D49" s="17">
        <v>1009</v>
      </c>
      <c r="E49" s="18">
        <v>17</v>
      </c>
      <c r="F49" s="17">
        <v>294</v>
      </c>
      <c r="G49" s="17">
        <v>697</v>
      </c>
      <c r="H49" s="17">
        <v>39564</v>
      </c>
      <c r="I49" s="17">
        <v>553</v>
      </c>
      <c r="J49" s="18">
        <v>7</v>
      </c>
      <c r="K49" s="17">
        <v>107</v>
      </c>
      <c r="L49" s="17">
        <v>438</v>
      </c>
      <c r="M49" s="17">
        <v>24143</v>
      </c>
      <c r="N49" s="17">
        <v>456</v>
      </c>
      <c r="O49" s="18">
        <v>10</v>
      </c>
      <c r="P49" s="17">
        <v>187</v>
      </c>
      <c r="Q49" s="17">
        <v>259</v>
      </c>
      <c r="R49" s="17">
        <v>15421</v>
      </c>
    </row>
    <row r="50" spans="1:18">
      <c r="A50" s="21" t="s">
        <v>2092</v>
      </c>
      <c r="B50" s="10" t="s">
        <v>25</v>
      </c>
      <c r="C50" s="11" t="s">
        <v>25</v>
      </c>
      <c r="D50" s="17">
        <v>3261</v>
      </c>
      <c r="E50" s="18">
        <v>51</v>
      </c>
      <c r="F50" s="17">
        <v>836</v>
      </c>
      <c r="G50" s="17">
        <v>2371</v>
      </c>
      <c r="H50" s="17">
        <v>133284</v>
      </c>
      <c r="I50" s="17">
        <v>1848</v>
      </c>
      <c r="J50" s="18">
        <v>27</v>
      </c>
      <c r="K50" s="17">
        <v>280</v>
      </c>
      <c r="L50" s="17">
        <v>1540</v>
      </c>
      <c r="M50" s="17">
        <v>84377</v>
      </c>
      <c r="N50" s="17">
        <v>1413</v>
      </c>
      <c r="O50" s="18">
        <v>24</v>
      </c>
      <c r="P50" s="17">
        <v>556</v>
      </c>
      <c r="Q50" s="17">
        <v>831</v>
      </c>
      <c r="R50" s="17">
        <v>48907</v>
      </c>
    </row>
    <row r="51" spans="1:18">
      <c r="A51" s="21" t="s">
        <v>2093</v>
      </c>
      <c r="B51" s="10" t="s">
        <v>25</v>
      </c>
      <c r="C51" s="11" t="s">
        <v>25</v>
      </c>
      <c r="D51" s="17">
        <v>611</v>
      </c>
      <c r="E51" s="17">
        <v>10</v>
      </c>
      <c r="F51" s="17">
        <v>150</v>
      </c>
      <c r="G51" s="17">
        <v>451</v>
      </c>
      <c r="H51" s="17">
        <v>25152</v>
      </c>
      <c r="I51" s="17">
        <v>334</v>
      </c>
      <c r="J51" s="18">
        <v>8</v>
      </c>
      <c r="K51" s="17">
        <v>48</v>
      </c>
      <c r="L51" s="17">
        <v>278</v>
      </c>
      <c r="M51" s="17">
        <v>14996</v>
      </c>
      <c r="N51" s="17">
        <v>277</v>
      </c>
      <c r="O51" s="17">
        <v>2</v>
      </c>
      <c r="P51" s="17">
        <v>102</v>
      </c>
      <c r="Q51" s="17">
        <v>173</v>
      </c>
      <c r="R51" s="17">
        <v>10156</v>
      </c>
    </row>
    <row r="52" spans="1:18">
      <c r="A52" s="21" t="s">
        <v>2094</v>
      </c>
      <c r="B52" s="10" t="s">
        <v>25</v>
      </c>
      <c r="C52" s="11" t="s">
        <v>25</v>
      </c>
      <c r="D52" s="17">
        <v>490</v>
      </c>
      <c r="E52" s="17">
        <v>9</v>
      </c>
      <c r="F52" s="17">
        <v>117</v>
      </c>
      <c r="G52" s="17">
        <v>364</v>
      </c>
      <c r="H52" s="17">
        <v>20186</v>
      </c>
      <c r="I52" s="17">
        <v>294</v>
      </c>
      <c r="J52" s="18">
        <v>5</v>
      </c>
      <c r="K52" s="17">
        <v>42</v>
      </c>
      <c r="L52" s="17">
        <v>247</v>
      </c>
      <c r="M52" s="17">
        <v>13379</v>
      </c>
      <c r="N52" s="17">
        <v>196</v>
      </c>
      <c r="O52" s="17">
        <v>4</v>
      </c>
      <c r="P52" s="17">
        <v>75</v>
      </c>
      <c r="Q52" s="17">
        <v>117</v>
      </c>
      <c r="R52" s="17">
        <v>6807</v>
      </c>
    </row>
    <row r="53" spans="1:18">
      <c r="A53" s="21" t="s">
        <v>2095</v>
      </c>
      <c r="B53" s="10" t="s">
        <v>25</v>
      </c>
      <c r="C53" s="11" t="s">
        <v>25</v>
      </c>
      <c r="D53" s="17">
        <v>704</v>
      </c>
      <c r="E53" s="18">
        <v>8</v>
      </c>
      <c r="F53" s="17">
        <v>199</v>
      </c>
      <c r="G53" s="17">
        <v>497</v>
      </c>
      <c r="H53" s="17">
        <v>28501</v>
      </c>
      <c r="I53" s="17">
        <v>400</v>
      </c>
      <c r="J53" s="18">
        <v>5</v>
      </c>
      <c r="K53" s="17">
        <v>78</v>
      </c>
      <c r="L53" s="17">
        <v>317</v>
      </c>
      <c r="M53" s="17">
        <v>17884</v>
      </c>
      <c r="N53" s="17">
        <v>304</v>
      </c>
      <c r="O53" s="18">
        <v>3</v>
      </c>
      <c r="P53" s="17">
        <v>121</v>
      </c>
      <c r="Q53" s="17">
        <v>180</v>
      </c>
      <c r="R53" s="17">
        <v>10617</v>
      </c>
    </row>
    <row r="54" spans="1:18">
      <c r="A54" s="21" t="s">
        <v>2096</v>
      </c>
      <c r="B54" s="10" t="s">
        <v>25</v>
      </c>
      <c r="C54" s="11" t="s">
        <v>25</v>
      </c>
      <c r="D54" s="17">
        <v>528</v>
      </c>
      <c r="E54" s="18">
        <v>7</v>
      </c>
      <c r="F54" s="17">
        <v>137</v>
      </c>
      <c r="G54" s="17">
        <v>384</v>
      </c>
      <c r="H54" s="17">
        <v>21077</v>
      </c>
      <c r="I54" s="17">
        <v>289</v>
      </c>
      <c r="J54" s="18">
        <v>2</v>
      </c>
      <c r="K54" s="17">
        <v>39</v>
      </c>
      <c r="L54" s="17">
        <v>248</v>
      </c>
      <c r="M54" s="17">
        <v>13263</v>
      </c>
      <c r="N54" s="17">
        <v>239</v>
      </c>
      <c r="O54" s="18">
        <v>5</v>
      </c>
      <c r="P54" s="17">
        <v>98</v>
      </c>
      <c r="Q54" s="17">
        <v>136</v>
      </c>
      <c r="R54" s="17">
        <v>7814</v>
      </c>
    </row>
    <row r="55" spans="1:18">
      <c r="A55" s="21" t="s">
        <v>2097</v>
      </c>
      <c r="B55" s="10" t="s">
        <v>25</v>
      </c>
      <c r="C55" s="11" t="s">
        <v>25</v>
      </c>
      <c r="D55" s="17">
        <v>480</v>
      </c>
      <c r="E55" s="17">
        <v>3</v>
      </c>
      <c r="F55" s="17">
        <v>128</v>
      </c>
      <c r="G55" s="17">
        <v>348</v>
      </c>
      <c r="H55" s="17">
        <v>19906</v>
      </c>
      <c r="I55" s="17">
        <v>280</v>
      </c>
      <c r="J55" s="17">
        <v>2</v>
      </c>
      <c r="K55" s="17">
        <v>44</v>
      </c>
      <c r="L55" s="17">
        <v>233</v>
      </c>
      <c r="M55" s="17">
        <v>13056</v>
      </c>
      <c r="N55" s="17">
        <v>200</v>
      </c>
      <c r="O55" s="17">
        <v>1</v>
      </c>
      <c r="P55" s="17">
        <v>84</v>
      </c>
      <c r="Q55" s="17">
        <v>115</v>
      </c>
      <c r="R55" s="17">
        <v>6850</v>
      </c>
    </row>
    <row r="56" spans="1:18">
      <c r="A56" s="21" t="s">
        <v>2098</v>
      </c>
      <c r="B56" s="10" t="s">
        <v>25</v>
      </c>
      <c r="C56" s="11" t="s">
        <v>25</v>
      </c>
      <c r="D56" s="17">
        <v>448</v>
      </c>
      <c r="E56" s="17">
        <v>14</v>
      </c>
      <c r="F56" s="17">
        <v>105</v>
      </c>
      <c r="G56" s="17">
        <v>327</v>
      </c>
      <c r="H56" s="17">
        <v>18462</v>
      </c>
      <c r="I56" s="17">
        <v>251</v>
      </c>
      <c r="J56" s="17">
        <v>5</v>
      </c>
      <c r="K56" s="17">
        <v>29</v>
      </c>
      <c r="L56" s="17">
        <v>217</v>
      </c>
      <c r="M56" s="17">
        <v>11799</v>
      </c>
      <c r="N56" s="17">
        <v>197</v>
      </c>
      <c r="O56" s="17">
        <v>9</v>
      </c>
      <c r="P56" s="17">
        <v>76</v>
      </c>
      <c r="Q56" s="17">
        <v>110</v>
      </c>
      <c r="R56" s="17">
        <v>6663</v>
      </c>
    </row>
    <row r="57" spans="1:18">
      <c r="A57" s="21" t="s">
        <v>2099</v>
      </c>
      <c r="B57" s="10" t="s">
        <v>25</v>
      </c>
      <c r="C57" s="11" t="s">
        <v>25</v>
      </c>
      <c r="D57" s="17">
        <v>3646</v>
      </c>
      <c r="E57" s="17">
        <v>56</v>
      </c>
      <c r="F57" s="17">
        <v>907</v>
      </c>
      <c r="G57" s="17">
        <v>2681</v>
      </c>
      <c r="H57" s="17">
        <v>149641</v>
      </c>
      <c r="I57" s="17">
        <v>2075</v>
      </c>
      <c r="J57" s="18">
        <v>31</v>
      </c>
      <c r="K57" s="17">
        <v>266</v>
      </c>
      <c r="L57" s="17">
        <v>1776</v>
      </c>
      <c r="M57" s="17">
        <v>96131</v>
      </c>
      <c r="N57" s="17">
        <v>1571</v>
      </c>
      <c r="O57" s="17">
        <v>25</v>
      </c>
      <c r="P57" s="17">
        <v>641</v>
      </c>
      <c r="Q57" s="17">
        <v>905</v>
      </c>
      <c r="R57" s="17">
        <v>53510</v>
      </c>
    </row>
    <row r="58" spans="1:18">
      <c r="A58" s="21" t="s">
        <v>2100</v>
      </c>
      <c r="B58" s="10" t="s">
        <v>25</v>
      </c>
      <c r="C58" s="11" t="s">
        <v>25</v>
      </c>
      <c r="D58" s="17">
        <v>1135</v>
      </c>
      <c r="E58" s="17">
        <v>22</v>
      </c>
      <c r="F58" s="17">
        <v>280</v>
      </c>
      <c r="G58" s="17">
        <v>832</v>
      </c>
      <c r="H58" s="17">
        <v>46064</v>
      </c>
      <c r="I58" s="17">
        <v>631</v>
      </c>
      <c r="J58" s="17">
        <v>16</v>
      </c>
      <c r="K58" s="17">
        <v>87</v>
      </c>
      <c r="L58" s="17">
        <v>527</v>
      </c>
      <c r="M58" s="17">
        <v>28598</v>
      </c>
      <c r="N58" s="17">
        <v>504</v>
      </c>
      <c r="O58" s="17">
        <v>6</v>
      </c>
      <c r="P58" s="17">
        <v>193</v>
      </c>
      <c r="Q58" s="17">
        <v>305</v>
      </c>
      <c r="R58" s="17">
        <v>17466</v>
      </c>
    </row>
    <row r="59" spans="1:18">
      <c r="A59" s="21" t="s">
        <v>2101</v>
      </c>
      <c r="B59" s="10" t="s">
        <v>25</v>
      </c>
      <c r="C59" s="11" t="s">
        <v>25</v>
      </c>
      <c r="D59" s="17">
        <v>772</v>
      </c>
      <c r="E59" s="17">
        <v>5</v>
      </c>
      <c r="F59" s="17">
        <v>198</v>
      </c>
      <c r="G59" s="17">
        <v>569</v>
      </c>
      <c r="H59" s="17">
        <v>32910</v>
      </c>
      <c r="I59" s="17">
        <v>441</v>
      </c>
      <c r="J59" s="17">
        <v>4</v>
      </c>
      <c r="K59" s="17">
        <v>48</v>
      </c>
      <c r="L59" s="17">
        <v>389</v>
      </c>
      <c r="M59" s="17">
        <v>21507</v>
      </c>
      <c r="N59" s="17">
        <v>331</v>
      </c>
      <c r="O59" s="17">
        <v>1</v>
      </c>
      <c r="P59" s="17">
        <v>150</v>
      </c>
      <c r="Q59" s="17">
        <v>180</v>
      </c>
      <c r="R59" s="17">
        <v>11403</v>
      </c>
    </row>
    <row r="60" spans="1:18">
      <c r="A60" s="21" t="s">
        <v>2102</v>
      </c>
      <c r="B60" s="10" t="s">
        <v>25</v>
      </c>
      <c r="C60" s="11" t="s">
        <v>25</v>
      </c>
      <c r="D60" s="17">
        <v>912</v>
      </c>
      <c r="E60" s="17">
        <v>11</v>
      </c>
      <c r="F60" s="17">
        <v>234</v>
      </c>
      <c r="G60" s="17">
        <v>667</v>
      </c>
      <c r="H60" s="17">
        <v>37255</v>
      </c>
      <c r="I60" s="17">
        <v>538</v>
      </c>
      <c r="J60" s="17">
        <v>3</v>
      </c>
      <c r="K60" s="17">
        <v>72</v>
      </c>
      <c r="L60" s="17">
        <v>463</v>
      </c>
      <c r="M60" s="17">
        <v>24847</v>
      </c>
      <c r="N60" s="17">
        <v>374</v>
      </c>
      <c r="O60" s="17">
        <v>8</v>
      </c>
      <c r="P60" s="17">
        <v>162</v>
      </c>
      <c r="Q60" s="17">
        <v>204</v>
      </c>
      <c r="R60" s="17">
        <v>12408</v>
      </c>
    </row>
    <row r="61" spans="1:18">
      <c r="A61" s="21" t="s">
        <v>2103</v>
      </c>
      <c r="B61" s="10" t="s">
        <v>25</v>
      </c>
      <c r="C61" s="11" t="s">
        <v>25</v>
      </c>
      <c r="D61" s="17">
        <v>827</v>
      </c>
      <c r="E61" s="17">
        <v>18</v>
      </c>
      <c r="F61" s="17">
        <v>195</v>
      </c>
      <c r="G61" s="17">
        <v>613</v>
      </c>
      <c r="H61" s="17">
        <v>33412</v>
      </c>
      <c r="I61" s="17">
        <v>465</v>
      </c>
      <c r="J61" s="17">
        <v>8</v>
      </c>
      <c r="K61" s="17">
        <v>59</v>
      </c>
      <c r="L61" s="17">
        <v>397</v>
      </c>
      <c r="M61" s="17">
        <v>21179</v>
      </c>
      <c r="N61" s="17">
        <v>362</v>
      </c>
      <c r="O61" s="17">
        <v>10</v>
      </c>
      <c r="P61" s="17">
        <v>136</v>
      </c>
      <c r="Q61" s="17">
        <v>216</v>
      </c>
      <c r="R61" s="17">
        <v>12233</v>
      </c>
    </row>
    <row r="62" spans="1:18">
      <c r="A62" s="21" t="s">
        <v>2104</v>
      </c>
      <c r="B62" s="10" t="s">
        <v>25</v>
      </c>
      <c r="C62" s="11" t="s">
        <v>25</v>
      </c>
      <c r="D62" s="17">
        <v>2948</v>
      </c>
      <c r="E62" s="17">
        <v>42</v>
      </c>
      <c r="F62" s="17">
        <v>703</v>
      </c>
      <c r="G62" s="17">
        <v>2195</v>
      </c>
      <c r="H62" s="17">
        <v>121362</v>
      </c>
      <c r="I62" s="17">
        <v>1690</v>
      </c>
      <c r="J62" s="17">
        <v>24</v>
      </c>
      <c r="K62" s="17">
        <v>244</v>
      </c>
      <c r="L62" s="17">
        <v>1418</v>
      </c>
      <c r="M62" s="17">
        <v>76050</v>
      </c>
      <c r="N62" s="17">
        <v>1258</v>
      </c>
      <c r="O62" s="17">
        <v>18</v>
      </c>
      <c r="P62" s="17">
        <v>459</v>
      </c>
      <c r="Q62" s="17">
        <v>777</v>
      </c>
      <c r="R62" s="17">
        <v>45312</v>
      </c>
    </row>
    <row r="63" spans="1:18">
      <c r="A63" s="21" t="s">
        <v>2105</v>
      </c>
      <c r="B63" s="10" t="s">
        <v>25</v>
      </c>
      <c r="C63" s="11" t="s">
        <v>25</v>
      </c>
      <c r="D63" s="17">
        <v>1049</v>
      </c>
      <c r="E63" s="17">
        <v>17</v>
      </c>
      <c r="F63" s="17">
        <v>229</v>
      </c>
      <c r="G63" s="17">
        <v>800</v>
      </c>
      <c r="H63" s="17">
        <v>42995</v>
      </c>
      <c r="I63" s="17">
        <v>658</v>
      </c>
      <c r="J63" s="17">
        <v>8</v>
      </c>
      <c r="K63" s="17">
        <v>81</v>
      </c>
      <c r="L63" s="17">
        <v>568</v>
      </c>
      <c r="M63" s="17">
        <v>29211</v>
      </c>
      <c r="N63" s="17">
        <v>391</v>
      </c>
      <c r="O63" s="17">
        <v>9</v>
      </c>
      <c r="P63" s="17">
        <v>148</v>
      </c>
      <c r="Q63" s="17">
        <v>232</v>
      </c>
      <c r="R63" s="17">
        <v>13784</v>
      </c>
    </row>
    <row r="64" spans="1:18">
      <c r="A64" s="21" t="s">
        <v>2106</v>
      </c>
      <c r="B64" s="10" t="s">
        <v>25</v>
      </c>
      <c r="C64" s="11" t="s">
        <v>25</v>
      </c>
      <c r="D64" s="17">
        <v>287</v>
      </c>
      <c r="E64" s="17">
        <v>3</v>
      </c>
      <c r="F64" s="17">
        <v>75</v>
      </c>
      <c r="G64" s="17">
        <v>209</v>
      </c>
      <c r="H64" s="17">
        <v>11836</v>
      </c>
      <c r="I64" s="17">
        <v>166</v>
      </c>
      <c r="J64" s="17">
        <v>1</v>
      </c>
      <c r="K64" s="17">
        <v>26</v>
      </c>
      <c r="L64" s="17">
        <v>139</v>
      </c>
      <c r="M64" s="17">
        <v>7679</v>
      </c>
      <c r="N64" s="17">
        <v>121</v>
      </c>
      <c r="O64" s="18">
        <v>2</v>
      </c>
      <c r="P64" s="17">
        <v>49</v>
      </c>
      <c r="Q64" s="17">
        <v>70</v>
      </c>
      <c r="R64" s="17">
        <v>4157</v>
      </c>
    </row>
    <row r="65" spans="1:18">
      <c r="A65" s="21" t="s">
        <v>2107</v>
      </c>
      <c r="B65" s="10" t="s">
        <v>25</v>
      </c>
      <c r="C65" s="11" t="s">
        <v>25</v>
      </c>
      <c r="D65" s="17">
        <v>741</v>
      </c>
      <c r="E65" s="17">
        <v>10</v>
      </c>
      <c r="F65" s="17">
        <v>191</v>
      </c>
      <c r="G65" s="17">
        <v>540</v>
      </c>
      <c r="H65" s="17">
        <v>30029</v>
      </c>
      <c r="I65" s="17">
        <v>412</v>
      </c>
      <c r="J65" s="17">
        <v>6</v>
      </c>
      <c r="K65" s="17">
        <v>69</v>
      </c>
      <c r="L65" s="17">
        <v>337</v>
      </c>
      <c r="M65" s="17">
        <v>18564</v>
      </c>
      <c r="N65" s="17">
        <v>329</v>
      </c>
      <c r="O65" s="17">
        <v>4</v>
      </c>
      <c r="P65" s="17">
        <v>122</v>
      </c>
      <c r="Q65" s="17">
        <v>203</v>
      </c>
      <c r="R65" s="17">
        <v>11465</v>
      </c>
    </row>
    <row r="66" spans="1:18">
      <c r="A66" s="21" t="s">
        <v>2108</v>
      </c>
      <c r="B66" s="10" t="s">
        <v>25</v>
      </c>
      <c r="C66" s="11" t="s">
        <v>25</v>
      </c>
      <c r="D66" s="17">
        <v>483</v>
      </c>
      <c r="E66" s="17">
        <v>3</v>
      </c>
      <c r="F66" s="17">
        <v>112</v>
      </c>
      <c r="G66" s="17">
        <v>365</v>
      </c>
      <c r="H66" s="17">
        <v>20558</v>
      </c>
      <c r="I66" s="17">
        <v>251</v>
      </c>
      <c r="J66" s="17">
        <v>3</v>
      </c>
      <c r="K66" s="17">
        <v>32</v>
      </c>
      <c r="L66" s="17">
        <v>214</v>
      </c>
      <c r="M66" s="17">
        <v>11625</v>
      </c>
      <c r="N66" s="17">
        <v>232</v>
      </c>
      <c r="O66" s="17" t="s">
        <v>35</v>
      </c>
      <c r="P66" s="17">
        <v>80</v>
      </c>
      <c r="Q66" s="17">
        <v>151</v>
      </c>
      <c r="R66" s="17">
        <v>8933</v>
      </c>
    </row>
    <row r="67" spans="1:18">
      <c r="A67" s="21" t="s">
        <v>2109</v>
      </c>
      <c r="B67" s="10" t="s">
        <v>25</v>
      </c>
      <c r="C67" s="11" t="s">
        <v>25</v>
      </c>
      <c r="D67" s="17">
        <v>388</v>
      </c>
      <c r="E67" s="17">
        <v>9</v>
      </c>
      <c r="F67" s="17">
        <v>96</v>
      </c>
      <c r="G67" s="17">
        <v>281</v>
      </c>
      <c r="H67" s="17">
        <v>15944</v>
      </c>
      <c r="I67" s="17">
        <v>203</v>
      </c>
      <c r="J67" s="17">
        <v>6</v>
      </c>
      <c r="K67" s="17">
        <v>36</v>
      </c>
      <c r="L67" s="17">
        <v>160</v>
      </c>
      <c r="M67" s="17">
        <v>8971</v>
      </c>
      <c r="N67" s="17">
        <v>185</v>
      </c>
      <c r="O67" s="17">
        <v>3</v>
      </c>
      <c r="P67" s="17">
        <v>60</v>
      </c>
      <c r="Q67" s="17">
        <v>121</v>
      </c>
      <c r="R67" s="17">
        <v>6973</v>
      </c>
    </row>
    <row r="68" spans="1:18">
      <c r="A68" s="21" t="s">
        <v>2110</v>
      </c>
      <c r="B68" s="10" t="s">
        <v>25</v>
      </c>
      <c r="C68" s="11" t="s">
        <v>25</v>
      </c>
      <c r="D68" s="17">
        <v>1677</v>
      </c>
      <c r="E68" s="17">
        <v>18</v>
      </c>
      <c r="F68" s="17">
        <v>437</v>
      </c>
      <c r="G68" s="17">
        <v>1222</v>
      </c>
      <c r="H68" s="17">
        <v>68324</v>
      </c>
      <c r="I68" s="17">
        <v>924</v>
      </c>
      <c r="J68" s="17">
        <v>10</v>
      </c>
      <c r="K68" s="17">
        <v>130</v>
      </c>
      <c r="L68" s="17">
        <v>784</v>
      </c>
      <c r="M68" s="17">
        <v>42240</v>
      </c>
      <c r="N68" s="17">
        <v>753</v>
      </c>
      <c r="O68" s="17">
        <v>8</v>
      </c>
      <c r="P68" s="17">
        <v>307</v>
      </c>
      <c r="Q68" s="17">
        <v>438</v>
      </c>
      <c r="R68" s="17">
        <v>26084</v>
      </c>
    </row>
    <row r="69" spans="1:18">
      <c r="A69" s="21" t="s">
        <v>2111</v>
      </c>
      <c r="B69" s="10" t="s">
        <v>25</v>
      </c>
      <c r="C69" s="11" t="s">
        <v>25</v>
      </c>
      <c r="D69" s="17">
        <v>479</v>
      </c>
      <c r="E69" s="17">
        <v>5</v>
      </c>
      <c r="F69" s="17">
        <v>144</v>
      </c>
      <c r="G69" s="17">
        <v>330</v>
      </c>
      <c r="H69" s="17">
        <v>19010</v>
      </c>
      <c r="I69" s="17">
        <v>266</v>
      </c>
      <c r="J69" s="17">
        <v>3</v>
      </c>
      <c r="K69" s="17">
        <v>43</v>
      </c>
      <c r="L69" s="17">
        <v>220</v>
      </c>
      <c r="M69" s="17">
        <v>11856</v>
      </c>
      <c r="N69" s="17">
        <v>213</v>
      </c>
      <c r="O69" s="17">
        <v>2</v>
      </c>
      <c r="P69" s="17">
        <v>101</v>
      </c>
      <c r="Q69" s="17">
        <v>110</v>
      </c>
      <c r="R69" s="17">
        <v>7154</v>
      </c>
    </row>
    <row r="70" spans="1:18">
      <c r="A70" s="21" t="s">
        <v>2112</v>
      </c>
      <c r="B70" s="10" t="s">
        <v>25</v>
      </c>
      <c r="C70" s="11" t="s">
        <v>25</v>
      </c>
      <c r="D70" s="17">
        <v>365</v>
      </c>
      <c r="E70" s="17">
        <v>1</v>
      </c>
      <c r="F70" s="17">
        <v>89</v>
      </c>
      <c r="G70" s="17">
        <v>275</v>
      </c>
      <c r="H70" s="17">
        <v>15481</v>
      </c>
      <c r="I70" s="17">
        <v>212</v>
      </c>
      <c r="J70" s="17">
        <v>1</v>
      </c>
      <c r="K70" s="17">
        <v>25</v>
      </c>
      <c r="L70" s="17">
        <v>186</v>
      </c>
      <c r="M70" s="17">
        <v>10047</v>
      </c>
      <c r="N70" s="17">
        <v>153</v>
      </c>
      <c r="O70" s="17" t="s">
        <v>35</v>
      </c>
      <c r="P70" s="17">
        <v>64</v>
      </c>
      <c r="Q70" s="17">
        <v>89</v>
      </c>
      <c r="R70" s="17">
        <v>5434</v>
      </c>
    </row>
    <row r="71" spans="1:18">
      <c r="A71" s="21" t="s">
        <v>2113</v>
      </c>
      <c r="B71" s="10" t="s">
        <v>25</v>
      </c>
      <c r="C71" s="11" t="s">
        <v>25</v>
      </c>
      <c r="D71" s="17">
        <v>407</v>
      </c>
      <c r="E71" s="17">
        <v>5</v>
      </c>
      <c r="F71" s="17">
        <v>84</v>
      </c>
      <c r="G71" s="17">
        <v>318</v>
      </c>
      <c r="H71" s="17">
        <v>17136</v>
      </c>
      <c r="I71" s="17">
        <v>209</v>
      </c>
      <c r="J71" s="17">
        <v>3</v>
      </c>
      <c r="K71" s="17">
        <v>24</v>
      </c>
      <c r="L71" s="17">
        <v>182</v>
      </c>
      <c r="M71" s="17">
        <v>9769</v>
      </c>
      <c r="N71" s="17">
        <v>198</v>
      </c>
      <c r="O71" s="17">
        <v>2</v>
      </c>
      <c r="P71" s="17">
        <v>60</v>
      </c>
      <c r="Q71" s="17">
        <v>136</v>
      </c>
      <c r="R71" s="17">
        <v>7367</v>
      </c>
    </row>
    <row r="72" spans="1:18">
      <c r="A72" s="21" t="s">
        <v>2114</v>
      </c>
      <c r="B72" s="10" t="s">
        <v>25</v>
      </c>
      <c r="C72" s="11" t="s">
        <v>25</v>
      </c>
      <c r="D72" s="17">
        <v>426</v>
      </c>
      <c r="E72" s="17">
        <v>7</v>
      </c>
      <c r="F72" s="17">
        <v>120</v>
      </c>
      <c r="G72" s="17">
        <v>299</v>
      </c>
      <c r="H72" s="17">
        <v>16697</v>
      </c>
      <c r="I72" s="17">
        <v>237</v>
      </c>
      <c r="J72" s="17">
        <v>3</v>
      </c>
      <c r="K72" s="17">
        <v>38</v>
      </c>
      <c r="L72" s="17">
        <v>196</v>
      </c>
      <c r="M72" s="17">
        <v>10568</v>
      </c>
      <c r="N72" s="17">
        <v>189</v>
      </c>
      <c r="O72" s="17">
        <v>4</v>
      </c>
      <c r="P72" s="17">
        <v>82</v>
      </c>
      <c r="Q72" s="17">
        <v>103</v>
      </c>
      <c r="R72" s="17">
        <v>6129</v>
      </c>
    </row>
    <row r="73" spans="1:18">
      <c r="A73" s="21" t="s">
        <v>2115</v>
      </c>
      <c r="B73" s="10" t="s">
        <v>25</v>
      </c>
      <c r="C73" s="11" t="s">
        <v>25</v>
      </c>
      <c r="D73" s="17">
        <v>4093</v>
      </c>
      <c r="E73" s="17">
        <v>57</v>
      </c>
      <c r="F73" s="17">
        <v>1034</v>
      </c>
      <c r="G73" s="17">
        <v>3002</v>
      </c>
      <c r="H73" s="17">
        <v>167498</v>
      </c>
      <c r="I73" s="17">
        <v>2359</v>
      </c>
      <c r="J73" s="17">
        <v>33</v>
      </c>
      <c r="K73" s="17">
        <v>326</v>
      </c>
      <c r="L73" s="17">
        <v>2000</v>
      </c>
      <c r="M73" s="17">
        <v>108367</v>
      </c>
      <c r="N73" s="17">
        <v>1734</v>
      </c>
      <c r="O73" s="17">
        <v>24</v>
      </c>
      <c r="P73" s="17">
        <v>708</v>
      </c>
      <c r="Q73" s="17">
        <v>1002</v>
      </c>
      <c r="R73" s="17">
        <v>59131</v>
      </c>
    </row>
    <row r="74" spans="1:18">
      <c r="A74" s="21" t="s">
        <v>2116</v>
      </c>
      <c r="B74" s="10" t="s">
        <v>25</v>
      </c>
      <c r="C74" s="11" t="s">
        <v>25</v>
      </c>
      <c r="D74" s="17">
        <v>680</v>
      </c>
      <c r="E74" s="17">
        <v>7</v>
      </c>
      <c r="F74" s="17">
        <v>189</v>
      </c>
      <c r="G74" s="17">
        <v>484</v>
      </c>
      <c r="H74" s="17">
        <v>26924</v>
      </c>
      <c r="I74" s="17">
        <v>370</v>
      </c>
      <c r="J74" s="17">
        <v>6</v>
      </c>
      <c r="K74" s="17">
        <v>54</v>
      </c>
      <c r="L74" s="17">
        <v>310</v>
      </c>
      <c r="M74" s="17">
        <v>16428</v>
      </c>
      <c r="N74" s="17">
        <v>310</v>
      </c>
      <c r="O74" s="17">
        <v>1</v>
      </c>
      <c r="P74" s="17">
        <v>135</v>
      </c>
      <c r="Q74" s="17">
        <v>174</v>
      </c>
      <c r="R74" s="17">
        <v>10496</v>
      </c>
    </row>
    <row r="75" spans="1:18">
      <c r="A75" s="21" t="s">
        <v>2117</v>
      </c>
      <c r="B75" s="10" t="s">
        <v>25</v>
      </c>
      <c r="C75" s="11" t="s">
        <v>25</v>
      </c>
      <c r="D75" s="17">
        <v>954</v>
      </c>
      <c r="E75" s="17">
        <v>14</v>
      </c>
      <c r="F75" s="17">
        <v>245</v>
      </c>
      <c r="G75" s="17">
        <v>695</v>
      </c>
      <c r="H75" s="17">
        <v>38962</v>
      </c>
      <c r="I75" s="17">
        <v>529</v>
      </c>
      <c r="J75" s="18">
        <v>3</v>
      </c>
      <c r="K75" s="17">
        <v>82</v>
      </c>
      <c r="L75" s="17">
        <v>444</v>
      </c>
      <c r="M75" s="17">
        <v>24576</v>
      </c>
      <c r="N75" s="17">
        <v>425</v>
      </c>
      <c r="O75" s="17">
        <v>11</v>
      </c>
      <c r="P75" s="17">
        <v>163</v>
      </c>
      <c r="Q75" s="17">
        <v>251</v>
      </c>
      <c r="R75" s="17">
        <v>14386</v>
      </c>
    </row>
    <row r="76" spans="1:18">
      <c r="A76" s="21" t="s">
        <v>2118</v>
      </c>
      <c r="B76" s="10" t="s">
        <v>25</v>
      </c>
      <c r="C76" s="11" t="s">
        <v>25</v>
      </c>
      <c r="D76" s="17">
        <v>581</v>
      </c>
      <c r="E76" s="17">
        <v>10</v>
      </c>
      <c r="F76" s="17">
        <v>117</v>
      </c>
      <c r="G76" s="17">
        <v>454</v>
      </c>
      <c r="H76" s="17">
        <v>25097</v>
      </c>
      <c r="I76" s="17">
        <v>336</v>
      </c>
      <c r="J76" s="17">
        <v>5</v>
      </c>
      <c r="K76" s="17">
        <v>37</v>
      </c>
      <c r="L76" s="17">
        <v>294</v>
      </c>
      <c r="M76" s="17">
        <v>16130</v>
      </c>
      <c r="N76" s="17">
        <v>245</v>
      </c>
      <c r="O76" s="17">
        <v>5</v>
      </c>
      <c r="P76" s="17">
        <v>80</v>
      </c>
      <c r="Q76" s="17">
        <v>160</v>
      </c>
      <c r="R76" s="17">
        <v>8967</v>
      </c>
    </row>
    <row r="77" spans="1:18">
      <c r="A77" s="21" t="s">
        <v>2119</v>
      </c>
      <c r="B77" s="10" t="s">
        <v>25</v>
      </c>
      <c r="C77" s="11" t="s">
        <v>25</v>
      </c>
      <c r="D77" s="17">
        <v>650</v>
      </c>
      <c r="E77" s="17">
        <v>9</v>
      </c>
      <c r="F77" s="17">
        <v>174</v>
      </c>
      <c r="G77" s="17">
        <v>467</v>
      </c>
      <c r="H77" s="17">
        <v>26051</v>
      </c>
      <c r="I77" s="17">
        <v>383</v>
      </c>
      <c r="J77" s="17">
        <v>6</v>
      </c>
      <c r="K77" s="17">
        <v>50</v>
      </c>
      <c r="L77" s="17">
        <v>327</v>
      </c>
      <c r="M77" s="17">
        <v>17262</v>
      </c>
      <c r="N77" s="17">
        <v>267</v>
      </c>
      <c r="O77" s="17">
        <v>3</v>
      </c>
      <c r="P77" s="17">
        <v>124</v>
      </c>
      <c r="Q77" s="17">
        <v>140</v>
      </c>
      <c r="R77" s="17">
        <v>8789</v>
      </c>
    </row>
    <row r="78" spans="1:18">
      <c r="A78" s="21" t="s">
        <v>2120</v>
      </c>
      <c r="B78" s="10" t="s">
        <v>25</v>
      </c>
      <c r="C78" s="11" t="s">
        <v>25</v>
      </c>
      <c r="D78" s="17">
        <v>663</v>
      </c>
      <c r="E78" s="17">
        <v>8</v>
      </c>
      <c r="F78" s="17">
        <v>180</v>
      </c>
      <c r="G78" s="17">
        <v>475</v>
      </c>
      <c r="H78" s="17">
        <v>26552</v>
      </c>
      <c r="I78" s="17">
        <v>408</v>
      </c>
      <c r="J78" s="17">
        <v>5</v>
      </c>
      <c r="K78" s="17">
        <v>67</v>
      </c>
      <c r="L78" s="17">
        <v>336</v>
      </c>
      <c r="M78" s="17">
        <v>18214</v>
      </c>
      <c r="N78" s="17">
        <v>255</v>
      </c>
      <c r="O78" s="17">
        <v>3</v>
      </c>
      <c r="P78" s="17">
        <v>113</v>
      </c>
      <c r="Q78" s="17">
        <v>139</v>
      </c>
      <c r="R78" s="17">
        <v>8338</v>
      </c>
    </row>
    <row r="79" spans="1:18">
      <c r="A79" s="21" t="s">
        <v>2121</v>
      </c>
      <c r="B79" s="10" t="s">
        <v>25</v>
      </c>
      <c r="C79" s="11" t="s">
        <v>25</v>
      </c>
      <c r="D79" s="17">
        <v>565</v>
      </c>
      <c r="E79" s="17">
        <v>9</v>
      </c>
      <c r="F79" s="17">
        <v>129</v>
      </c>
      <c r="G79" s="17">
        <v>427</v>
      </c>
      <c r="H79" s="17">
        <v>23912</v>
      </c>
      <c r="I79" s="17">
        <v>333</v>
      </c>
      <c r="J79" s="17">
        <v>8</v>
      </c>
      <c r="K79" s="17">
        <v>36</v>
      </c>
      <c r="L79" s="17">
        <v>289</v>
      </c>
      <c r="M79" s="17">
        <v>15757</v>
      </c>
      <c r="N79" s="17">
        <v>232</v>
      </c>
      <c r="O79" s="17">
        <v>1</v>
      </c>
      <c r="P79" s="17">
        <v>93</v>
      </c>
      <c r="Q79" s="17">
        <v>138</v>
      </c>
      <c r="R79" s="17">
        <v>8155</v>
      </c>
    </row>
    <row r="80" spans="1:18">
      <c r="A80" s="21" t="s">
        <v>2122</v>
      </c>
      <c r="B80" s="10" t="s">
        <v>25</v>
      </c>
      <c r="C80" s="11" t="s">
        <v>25</v>
      </c>
      <c r="D80" s="17">
        <v>3511</v>
      </c>
      <c r="E80" s="17">
        <v>55</v>
      </c>
      <c r="F80" s="17">
        <v>849</v>
      </c>
      <c r="G80" s="17">
        <v>2603</v>
      </c>
      <c r="H80" s="17">
        <v>143346</v>
      </c>
      <c r="I80" s="17">
        <v>2005</v>
      </c>
      <c r="J80" s="17">
        <v>34</v>
      </c>
      <c r="K80" s="17">
        <v>232</v>
      </c>
      <c r="L80" s="17">
        <v>1737</v>
      </c>
      <c r="M80" s="17">
        <v>92243</v>
      </c>
      <c r="N80" s="17">
        <v>1506</v>
      </c>
      <c r="O80" s="18">
        <v>21</v>
      </c>
      <c r="P80" s="17">
        <v>617</v>
      </c>
      <c r="Q80" s="17">
        <v>866</v>
      </c>
      <c r="R80" s="17">
        <v>51103</v>
      </c>
    </row>
    <row r="81" spans="1:18">
      <c r="A81" s="21" t="s">
        <v>2123</v>
      </c>
      <c r="B81" s="10" t="s">
        <v>25</v>
      </c>
      <c r="C81" s="11" t="s">
        <v>25</v>
      </c>
      <c r="D81" s="17">
        <v>744</v>
      </c>
      <c r="E81" s="17">
        <v>16</v>
      </c>
      <c r="F81" s="17">
        <v>173</v>
      </c>
      <c r="G81" s="17">
        <v>552</v>
      </c>
      <c r="H81" s="17">
        <v>30027</v>
      </c>
      <c r="I81" s="17">
        <v>420</v>
      </c>
      <c r="J81" s="17">
        <v>12</v>
      </c>
      <c r="K81" s="17">
        <v>51</v>
      </c>
      <c r="L81" s="17">
        <v>356</v>
      </c>
      <c r="M81" s="17">
        <v>18638</v>
      </c>
      <c r="N81" s="17">
        <v>324</v>
      </c>
      <c r="O81" s="18">
        <v>4</v>
      </c>
      <c r="P81" s="17">
        <v>122</v>
      </c>
      <c r="Q81" s="17">
        <v>196</v>
      </c>
      <c r="R81" s="17">
        <v>11389</v>
      </c>
    </row>
    <row r="82" spans="1:18">
      <c r="A82" s="21" t="s">
        <v>2124</v>
      </c>
      <c r="B82" s="10" t="s">
        <v>25</v>
      </c>
      <c r="C82" s="11" t="s">
        <v>25</v>
      </c>
      <c r="D82" s="17">
        <v>608</v>
      </c>
      <c r="E82" s="18">
        <v>7</v>
      </c>
      <c r="F82" s="17">
        <v>122</v>
      </c>
      <c r="G82" s="17">
        <v>479</v>
      </c>
      <c r="H82" s="17">
        <v>25573</v>
      </c>
      <c r="I82" s="17">
        <v>384</v>
      </c>
      <c r="J82" s="18">
        <v>6</v>
      </c>
      <c r="K82" s="17">
        <v>39</v>
      </c>
      <c r="L82" s="17">
        <v>339</v>
      </c>
      <c r="M82" s="17">
        <v>17747</v>
      </c>
      <c r="N82" s="17">
        <v>224</v>
      </c>
      <c r="O82" s="18">
        <v>1</v>
      </c>
      <c r="P82" s="17">
        <v>83</v>
      </c>
      <c r="Q82" s="17">
        <v>140</v>
      </c>
      <c r="R82" s="17">
        <v>7826</v>
      </c>
    </row>
    <row r="83" spans="1:18">
      <c r="A83" s="21" t="s">
        <v>2125</v>
      </c>
      <c r="B83" s="10" t="s">
        <v>25</v>
      </c>
      <c r="C83" s="11" t="s">
        <v>25</v>
      </c>
      <c r="D83" s="17">
        <v>437</v>
      </c>
      <c r="E83" s="18">
        <v>9</v>
      </c>
      <c r="F83" s="17">
        <v>113</v>
      </c>
      <c r="G83" s="17">
        <v>315</v>
      </c>
      <c r="H83" s="17">
        <v>17723</v>
      </c>
      <c r="I83" s="17">
        <v>256</v>
      </c>
      <c r="J83" s="18">
        <v>2</v>
      </c>
      <c r="K83" s="17">
        <v>31</v>
      </c>
      <c r="L83" s="17">
        <v>223</v>
      </c>
      <c r="M83" s="17">
        <v>11972</v>
      </c>
      <c r="N83" s="17">
        <v>181</v>
      </c>
      <c r="O83" s="18">
        <v>7</v>
      </c>
      <c r="P83" s="17">
        <v>82</v>
      </c>
      <c r="Q83" s="17">
        <v>92</v>
      </c>
      <c r="R83" s="17">
        <v>5751</v>
      </c>
    </row>
    <row r="84" spans="1:18">
      <c r="A84" s="21" t="s">
        <v>2126</v>
      </c>
      <c r="B84" s="10" t="s">
        <v>25</v>
      </c>
      <c r="C84" s="11" t="s">
        <v>25</v>
      </c>
      <c r="D84" s="18">
        <v>558</v>
      </c>
      <c r="E84" s="18">
        <v>4</v>
      </c>
      <c r="F84" s="18">
        <v>146</v>
      </c>
      <c r="G84" s="18">
        <v>408</v>
      </c>
      <c r="H84" s="18">
        <v>22430</v>
      </c>
      <c r="I84" s="18">
        <v>324</v>
      </c>
      <c r="J84" s="18">
        <v>4</v>
      </c>
      <c r="K84" s="18">
        <v>45</v>
      </c>
      <c r="L84" s="18">
        <v>275</v>
      </c>
      <c r="M84" s="18">
        <v>14616</v>
      </c>
      <c r="N84" s="18">
        <v>234</v>
      </c>
      <c r="O84" s="18" t="s">
        <v>2472</v>
      </c>
      <c r="P84" s="18">
        <v>101</v>
      </c>
      <c r="Q84" s="18">
        <v>133</v>
      </c>
      <c r="R84" s="18">
        <v>7814</v>
      </c>
    </row>
    <row r="85" spans="1:18">
      <c r="A85" s="21" t="s">
        <v>2127</v>
      </c>
      <c r="B85" s="10" t="s">
        <v>25</v>
      </c>
      <c r="C85" s="11" t="s">
        <v>25</v>
      </c>
      <c r="D85" s="18">
        <v>1164</v>
      </c>
      <c r="E85" s="18">
        <v>19</v>
      </c>
      <c r="F85" s="18">
        <v>295</v>
      </c>
      <c r="G85" s="18">
        <v>849</v>
      </c>
      <c r="H85" s="18">
        <v>47593</v>
      </c>
      <c r="I85" s="18">
        <v>621</v>
      </c>
      <c r="J85" s="18">
        <v>10</v>
      </c>
      <c r="K85" s="18">
        <v>66</v>
      </c>
      <c r="L85" s="18">
        <v>544</v>
      </c>
      <c r="M85" s="18">
        <v>29270</v>
      </c>
      <c r="N85" s="18">
        <v>543</v>
      </c>
      <c r="O85" s="18">
        <v>9</v>
      </c>
      <c r="P85" s="18">
        <v>229</v>
      </c>
      <c r="Q85" s="18">
        <v>305</v>
      </c>
      <c r="R85" s="18">
        <v>18323</v>
      </c>
    </row>
    <row r="86" spans="1:18">
      <c r="A86" s="21" t="s">
        <v>2128</v>
      </c>
      <c r="B86" s="10" t="s">
        <v>25</v>
      </c>
      <c r="C86" s="11" t="s">
        <v>25</v>
      </c>
      <c r="D86" s="18">
        <v>3193</v>
      </c>
      <c r="E86" s="18">
        <v>47</v>
      </c>
      <c r="F86" s="18">
        <v>776</v>
      </c>
      <c r="G86" s="18">
        <v>2367</v>
      </c>
      <c r="H86" s="18">
        <v>131591</v>
      </c>
      <c r="I86" s="18">
        <v>1865</v>
      </c>
      <c r="J86" s="18">
        <v>23</v>
      </c>
      <c r="K86" s="18">
        <v>210</v>
      </c>
      <c r="L86" s="18">
        <v>1632</v>
      </c>
      <c r="M86" s="18">
        <v>87337</v>
      </c>
      <c r="N86" s="18">
        <v>1328</v>
      </c>
      <c r="O86" s="18">
        <v>24</v>
      </c>
      <c r="P86" s="18">
        <v>566</v>
      </c>
      <c r="Q86" s="18">
        <v>735</v>
      </c>
      <c r="R86" s="18">
        <v>44254</v>
      </c>
    </row>
    <row r="87" spans="1:18">
      <c r="A87" s="21" t="s">
        <v>2129</v>
      </c>
      <c r="B87" s="10" t="s">
        <v>25</v>
      </c>
      <c r="C87" s="11" t="s">
        <v>25</v>
      </c>
      <c r="D87" s="17">
        <v>701</v>
      </c>
      <c r="E87" s="17">
        <v>9</v>
      </c>
      <c r="F87" s="17">
        <v>166</v>
      </c>
      <c r="G87" s="17">
        <v>526</v>
      </c>
      <c r="H87" s="17">
        <v>29049</v>
      </c>
      <c r="I87" s="17">
        <v>391</v>
      </c>
      <c r="J87" s="17">
        <v>5</v>
      </c>
      <c r="K87" s="17">
        <v>37</v>
      </c>
      <c r="L87" s="17">
        <v>349</v>
      </c>
      <c r="M87" s="17">
        <v>18596</v>
      </c>
      <c r="N87" s="17">
        <v>310</v>
      </c>
      <c r="O87" s="17">
        <v>4</v>
      </c>
      <c r="P87" s="17">
        <v>129</v>
      </c>
      <c r="Q87" s="17">
        <v>177</v>
      </c>
      <c r="R87" s="17">
        <v>10453</v>
      </c>
    </row>
    <row r="88" spans="1:18">
      <c r="A88" s="21" t="s">
        <v>2130</v>
      </c>
      <c r="B88" s="10" t="s">
        <v>25</v>
      </c>
      <c r="C88" s="11" t="s">
        <v>25</v>
      </c>
      <c r="D88" s="17">
        <v>410</v>
      </c>
      <c r="E88" s="17">
        <v>6</v>
      </c>
      <c r="F88" s="17">
        <v>110</v>
      </c>
      <c r="G88" s="17">
        <v>294</v>
      </c>
      <c r="H88" s="17">
        <v>16604</v>
      </c>
      <c r="I88" s="17">
        <v>233</v>
      </c>
      <c r="J88" s="17">
        <v>2</v>
      </c>
      <c r="K88" s="17">
        <v>22</v>
      </c>
      <c r="L88" s="17">
        <v>209</v>
      </c>
      <c r="M88" s="17">
        <v>11108</v>
      </c>
      <c r="N88" s="17">
        <v>177</v>
      </c>
      <c r="O88" s="17">
        <v>4</v>
      </c>
      <c r="P88" s="17">
        <v>88</v>
      </c>
      <c r="Q88" s="17">
        <v>85</v>
      </c>
      <c r="R88" s="17">
        <v>5496</v>
      </c>
    </row>
    <row r="89" spans="1:18">
      <c r="A89" s="21" t="s">
        <v>2131</v>
      </c>
      <c r="B89" s="10" t="s">
        <v>25</v>
      </c>
      <c r="C89" s="11" t="s">
        <v>25</v>
      </c>
      <c r="D89" s="17">
        <v>748</v>
      </c>
      <c r="E89" s="17">
        <v>8</v>
      </c>
      <c r="F89" s="17">
        <v>182</v>
      </c>
      <c r="G89" s="17">
        <v>558</v>
      </c>
      <c r="H89" s="17">
        <v>30992</v>
      </c>
      <c r="I89" s="17">
        <v>456</v>
      </c>
      <c r="J89" s="17">
        <v>5</v>
      </c>
      <c r="K89" s="17">
        <v>54</v>
      </c>
      <c r="L89" s="17">
        <v>397</v>
      </c>
      <c r="M89" s="17">
        <v>21286</v>
      </c>
      <c r="N89" s="17">
        <v>292</v>
      </c>
      <c r="O89" s="17">
        <v>3</v>
      </c>
      <c r="P89" s="17">
        <v>128</v>
      </c>
      <c r="Q89" s="17">
        <v>161</v>
      </c>
      <c r="R89" s="17">
        <v>9706</v>
      </c>
    </row>
    <row r="90" spans="1:18">
      <c r="A90" s="21" t="s">
        <v>2132</v>
      </c>
      <c r="B90" s="10" t="s">
        <v>25</v>
      </c>
      <c r="C90" s="11" t="s">
        <v>25</v>
      </c>
      <c r="D90" s="17">
        <v>417</v>
      </c>
      <c r="E90" s="17">
        <v>13</v>
      </c>
      <c r="F90" s="17">
        <v>90</v>
      </c>
      <c r="G90" s="17">
        <v>314</v>
      </c>
      <c r="H90" s="17">
        <v>17270</v>
      </c>
      <c r="I90" s="17">
        <v>233</v>
      </c>
      <c r="J90" s="17">
        <v>5</v>
      </c>
      <c r="K90" s="17">
        <v>24</v>
      </c>
      <c r="L90" s="17">
        <v>204</v>
      </c>
      <c r="M90" s="17">
        <v>11027</v>
      </c>
      <c r="N90" s="17">
        <v>184</v>
      </c>
      <c r="O90" s="17">
        <v>8</v>
      </c>
      <c r="P90" s="17">
        <v>66</v>
      </c>
      <c r="Q90" s="17">
        <v>110</v>
      </c>
      <c r="R90" s="17">
        <v>6243</v>
      </c>
    </row>
    <row r="91" spans="1:18">
      <c r="A91" s="21" t="s">
        <v>2133</v>
      </c>
      <c r="B91" s="10" t="s">
        <v>25</v>
      </c>
      <c r="C91" s="11" t="s">
        <v>25</v>
      </c>
      <c r="D91" s="17">
        <v>917</v>
      </c>
      <c r="E91" s="17">
        <v>11</v>
      </c>
      <c r="F91" s="17">
        <v>228</v>
      </c>
      <c r="G91" s="17">
        <v>675</v>
      </c>
      <c r="H91" s="17">
        <v>37676</v>
      </c>
      <c r="I91" s="17">
        <v>552</v>
      </c>
      <c r="J91" s="17">
        <v>6</v>
      </c>
      <c r="K91" s="17">
        <v>73</v>
      </c>
      <c r="L91" s="17">
        <v>473</v>
      </c>
      <c r="M91" s="17">
        <v>25320</v>
      </c>
      <c r="N91" s="17">
        <v>365</v>
      </c>
      <c r="O91" s="18">
        <v>5</v>
      </c>
      <c r="P91" s="17">
        <v>155</v>
      </c>
      <c r="Q91" s="17">
        <v>202</v>
      </c>
      <c r="R91" s="17">
        <v>12356</v>
      </c>
    </row>
    <row r="92" spans="1:18">
      <c r="A92" s="21" t="s">
        <v>2134</v>
      </c>
      <c r="B92" s="10" t="s">
        <v>25</v>
      </c>
      <c r="C92" s="11" t="s">
        <v>25</v>
      </c>
      <c r="D92" s="17">
        <v>2136</v>
      </c>
      <c r="E92" s="17">
        <v>37</v>
      </c>
      <c r="F92" s="17">
        <v>570</v>
      </c>
      <c r="G92" s="17">
        <v>1525</v>
      </c>
      <c r="H92" s="17">
        <v>85652</v>
      </c>
      <c r="I92" s="17">
        <v>1207</v>
      </c>
      <c r="J92" s="17">
        <v>22</v>
      </c>
      <c r="K92" s="17">
        <v>184</v>
      </c>
      <c r="L92" s="17">
        <v>999</v>
      </c>
      <c r="M92" s="17">
        <v>54461</v>
      </c>
      <c r="N92" s="17">
        <v>929</v>
      </c>
      <c r="O92" s="17">
        <v>15</v>
      </c>
      <c r="P92" s="17">
        <v>386</v>
      </c>
      <c r="Q92" s="17">
        <v>526</v>
      </c>
      <c r="R92" s="17">
        <v>31191</v>
      </c>
    </row>
    <row r="93" spans="1:18">
      <c r="A93" s="21" t="s">
        <v>2135</v>
      </c>
      <c r="B93" s="10" t="s">
        <v>25</v>
      </c>
      <c r="C93" s="11" t="s">
        <v>25</v>
      </c>
      <c r="D93" s="17">
        <v>399</v>
      </c>
      <c r="E93" s="17">
        <v>8</v>
      </c>
      <c r="F93" s="17">
        <v>109</v>
      </c>
      <c r="G93" s="17">
        <v>282</v>
      </c>
      <c r="H93" s="17">
        <v>15511</v>
      </c>
      <c r="I93" s="17">
        <v>232</v>
      </c>
      <c r="J93" s="17">
        <v>5</v>
      </c>
      <c r="K93" s="17">
        <v>46</v>
      </c>
      <c r="L93" s="17">
        <v>181</v>
      </c>
      <c r="M93" s="17">
        <v>9887</v>
      </c>
      <c r="N93" s="17">
        <v>167</v>
      </c>
      <c r="O93" s="17">
        <v>3</v>
      </c>
      <c r="P93" s="17">
        <v>63</v>
      </c>
      <c r="Q93" s="17">
        <v>101</v>
      </c>
      <c r="R93" s="17">
        <v>5624</v>
      </c>
    </row>
    <row r="94" spans="1:18">
      <c r="A94" s="21" t="s">
        <v>2136</v>
      </c>
      <c r="B94" s="10" t="s">
        <v>25</v>
      </c>
      <c r="C94" s="11" t="s">
        <v>25</v>
      </c>
      <c r="D94" s="17">
        <v>840</v>
      </c>
      <c r="E94" s="17">
        <v>15</v>
      </c>
      <c r="F94" s="17">
        <v>219</v>
      </c>
      <c r="G94" s="17">
        <v>604</v>
      </c>
      <c r="H94" s="17">
        <v>33686</v>
      </c>
      <c r="I94" s="17">
        <v>469</v>
      </c>
      <c r="J94" s="17">
        <v>10</v>
      </c>
      <c r="K94" s="17">
        <v>69</v>
      </c>
      <c r="L94" s="17">
        <v>389</v>
      </c>
      <c r="M94" s="17">
        <v>21086</v>
      </c>
      <c r="N94" s="17">
        <v>371</v>
      </c>
      <c r="O94" s="17">
        <v>5</v>
      </c>
      <c r="P94" s="17">
        <v>150</v>
      </c>
      <c r="Q94" s="17">
        <v>215</v>
      </c>
      <c r="R94" s="17">
        <v>12600</v>
      </c>
    </row>
    <row r="95" spans="1:18">
      <c r="A95" s="21" t="s">
        <v>2137</v>
      </c>
      <c r="B95" s="10" t="s">
        <v>25</v>
      </c>
      <c r="C95" s="11" t="s">
        <v>25</v>
      </c>
      <c r="D95" s="17">
        <v>897</v>
      </c>
      <c r="E95" s="17">
        <v>14</v>
      </c>
      <c r="F95" s="17">
        <v>242</v>
      </c>
      <c r="G95" s="17">
        <v>639</v>
      </c>
      <c r="H95" s="17">
        <v>36455</v>
      </c>
      <c r="I95" s="17">
        <v>506</v>
      </c>
      <c r="J95" s="17">
        <v>7</v>
      </c>
      <c r="K95" s="17">
        <v>69</v>
      </c>
      <c r="L95" s="17">
        <v>429</v>
      </c>
      <c r="M95" s="17">
        <v>23488</v>
      </c>
      <c r="N95" s="17">
        <v>391</v>
      </c>
      <c r="O95" s="17">
        <v>7</v>
      </c>
      <c r="P95" s="17">
        <v>173</v>
      </c>
      <c r="Q95" s="17">
        <v>210</v>
      </c>
      <c r="R95" s="17">
        <v>12967</v>
      </c>
    </row>
    <row r="96" spans="1:18">
      <c r="A96" s="21" t="s">
        <v>2138</v>
      </c>
      <c r="B96" s="10" t="s">
        <v>25</v>
      </c>
      <c r="C96" s="11" t="s">
        <v>25</v>
      </c>
      <c r="D96" s="17" t="s">
        <v>35</v>
      </c>
      <c r="E96" s="17" t="s">
        <v>35</v>
      </c>
      <c r="F96" s="17" t="s">
        <v>35</v>
      </c>
      <c r="G96" s="17" t="s">
        <v>35</v>
      </c>
      <c r="H96" s="17" t="s">
        <v>35</v>
      </c>
      <c r="I96" s="17" t="s">
        <v>35</v>
      </c>
      <c r="J96" s="17" t="s">
        <v>35</v>
      </c>
      <c r="K96" s="17" t="s">
        <v>35</v>
      </c>
      <c r="L96" s="17" t="s">
        <v>35</v>
      </c>
      <c r="M96" s="17" t="s">
        <v>35</v>
      </c>
      <c r="N96" s="17" t="s">
        <v>35</v>
      </c>
      <c r="O96" s="17" t="s">
        <v>35</v>
      </c>
      <c r="P96" s="17" t="s">
        <v>35</v>
      </c>
      <c r="Q96" s="17" t="s">
        <v>35</v>
      </c>
      <c r="R96" s="17" t="s">
        <v>35</v>
      </c>
    </row>
    <row r="97" spans="1:18">
      <c r="A97" s="21" t="s">
        <v>2139</v>
      </c>
      <c r="B97" s="10" t="s">
        <v>25</v>
      </c>
      <c r="C97" s="11" t="s">
        <v>25</v>
      </c>
      <c r="D97" s="17">
        <v>3625</v>
      </c>
      <c r="E97" s="17">
        <v>51</v>
      </c>
      <c r="F97" s="17">
        <v>1000</v>
      </c>
      <c r="G97" s="17">
        <v>2564</v>
      </c>
      <c r="H97" s="17">
        <v>144518</v>
      </c>
      <c r="I97" s="17">
        <v>2081</v>
      </c>
      <c r="J97" s="17">
        <v>27</v>
      </c>
      <c r="K97" s="17">
        <v>305</v>
      </c>
      <c r="L97" s="17">
        <v>1743</v>
      </c>
      <c r="M97" s="17">
        <v>93677</v>
      </c>
      <c r="N97" s="17">
        <v>1544</v>
      </c>
      <c r="O97" s="17">
        <v>24</v>
      </c>
      <c r="P97" s="17">
        <v>695</v>
      </c>
      <c r="Q97" s="17">
        <v>821</v>
      </c>
      <c r="R97" s="17">
        <v>50841</v>
      </c>
    </row>
    <row r="98" spans="1:18">
      <c r="A98" s="21" t="s">
        <v>2140</v>
      </c>
      <c r="B98" s="10" t="s">
        <v>25</v>
      </c>
      <c r="C98" s="11" t="s">
        <v>25</v>
      </c>
      <c r="D98" s="17">
        <v>985</v>
      </c>
      <c r="E98" s="17">
        <v>11</v>
      </c>
      <c r="F98" s="17">
        <v>257</v>
      </c>
      <c r="G98" s="17">
        <v>711</v>
      </c>
      <c r="H98" s="17">
        <v>39767</v>
      </c>
      <c r="I98" s="17">
        <v>565</v>
      </c>
      <c r="J98" s="17">
        <v>4</v>
      </c>
      <c r="K98" s="17">
        <v>72</v>
      </c>
      <c r="L98" s="17">
        <v>486</v>
      </c>
      <c r="M98" s="17">
        <v>26133</v>
      </c>
      <c r="N98" s="17">
        <v>420</v>
      </c>
      <c r="O98" s="17">
        <v>7</v>
      </c>
      <c r="P98" s="17">
        <v>185</v>
      </c>
      <c r="Q98" s="17">
        <v>225</v>
      </c>
      <c r="R98" s="17">
        <v>13634</v>
      </c>
    </row>
    <row r="99" spans="1:18">
      <c r="A99" s="21" t="s">
        <v>2141</v>
      </c>
      <c r="B99" s="10" t="s">
        <v>25</v>
      </c>
      <c r="C99" s="11" t="s">
        <v>25</v>
      </c>
      <c r="D99" s="17">
        <v>814</v>
      </c>
      <c r="E99" s="17">
        <v>14</v>
      </c>
      <c r="F99" s="17">
        <v>225</v>
      </c>
      <c r="G99" s="17">
        <v>572</v>
      </c>
      <c r="H99" s="17">
        <v>32161</v>
      </c>
      <c r="I99" s="17">
        <v>456</v>
      </c>
      <c r="J99" s="17">
        <v>6</v>
      </c>
      <c r="K99" s="17">
        <v>71</v>
      </c>
      <c r="L99" s="17">
        <v>377</v>
      </c>
      <c r="M99" s="17">
        <v>20109</v>
      </c>
      <c r="N99" s="17">
        <v>358</v>
      </c>
      <c r="O99" s="17">
        <v>8</v>
      </c>
      <c r="P99" s="17">
        <v>154</v>
      </c>
      <c r="Q99" s="17">
        <v>195</v>
      </c>
      <c r="R99" s="17">
        <v>12052</v>
      </c>
    </row>
    <row r="100" spans="1:18">
      <c r="A100" s="21" t="s">
        <v>2142</v>
      </c>
      <c r="B100" s="10" t="s">
        <v>25</v>
      </c>
      <c r="C100" s="11" t="s">
        <v>25</v>
      </c>
      <c r="D100" s="17">
        <v>1032</v>
      </c>
      <c r="E100" s="17">
        <v>15</v>
      </c>
      <c r="F100" s="17">
        <v>287</v>
      </c>
      <c r="G100" s="17">
        <v>729</v>
      </c>
      <c r="H100" s="17">
        <v>40840</v>
      </c>
      <c r="I100" s="17">
        <v>586</v>
      </c>
      <c r="J100" s="17">
        <v>10</v>
      </c>
      <c r="K100" s="17">
        <v>81</v>
      </c>
      <c r="L100" s="17">
        <v>494</v>
      </c>
      <c r="M100" s="17">
        <v>26362</v>
      </c>
      <c r="N100" s="17">
        <v>446</v>
      </c>
      <c r="O100" s="17">
        <v>5</v>
      </c>
      <c r="P100" s="17">
        <v>206</v>
      </c>
      <c r="Q100" s="17">
        <v>235</v>
      </c>
      <c r="R100" s="17">
        <v>14478</v>
      </c>
    </row>
    <row r="101" spans="1:18">
      <c r="A101" s="21" t="s">
        <v>2143</v>
      </c>
      <c r="B101" s="10" t="s">
        <v>25</v>
      </c>
      <c r="C101" s="11" t="s">
        <v>25</v>
      </c>
      <c r="D101" s="17">
        <v>794</v>
      </c>
      <c r="E101" s="17">
        <v>11</v>
      </c>
      <c r="F101" s="17">
        <v>231</v>
      </c>
      <c r="G101" s="17">
        <v>552</v>
      </c>
      <c r="H101" s="17">
        <v>31750</v>
      </c>
      <c r="I101" s="17">
        <v>474</v>
      </c>
      <c r="J101" s="17">
        <v>7</v>
      </c>
      <c r="K101" s="17">
        <v>81</v>
      </c>
      <c r="L101" s="17">
        <v>386</v>
      </c>
      <c r="M101" s="17">
        <v>21073</v>
      </c>
      <c r="N101" s="17">
        <v>320</v>
      </c>
      <c r="O101" s="17">
        <v>4</v>
      </c>
      <c r="P101" s="17">
        <v>150</v>
      </c>
      <c r="Q101" s="17">
        <v>166</v>
      </c>
      <c r="R101" s="17">
        <v>10677</v>
      </c>
    </row>
    <row r="102" spans="1:18">
      <c r="A102" s="21" t="s">
        <v>2144</v>
      </c>
      <c r="B102" s="10" t="s">
        <v>25</v>
      </c>
      <c r="C102" s="11" t="s">
        <v>25</v>
      </c>
      <c r="D102" s="17">
        <v>2973</v>
      </c>
      <c r="E102" s="18">
        <v>58</v>
      </c>
      <c r="F102" s="17">
        <v>810</v>
      </c>
      <c r="G102" s="17">
        <v>2098</v>
      </c>
      <c r="H102" s="17">
        <v>119565</v>
      </c>
      <c r="I102" s="17">
        <v>1764</v>
      </c>
      <c r="J102" s="18">
        <v>35</v>
      </c>
      <c r="K102" s="17">
        <v>276</v>
      </c>
      <c r="L102" s="17">
        <v>1447</v>
      </c>
      <c r="M102" s="17">
        <v>79241</v>
      </c>
      <c r="N102" s="17">
        <v>1209</v>
      </c>
      <c r="O102" s="18">
        <v>23</v>
      </c>
      <c r="P102" s="17">
        <v>534</v>
      </c>
      <c r="Q102" s="17">
        <v>651</v>
      </c>
      <c r="R102" s="17">
        <v>40324</v>
      </c>
    </row>
    <row r="103" spans="1:18">
      <c r="A103" s="21" t="s">
        <v>2145</v>
      </c>
      <c r="B103" s="10" t="s">
        <v>25</v>
      </c>
      <c r="C103" s="11" t="s">
        <v>25</v>
      </c>
      <c r="D103" s="17">
        <v>1016</v>
      </c>
      <c r="E103" s="17">
        <v>25</v>
      </c>
      <c r="F103" s="17">
        <v>284</v>
      </c>
      <c r="G103" s="17">
        <v>701</v>
      </c>
      <c r="H103" s="17">
        <v>39645</v>
      </c>
      <c r="I103" s="17">
        <v>543</v>
      </c>
      <c r="J103" s="17">
        <v>12</v>
      </c>
      <c r="K103" s="17">
        <v>84</v>
      </c>
      <c r="L103" s="17">
        <v>442</v>
      </c>
      <c r="M103" s="17">
        <v>24062</v>
      </c>
      <c r="N103" s="17">
        <v>473</v>
      </c>
      <c r="O103" s="17">
        <v>13</v>
      </c>
      <c r="P103" s="17">
        <v>200</v>
      </c>
      <c r="Q103" s="17">
        <v>259</v>
      </c>
      <c r="R103" s="17">
        <v>15583</v>
      </c>
    </row>
    <row r="104" spans="1:18">
      <c r="A104" s="21" t="s">
        <v>2146</v>
      </c>
      <c r="B104" s="10" t="s">
        <v>25</v>
      </c>
      <c r="C104" s="11" t="s">
        <v>25</v>
      </c>
      <c r="D104" s="17">
        <v>406</v>
      </c>
      <c r="E104" s="17">
        <v>6</v>
      </c>
      <c r="F104" s="17">
        <v>102</v>
      </c>
      <c r="G104" s="17">
        <v>297</v>
      </c>
      <c r="H104" s="17">
        <v>16779</v>
      </c>
      <c r="I104" s="17">
        <v>255</v>
      </c>
      <c r="J104" s="17">
        <v>4</v>
      </c>
      <c r="K104" s="17">
        <v>34</v>
      </c>
      <c r="L104" s="17">
        <v>216</v>
      </c>
      <c r="M104" s="17">
        <v>11717</v>
      </c>
      <c r="N104" s="17">
        <v>151</v>
      </c>
      <c r="O104" s="17">
        <v>2</v>
      </c>
      <c r="P104" s="17">
        <v>68</v>
      </c>
      <c r="Q104" s="17">
        <v>81</v>
      </c>
      <c r="R104" s="17">
        <v>5062</v>
      </c>
    </row>
    <row r="105" spans="1:18">
      <c r="A105" s="21" t="s">
        <v>2147</v>
      </c>
      <c r="B105" s="10" t="s">
        <v>25</v>
      </c>
      <c r="C105" s="11" t="s">
        <v>25</v>
      </c>
      <c r="D105" s="17">
        <v>603</v>
      </c>
      <c r="E105" s="17">
        <v>11</v>
      </c>
      <c r="F105" s="17">
        <v>195</v>
      </c>
      <c r="G105" s="17">
        <v>397</v>
      </c>
      <c r="H105" s="17">
        <v>23919</v>
      </c>
      <c r="I105" s="17">
        <v>356</v>
      </c>
      <c r="J105" s="17">
        <v>7</v>
      </c>
      <c r="K105" s="17">
        <v>68</v>
      </c>
      <c r="L105" s="17">
        <v>281</v>
      </c>
      <c r="M105" s="17">
        <v>16034</v>
      </c>
      <c r="N105" s="17">
        <v>247</v>
      </c>
      <c r="O105" s="17">
        <v>4</v>
      </c>
      <c r="P105" s="17">
        <v>127</v>
      </c>
      <c r="Q105" s="17">
        <v>116</v>
      </c>
      <c r="R105" s="17">
        <v>7885</v>
      </c>
    </row>
    <row r="106" spans="1:18">
      <c r="A106" s="21" t="s">
        <v>2148</v>
      </c>
      <c r="B106" s="10" t="s">
        <v>25</v>
      </c>
      <c r="C106" s="11" t="s">
        <v>25</v>
      </c>
      <c r="D106" s="17">
        <v>948</v>
      </c>
      <c r="E106" s="17">
        <v>16</v>
      </c>
      <c r="F106" s="17">
        <v>229</v>
      </c>
      <c r="G106" s="17">
        <v>703</v>
      </c>
      <c r="H106" s="17">
        <v>39222</v>
      </c>
      <c r="I106" s="17">
        <v>610</v>
      </c>
      <c r="J106" s="17">
        <v>12</v>
      </c>
      <c r="K106" s="17">
        <v>90</v>
      </c>
      <c r="L106" s="17">
        <v>508</v>
      </c>
      <c r="M106" s="17">
        <v>27428</v>
      </c>
      <c r="N106" s="17">
        <v>338</v>
      </c>
      <c r="O106" s="17">
        <v>4</v>
      </c>
      <c r="P106" s="17">
        <v>139</v>
      </c>
      <c r="Q106" s="17">
        <v>195</v>
      </c>
      <c r="R106" s="17">
        <v>11794</v>
      </c>
    </row>
    <row r="107" spans="1:18">
      <c r="A107" s="21" t="s">
        <v>2149</v>
      </c>
      <c r="B107" s="10" t="s">
        <v>25</v>
      </c>
      <c r="C107" s="11" t="s">
        <v>25</v>
      </c>
      <c r="D107" s="17">
        <v>2272</v>
      </c>
      <c r="E107" s="17">
        <v>39</v>
      </c>
      <c r="F107" s="17">
        <v>645</v>
      </c>
      <c r="G107" s="17">
        <v>1583</v>
      </c>
      <c r="H107" s="17">
        <v>88862</v>
      </c>
      <c r="I107" s="17">
        <v>1322</v>
      </c>
      <c r="J107" s="17">
        <v>23</v>
      </c>
      <c r="K107" s="17">
        <v>243</v>
      </c>
      <c r="L107" s="17">
        <v>1054</v>
      </c>
      <c r="M107" s="17">
        <v>56775</v>
      </c>
      <c r="N107" s="17">
        <v>950</v>
      </c>
      <c r="O107" s="17">
        <v>16</v>
      </c>
      <c r="P107" s="17">
        <v>402</v>
      </c>
      <c r="Q107" s="17">
        <v>529</v>
      </c>
      <c r="R107" s="17">
        <v>32087</v>
      </c>
    </row>
    <row r="108" spans="1:18">
      <c r="A108" s="21" t="s">
        <v>2150</v>
      </c>
      <c r="B108" s="10" t="s">
        <v>25</v>
      </c>
      <c r="C108" s="11" t="s">
        <v>25</v>
      </c>
      <c r="D108" s="17">
        <v>500</v>
      </c>
      <c r="E108" s="17">
        <v>10</v>
      </c>
      <c r="F108" s="17">
        <v>140</v>
      </c>
      <c r="G108" s="17">
        <v>349</v>
      </c>
      <c r="H108" s="17">
        <v>19557</v>
      </c>
      <c r="I108" s="17">
        <v>290</v>
      </c>
      <c r="J108" s="17">
        <v>5</v>
      </c>
      <c r="K108" s="17">
        <v>43</v>
      </c>
      <c r="L108" s="17">
        <v>242</v>
      </c>
      <c r="M108" s="17">
        <v>12880</v>
      </c>
      <c r="N108" s="17">
        <v>210</v>
      </c>
      <c r="O108" s="17">
        <v>5</v>
      </c>
      <c r="P108" s="17">
        <v>97</v>
      </c>
      <c r="Q108" s="17">
        <v>107</v>
      </c>
      <c r="R108" s="17">
        <v>6677</v>
      </c>
    </row>
    <row r="109" spans="1:18">
      <c r="A109" s="21" t="s">
        <v>2151</v>
      </c>
      <c r="B109" s="10" t="s">
        <v>25</v>
      </c>
      <c r="C109" s="11" t="s">
        <v>25</v>
      </c>
      <c r="D109" s="17">
        <v>574</v>
      </c>
      <c r="E109" s="17">
        <v>6</v>
      </c>
      <c r="F109" s="17">
        <v>163</v>
      </c>
      <c r="G109" s="17">
        <v>404</v>
      </c>
      <c r="H109" s="17">
        <v>23219</v>
      </c>
      <c r="I109" s="17">
        <v>339</v>
      </c>
      <c r="J109" s="17">
        <v>3</v>
      </c>
      <c r="K109" s="17">
        <v>68</v>
      </c>
      <c r="L109" s="17">
        <v>267</v>
      </c>
      <c r="M109" s="17">
        <v>14744</v>
      </c>
      <c r="N109" s="17">
        <v>235</v>
      </c>
      <c r="O109" s="17">
        <v>3</v>
      </c>
      <c r="P109" s="17">
        <v>95</v>
      </c>
      <c r="Q109" s="17">
        <v>137</v>
      </c>
      <c r="R109" s="17">
        <v>8475</v>
      </c>
    </row>
    <row r="110" spans="1:18">
      <c r="A110" s="21" t="s">
        <v>2152</v>
      </c>
      <c r="B110" s="10" t="s">
        <v>25</v>
      </c>
      <c r="C110" s="11" t="s">
        <v>25</v>
      </c>
      <c r="D110" s="17">
        <v>312</v>
      </c>
      <c r="E110" s="17">
        <v>5</v>
      </c>
      <c r="F110" s="17">
        <v>89</v>
      </c>
      <c r="G110" s="17">
        <v>218</v>
      </c>
      <c r="H110" s="17">
        <v>12088</v>
      </c>
      <c r="I110" s="17">
        <v>196</v>
      </c>
      <c r="J110" s="17">
        <v>5</v>
      </c>
      <c r="K110" s="17">
        <v>40</v>
      </c>
      <c r="L110" s="17">
        <v>151</v>
      </c>
      <c r="M110" s="17">
        <v>8143</v>
      </c>
      <c r="N110" s="17">
        <v>116</v>
      </c>
      <c r="O110" s="17" t="s">
        <v>35</v>
      </c>
      <c r="P110" s="17">
        <v>49</v>
      </c>
      <c r="Q110" s="17">
        <v>67</v>
      </c>
      <c r="R110" s="17">
        <v>3945</v>
      </c>
    </row>
    <row r="111" spans="1:18">
      <c r="A111" s="21" t="s">
        <v>2153</v>
      </c>
      <c r="B111" s="10" t="s">
        <v>25</v>
      </c>
      <c r="C111" s="11" t="s">
        <v>25</v>
      </c>
      <c r="D111" s="17">
        <v>469</v>
      </c>
      <c r="E111" s="17">
        <v>9</v>
      </c>
      <c r="F111" s="17">
        <v>142</v>
      </c>
      <c r="G111" s="17">
        <v>318</v>
      </c>
      <c r="H111" s="17">
        <v>18003</v>
      </c>
      <c r="I111" s="17">
        <v>266</v>
      </c>
      <c r="J111" s="17">
        <v>6</v>
      </c>
      <c r="K111" s="17">
        <v>59</v>
      </c>
      <c r="L111" s="17">
        <v>201</v>
      </c>
      <c r="M111" s="17">
        <v>11007</v>
      </c>
      <c r="N111" s="17">
        <v>203</v>
      </c>
      <c r="O111" s="17">
        <v>3</v>
      </c>
      <c r="P111" s="17">
        <v>83</v>
      </c>
      <c r="Q111" s="17">
        <v>117</v>
      </c>
      <c r="R111" s="17">
        <v>6996</v>
      </c>
    </row>
    <row r="112" spans="1:18">
      <c r="A112" s="21" t="s">
        <v>2154</v>
      </c>
      <c r="B112" s="10" t="s">
        <v>25</v>
      </c>
      <c r="C112" s="11" t="s">
        <v>25</v>
      </c>
      <c r="D112" s="17">
        <v>78</v>
      </c>
      <c r="E112" s="17">
        <v>2</v>
      </c>
      <c r="F112" s="17">
        <v>21</v>
      </c>
      <c r="G112" s="17">
        <v>55</v>
      </c>
      <c r="H112" s="17">
        <v>2954</v>
      </c>
      <c r="I112" s="17">
        <v>44</v>
      </c>
      <c r="J112" s="17" t="s">
        <v>35</v>
      </c>
      <c r="K112" s="17">
        <v>6</v>
      </c>
      <c r="L112" s="17">
        <v>38</v>
      </c>
      <c r="M112" s="17">
        <v>1924</v>
      </c>
      <c r="N112" s="17">
        <v>34</v>
      </c>
      <c r="O112" s="17">
        <v>2</v>
      </c>
      <c r="P112" s="17">
        <v>15</v>
      </c>
      <c r="Q112" s="17">
        <v>17</v>
      </c>
      <c r="R112" s="17">
        <v>1030</v>
      </c>
    </row>
    <row r="113" spans="1:18">
      <c r="A113" s="21" t="s">
        <v>2155</v>
      </c>
      <c r="B113" s="10" t="s">
        <v>25</v>
      </c>
      <c r="C113" s="11" t="s">
        <v>25</v>
      </c>
      <c r="D113" s="17">
        <v>233</v>
      </c>
      <c r="E113" s="17">
        <v>4</v>
      </c>
      <c r="F113" s="17">
        <v>58</v>
      </c>
      <c r="G113" s="17">
        <v>168</v>
      </c>
      <c r="H113" s="17">
        <v>8843</v>
      </c>
      <c r="I113" s="17">
        <v>125</v>
      </c>
      <c r="J113" s="17">
        <v>1</v>
      </c>
      <c r="K113" s="17">
        <v>18</v>
      </c>
      <c r="L113" s="17">
        <v>105</v>
      </c>
      <c r="M113" s="17">
        <v>5245</v>
      </c>
      <c r="N113" s="17">
        <v>108</v>
      </c>
      <c r="O113" s="17">
        <v>3</v>
      </c>
      <c r="P113" s="17">
        <v>40</v>
      </c>
      <c r="Q113" s="17">
        <v>63</v>
      </c>
      <c r="R113" s="17">
        <v>3598</v>
      </c>
    </row>
    <row r="114" spans="1:18">
      <c r="A114" s="21" t="s">
        <v>2156</v>
      </c>
      <c r="B114" s="10" t="s">
        <v>25</v>
      </c>
      <c r="C114" s="11" t="s">
        <v>25</v>
      </c>
      <c r="D114" s="18">
        <v>106</v>
      </c>
      <c r="E114" s="18">
        <v>3</v>
      </c>
      <c r="F114" s="18">
        <v>32</v>
      </c>
      <c r="G114" s="18">
        <v>71</v>
      </c>
      <c r="H114" s="18">
        <v>4198</v>
      </c>
      <c r="I114" s="18">
        <v>62</v>
      </c>
      <c r="J114" s="18">
        <v>3</v>
      </c>
      <c r="K114" s="18">
        <v>9</v>
      </c>
      <c r="L114" s="18">
        <v>50</v>
      </c>
      <c r="M114" s="18">
        <v>2832</v>
      </c>
      <c r="N114" s="18">
        <v>44</v>
      </c>
      <c r="O114" s="18" t="s">
        <v>35</v>
      </c>
      <c r="P114" s="18">
        <v>23</v>
      </c>
      <c r="Q114" s="18">
        <v>21</v>
      </c>
      <c r="R114" s="18">
        <v>1366</v>
      </c>
    </row>
    <row r="115" spans="1:18">
      <c r="A115" s="21" t="s">
        <v>2157</v>
      </c>
      <c r="B115" s="10" t="s">
        <v>25</v>
      </c>
      <c r="C115" s="11" t="s">
        <v>25</v>
      </c>
      <c r="D115" s="18">
        <v>2201</v>
      </c>
      <c r="E115" s="18">
        <v>39</v>
      </c>
      <c r="F115" s="18">
        <v>599</v>
      </c>
      <c r="G115" s="18">
        <v>1563</v>
      </c>
      <c r="H115" s="18">
        <v>88138</v>
      </c>
      <c r="I115" s="18">
        <v>1262</v>
      </c>
      <c r="J115" s="18">
        <v>25</v>
      </c>
      <c r="K115" s="18">
        <v>193</v>
      </c>
      <c r="L115" s="18">
        <v>1044</v>
      </c>
      <c r="M115" s="18">
        <v>56413</v>
      </c>
      <c r="N115" s="18">
        <v>939</v>
      </c>
      <c r="O115" s="18">
        <v>14</v>
      </c>
      <c r="P115" s="18">
        <v>406</v>
      </c>
      <c r="Q115" s="18">
        <v>519</v>
      </c>
      <c r="R115" s="18">
        <v>31725</v>
      </c>
    </row>
    <row r="116" spans="1:18">
      <c r="A116" s="21" t="s">
        <v>2158</v>
      </c>
      <c r="B116" s="10" t="s">
        <v>25</v>
      </c>
      <c r="C116" s="11" t="s">
        <v>25</v>
      </c>
      <c r="D116" s="17">
        <v>642</v>
      </c>
      <c r="E116" s="17">
        <v>12</v>
      </c>
      <c r="F116" s="17">
        <v>185</v>
      </c>
      <c r="G116" s="17">
        <v>445</v>
      </c>
      <c r="H116" s="17">
        <v>25585</v>
      </c>
      <c r="I116" s="17">
        <v>369</v>
      </c>
      <c r="J116" s="17">
        <v>7</v>
      </c>
      <c r="K116" s="17">
        <v>56</v>
      </c>
      <c r="L116" s="17">
        <v>306</v>
      </c>
      <c r="M116" s="17">
        <v>16504</v>
      </c>
      <c r="N116" s="17">
        <v>273</v>
      </c>
      <c r="O116" s="17">
        <v>5</v>
      </c>
      <c r="P116" s="17">
        <v>129</v>
      </c>
      <c r="Q116" s="17">
        <v>139</v>
      </c>
      <c r="R116" s="17">
        <v>9081</v>
      </c>
    </row>
    <row r="117" spans="1:18">
      <c r="A117" s="21" t="s">
        <v>2159</v>
      </c>
      <c r="B117" s="10" t="s">
        <v>25</v>
      </c>
      <c r="C117" s="11" t="s">
        <v>25</v>
      </c>
      <c r="D117" s="17">
        <v>534</v>
      </c>
      <c r="E117" s="18">
        <v>10</v>
      </c>
      <c r="F117" s="17">
        <v>135</v>
      </c>
      <c r="G117" s="17">
        <v>389</v>
      </c>
      <c r="H117" s="17">
        <v>21075</v>
      </c>
      <c r="I117" s="17">
        <v>306</v>
      </c>
      <c r="J117" s="18">
        <v>6</v>
      </c>
      <c r="K117" s="17">
        <v>45</v>
      </c>
      <c r="L117" s="17">
        <v>255</v>
      </c>
      <c r="M117" s="17">
        <v>13453</v>
      </c>
      <c r="N117" s="17">
        <v>228</v>
      </c>
      <c r="O117" s="18">
        <v>4</v>
      </c>
      <c r="P117" s="17">
        <v>90</v>
      </c>
      <c r="Q117" s="17">
        <v>134</v>
      </c>
      <c r="R117" s="17">
        <v>7622</v>
      </c>
    </row>
    <row r="118" spans="1:18">
      <c r="A118" s="21" t="s">
        <v>2160</v>
      </c>
      <c r="B118" s="10" t="s">
        <v>25</v>
      </c>
      <c r="C118" s="11" t="s">
        <v>25</v>
      </c>
      <c r="D118" s="17">
        <v>712</v>
      </c>
      <c r="E118" s="17">
        <v>13</v>
      </c>
      <c r="F118" s="17">
        <v>188</v>
      </c>
      <c r="G118" s="17">
        <v>511</v>
      </c>
      <c r="H118" s="17">
        <v>29222</v>
      </c>
      <c r="I118" s="17">
        <v>397</v>
      </c>
      <c r="J118" s="18">
        <v>9</v>
      </c>
      <c r="K118" s="17">
        <v>56</v>
      </c>
      <c r="L118" s="17">
        <v>332</v>
      </c>
      <c r="M118" s="17">
        <v>18280</v>
      </c>
      <c r="N118" s="17">
        <v>315</v>
      </c>
      <c r="O118" s="17">
        <v>4</v>
      </c>
      <c r="P118" s="17">
        <v>132</v>
      </c>
      <c r="Q118" s="17">
        <v>179</v>
      </c>
      <c r="R118" s="17">
        <v>10942</v>
      </c>
    </row>
    <row r="119" spans="1:18">
      <c r="A119" s="21" t="s">
        <v>2161</v>
      </c>
      <c r="B119" s="10" t="s">
        <v>25</v>
      </c>
      <c r="C119" s="11" t="s">
        <v>25</v>
      </c>
      <c r="D119" s="17">
        <v>313</v>
      </c>
      <c r="E119" s="18">
        <v>4</v>
      </c>
      <c r="F119" s="17">
        <v>91</v>
      </c>
      <c r="G119" s="17">
        <v>218</v>
      </c>
      <c r="H119" s="17">
        <v>12256</v>
      </c>
      <c r="I119" s="17">
        <v>190</v>
      </c>
      <c r="J119" s="18">
        <v>3</v>
      </c>
      <c r="K119" s="17">
        <v>36</v>
      </c>
      <c r="L119" s="17">
        <v>151</v>
      </c>
      <c r="M119" s="17">
        <v>8176</v>
      </c>
      <c r="N119" s="17">
        <v>123</v>
      </c>
      <c r="O119" s="18">
        <v>1</v>
      </c>
      <c r="P119" s="17">
        <v>55</v>
      </c>
      <c r="Q119" s="17">
        <v>67</v>
      </c>
      <c r="R119" s="17">
        <v>4080</v>
      </c>
    </row>
    <row r="120" spans="1:18">
      <c r="A120" s="21" t="s">
        <v>2162</v>
      </c>
      <c r="B120" s="10" t="s">
        <v>25</v>
      </c>
      <c r="C120" s="11" t="s">
        <v>25</v>
      </c>
      <c r="D120" s="17">
        <v>3562</v>
      </c>
      <c r="E120" s="17">
        <v>70</v>
      </c>
      <c r="F120" s="17">
        <v>1000</v>
      </c>
      <c r="G120" s="17">
        <v>2487</v>
      </c>
      <c r="H120" s="17">
        <v>140657</v>
      </c>
      <c r="I120" s="17">
        <v>2128</v>
      </c>
      <c r="J120" s="17">
        <v>47</v>
      </c>
      <c r="K120" s="17">
        <v>358</v>
      </c>
      <c r="L120" s="17">
        <v>1720</v>
      </c>
      <c r="M120" s="17">
        <v>92967</v>
      </c>
      <c r="N120" s="17">
        <v>1434</v>
      </c>
      <c r="O120" s="17">
        <v>23</v>
      </c>
      <c r="P120" s="17">
        <v>642</v>
      </c>
      <c r="Q120" s="17">
        <v>767</v>
      </c>
      <c r="R120" s="17">
        <v>47690</v>
      </c>
    </row>
    <row r="121" spans="1:18">
      <c r="A121" s="21" t="s">
        <v>2163</v>
      </c>
      <c r="B121" s="10" t="s">
        <v>25</v>
      </c>
      <c r="C121" s="11" t="s">
        <v>25</v>
      </c>
      <c r="D121" s="17">
        <v>1074</v>
      </c>
      <c r="E121" s="17">
        <v>24</v>
      </c>
      <c r="F121" s="17">
        <v>296</v>
      </c>
      <c r="G121" s="17">
        <v>754</v>
      </c>
      <c r="H121" s="17">
        <v>42735</v>
      </c>
      <c r="I121" s="17">
        <v>634</v>
      </c>
      <c r="J121" s="17">
        <v>17</v>
      </c>
      <c r="K121" s="17">
        <v>108</v>
      </c>
      <c r="L121" s="17">
        <v>509</v>
      </c>
      <c r="M121" s="17">
        <v>27411</v>
      </c>
      <c r="N121" s="17">
        <v>440</v>
      </c>
      <c r="O121" s="17">
        <v>7</v>
      </c>
      <c r="P121" s="17">
        <v>188</v>
      </c>
      <c r="Q121" s="17">
        <v>245</v>
      </c>
      <c r="R121" s="17">
        <v>15324</v>
      </c>
    </row>
    <row r="122" spans="1:18">
      <c r="A122" s="21" t="s">
        <v>2164</v>
      </c>
      <c r="B122" s="10" t="s">
        <v>25</v>
      </c>
      <c r="C122" s="11" t="s">
        <v>25</v>
      </c>
      <c r="D122" s="17">
        <v>311</v>
      </c>
      <c r="E122" s="17">
        <v>8</v>
      </c>
      <c r="F122" s="17">
        <v>89</v>
      </c>
      <c r="G122" s="17">
        <v>214</v>
      </c>
      <c r="H122" s="17">
        <v>12109</v>
      </c>
      <c r="I122" s="17">
        <v>183</v>
      </c>
      <c r="J122" s="17">
        <v>6</v>
      </c>
      <c r="K122" s="17">
        <v>27</v>
      </c>
      <c r="L122" s="17">
        <v>150</v>
      </c>
      <c r="M122" s="17">
        <v>8037</v>
      </c>
      <c r="N122" s="17">
        <v>128</v>
      </c>
      <c r="O122" s="17">
        <v>2</v>
      </c>
      <c r="P122" s="17">
        <v>62</v>
      </c>
      <c r="Q122" s="17">
        <v>64</v>
      </c>
      <c r="R122" s="17">
        <v>4072</v>
      </c>
    </row>
    <row r="123" spans="1:18">
      <c r="A123" s="21" t="s">
        <v>2165</v>
      </c>
      <c r="B123" s="10" t="s">
        <v>25</v>
      </c>
      <c r="C123" s="11" t="s">
        <v>25</v>
      </c>
      <c r="D123" s="17">
        <v>331</v>
      </c>
      <c r="E123" s="17">
        <v>6</v>
      </c>
      <c r="F123" s="17">
        <v>111</v>
      </c>
      <c r="G123" s="17">
        <v>211</v>
      </c>
      <c r="H123" s="17">
        <v>12282</v>
      </c>
      <c r="I123" s="17">
        <v>202</v>
      </c>
      <c r="J123" s="17">
        <v>4</v>
      </c>
      <c r="K123" s="17">
        <v>49</v>
      </c>
      <c r="L123" s="17">
        <v>147</v>
      </c>
      <c r="M123" s="17">
        <v>8223</v>
      </c>
      <c r="N123" s="17">
        <v>129</v>
      </c>
      <c r="O123" s="17">
        <v>2</v>
      </c>
      <c r="P123" s="17">
        <v>62</v>
      </c>
      <c r="Q123" s="17">
        <v>64</v>
      </c>
      <c r="R123" s="17">
        <v>4059</v>
      </c>
    </row>
    <row r="124" spans="1:18">
      <c r="A124" s="21" t="s">
        <v>2166</v>
      </c>
      <c r="B124" s="10" t="s">
        <v>25</v>
      </c>
      <c r="C124" s="11" t="s">
        <v>25</v>
      </c>
      <c r="D124" s="17">
        <v>449</v>
      </c>
      <c r="E124" s="17">
        <v>4</v>
      </c>
      <c r="F124" s="17">
        <v>116</v>
      </c>
      <c r="G124" s="17">
        <v>329</v>
      </c>
      <c r="H124" s="17">
        <v>17935</v>
      </c>
      <c r="I124" s="17">
        <v>259</v>
      </c>
      <c r="J124" s="17">
        <v>3</v>
      </c>
      <c r="K124" s="17">
        <v>43</v>
      </c>
      <c r="L124" s="17">
        <v>213</v>
      </c>
      <c r="M124" s="17">
        <v>11391</v>
      </c>
      <c r="N124" s="17">
        <v>190</v>
      </c>
      <c r="O124" s="17">
        <v>1</v>
      </c>
      <c r="P124" s="17">
        <v>73</v>
      </c>
      <c r="Q124" s="17">
        <v>116</v>
      </c>
      <c r="R124" s="17">
        <v>6544</v>
      </c>
    </row>
    <row r="125" spans="1:18">
      <c r="A125" s="21" t="s">
        <v>2167</v>
      </c>
      <c r="B125" s="10" t="s">
        <v>25</v>
      </c>
      <c r="C125" s="11" t="s">
        <v>25</v>
      </c>
      <c r="D125" s="17">
        <v>198</v>
      </c>
      <c r="E125" s="17">
        <v>5</v>
      </c>
      <c r="F125" s="17">
        <v>52</v>
      </c>
      <c r="G125" s="17">
        <v>141</v>
      </c>
      <c r="H125" s="17">
        <v>8029</v>
      </c>
      <c r="I125" s="17">
        <v>118</v>
      </c>
      <c r="J125" s="17">
        <v>4</v>
      </c>
      <c r="K125" s="17">
        <v>14</v>
      </c>
      <c r="L125" s="17">
        <v>100</v>
      </c>
      <c r="M125" s="17">
        <v>5387</v>
      </c>
      <c r="N125" s="17">
        <v>80</v>
      </c>
      <c r="O125" s="17">
        <v>1</v>
      </c>
      <c r="P125" s="17">
        <v>38</v>
      </c>
      <c r="Q125" s="17">
        <v>41</v>
      </c>
      <c r="R125" s="17">
        <v>2642</v>
      </c>
    </row>
    <row r="126" spans="1:18">
      <c r="A126" s="21" t="s">
        <v>2168</v>
      </c>
      <c r="B126" s="10" t="s">
        <v>25</v>
      </c>
      <c r="C126" s="11" t="s">
        <v>25</v>
      </c>
      <c r="D126" s="17">
        <v>379</v>
      </c>
      <c r="E126" s="17">
        <v>9</v>
      </c>
      <c r="F126" s="17">
        <v>110</v>
      </c>
      <c r="G126" s="17">
        <v>259</v>
      </c>
      <c r="H126" s="17">
        <v>14698</v>
      </c>
      <c r="I126" s="17">
        <v>220</v>
      </c>
      <c r="J126" s="17">
        <v>3</v>
      </c>
      <c r="K126" s="17">
        <v>37</v>
      </c>
      <c r="L126" s="17">
        <v>179</v>
      </c>
      <c r="M126" s="17">
        <v>9704</v>
      </c>
      <c r="N126" s="17">
        <v>159</v>
      </c>
      <c r="O126" s="17">
        <v>6</v>
      </c>
      <c r="P126" s="17">
        <v>73</v>
      </c>
      <c r="Q126" s="17">
        <v>80</v>
      </c>
      <c r="R126" s="17">
        <v>4994</v>
      </c>
    </row>
    <row r="127" spans="1:18">
      <c r="A127" s="21" t="s">
        <v>2169</v>
      </c>
      <c r="B127" s="10" t="s">
        <v>25</v>
      </c>
      <c r="C127" s="11" t="s">
        <v>25</v>
      </c>
      <c r="D127" s="17">
        <v>255</v>
      </c>
      <c r="E127" s="17">
        <v>5</v>
      </c>
      <c r="F127" s="17">
        <v>73</v>
      </c>
      <c r="G127" s="17">
        <v>176</v>
      </c>
      <c r="H127" s="17">
        <v>10194</v>
      </c>
      <c r="I127" s="17">
        <v>150</v>
      </c>
      <c r="J127" s="17">
        <v>3</v>
      </c>
      <c r="K127" s="17">
        <v>21</v>
      </c>
      <c r="L127" s="17">
        <v>126</v>
      </c>
      <c r="M127" s="17">
        <v>6898</v>
      </c>
      <c r="N127" s="17">
        <v>105</v>
      </c>
      <c r="O127" s="17">
        <v>2</v>
      </c>
      <c r="P127" s="17">
        <v>52</v>
      </c>
      <c r="Q127" s="17">
        <v>50</v>
      </c>
      <c r="R127" s="17">
        <v>3296</v>
      </c>
    </row>
    <row r="128" spans="1:18">
      <c r="A128" s="21" t="s">
        <v>2170</v>
      </c>
      <c r="B128" s="10" t="s">
        <v>25</v>
      </c>
      <c r="C128" s="11" t="s">
        <v>25</v>
      </c>
      <c r="D128" s="17">
        <v>291</v>
      </c>
      <c r="E128" s="17">
        <v>1</v>
      </c>
      <c r="F128" s="17">
        <v>85</v>
      </c>
      <c r="G128" s="17">
        <v>205</v>
      </c>
      <c r="H128" s="17">
        <v>11866</v>
      </c>
      <c r="I128" s="17">
        <v>193</v>
      </c>
      <c r="J128" s="17" t="s">
        <v>35</v>
      </c>
      <c r="K128" s="17">
        <v>39</v>
      </c>
      <c r="L128" s="17">
        <v>154</v>
      </c>
      <c r="M128" s="17">
        <v>8617</v>
      </c>
      <c r="N128" s="17">
        <v>98</v>
      </c>
      <c r="O128" s="17">
        <v>1</v>
      </c>
      <c r="P128" s="17">
        <v>46</v>
      </c>
      <c r="Q128" s="17">
        <v>51</v>
      </c>
      <c r="R128" s="17">
        <v>3249</v>
      </c>
    </row>
    <row r="129" spans="1:18">
      <c r="A129" s="21" t="s">
        <v>2171</v>
      </c>
      <c r="B129" s="10" t="s">
        <v>25</v>
      </c>
      <c r="C129" s="11" t="s">
        <v>25</v>
      </c>
      <c r="D129" s="17">
        <v>274</v>
      </c>
      <c r="E129" s="17">
        <v>8</v>
      </c>
      <c r="F129" s="17">
        <v>68</v>
      </c>
      <c r="G129" s="17">
        <v>198</v>
      </c>
      <c r="H129" s="17">
        <v>10809</v>
      </c>
      <c r="I129" s="17">
        <v>169</v>
      </c>
      <c r="J129" s="17">
        <v>7</v>
      </c>
      <c r="K129" s="17">
        <v>20</v>
      </c>
      <c r="L129" s="17">
        <v>142</v>
      </c>
      <c r="M129" s="17">
        <v>7299</v>
      </c>
      <c r="N129" s="17">
        <v>105</v>
      </c>
      <c r="O129" s="17">
        <v>1</v>
      </c>
      <c r="P129" s="17">
        <v>48</v>
      </c>
      <c r="Q129" s="17">
        <v>56</v>
      </c>
      <c r="R129" s="17">
        <v>3510</v>
      </c>
    </row>
    <row r="130" spans="1:18">
      <c r="B130" s="28"/>
      <c r="C130" s="28"/>
    </row>
    <row r="131" spans="1:18">
      <c r="B131" s="28"/>
      <c r="C131" s="28"/>
    </row>
    <row r="132" spans="1:18">
      <c r="B132" s="28"/>
      <c r="C132" s="28"/>
    </row>
    <row r="133" spans="1:18">
      <c r="B133" s="28"/>
      <c r="C133" s="28"/>
    </row>
    <row r="134" spans="1:18">
      <c r="B134" s="28"/>
      <c r="C134" s="28"/>
    </row>
    <row r="135" spans="1:18">
      <c r="B135" s="28"/>
      <c r="C135" s="28"/>
    </row>
    <row r="136" spans="1:18">
      <c r="B136" s="28"/>
      <c r="C136" s="28"/>
    </row>
    <row r="137" spans="1:18">
      <c r="B137" s="28"/>
      <c r="C137" s="28"/>
    </row>
    <row r="138" spans="1:18">
      <c r="B138" s="28"/>
      <c r="C138" s="28"/>
    </row>
    <row r="139" spans="1:18">
      <c r="B139" s="28"/>
      <c r="C139" s="28"/>
    </row>
    <row r="140" spans="1:18">
      <c r="B140" s="28"/>
      <c r="C140" s="28"/>
    </row>
    <row r="141" spans="1:18">
      <c r="B141" s="28"/>
      <c r="C141" s="28"/>
    </row>
    <row r="142" spans="1:18">
      <c r="B142" s="28"/>
      <c r="C142" s="28"/>
    </row>
    <row r="143" spans="1:18">
      <c r="B143" s="28"/>
      <c r="C143" s="28"/>
    </row>
    <row r="144" spans="1:18">
      <c r="B144" s="28"/>
      <c r="C144" s="28"/>
    </row>
    <row r="145" spans="2:3">
      <c r="B145" s="28"/>
      <c r="C145" s="28"/>
    </row>
    <row r="146" spans="2:3">
      <c r="B146" s="28"/>
      <c r="C146" s="28"/>
    </row>
  </sheetData>
  <mergeCells count="7">
    <mergeCell ref="A3:R3"/>
    <mergeCell ref="A1:D1"/>
    <mergeCell ref="A6:A7"/>
    <mergeCell ref="B6:C7"/>
    <mergeCell ref="D6:H6"/>
    <mergeCell ref="I6:M6"/>
    <mergeCell ref="N6:R6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65" fitToHeight="0" pageOrder="overThenDown" orientation="landscape" horizontalDpi="300" verticalDpi="300" r:id="rId1"/>
  <headerFooter alignWithMargins="0"/>
  <rowBreaks count="1" manualBreakCount="1">
    <brk id="91" max="17" man="1"/>
  </rowBreaks>
  <colBreaks count="1" manualBreakCount="1">
    <brk id="13" max="1048575" man="1"/>
  </colBreaks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R179"/>
  <sheetViews>
    <sheetView zoomScaleNormal="100" workbookViewId="0">
      <selection sqref="A1:XFD2"/>
    </sheetView>
  </sheetViews>
  <sheetFormatPr defaultRowHeight="13.5"/>
  <cols>
    <col min="1" max="1" width="25.83203125" style="12" customWidth="1"/>
    <col min="2" max="3" width="4.83203125" style="12" customWidth="1"/>
    <col min="4" max="4" width="22.1640625" style="9" customWidth="1"/>
    <col min="5" max="5" width="13.6640625" style="9" bestFit="1" customWidth="1"/>
    <col min="6" max="7" width="19.5" style="9" bestFit="1" customWidth="1"/>
    <col min="8" max="8" width="30.33203125" style="9" bestFit="1" customWidth="1"/>
    <col min="9" max="9" width="22.1640625" style="9" customWidth="1"/>
    <col min="10" max="10" width="13.6640625" style="9" bestFit="1" customWidth="1"/>
    <col min="11" max="12" width="19.5" style="9" bestFit="1" customWidth="1"/>
    <col min="13" max="13" width="30.33203125" style="9" bestFit="1" customWidth="1"/>
    <col min="14" max="14" width="22.6640625" style="9" customWidth="1"/>
    <col min="15" max="15" width="13.6640625" style="9" bestFit="1" customWidth="1"/>
    <col min="16" max="17" width="19.5" style="9" bestFit="1" customWidth="1"/>
    <col min="18" max="18" width="30.33203125" style="9" bestFit="1" customWidth="1"/>
    <col min="19" max="16384" width="9.33203125" style="9"/>
  </cols>
  <sheetData>
    <row r="1" spans="1:18" s="1" customFormat="1" ht="16.5" customHeight="1">
      <c r="A1" s="37" t="s">
        <v>0</v>
      </c>
      <c r="B1" s="37"/>
      <c r="C1" s="37"/>
      <c r="D1" s="37"/>
      <c r="E1" s="31"/>
      <c r="F1" s="31"/>
      <c r="G1" s="31"/>
      <c r="H1" s="31"/>
      <c r="I1" s="32"/>
      <c r="J1" s="32"/>
      <c r="K1" s="32"/>
      <c r="L1" s="32"/>
      <c r="M1" s="32"/>
      <c r="N1" s="32"/>
      <c r="O1" s="32"/>
      <c r="P1" s="31"/>
      <c r="Q1" s="31"/>
      <c r="R1" s="31"/>
    </row>
    <row r="2" spans="1:18" s="1" customFormat="1" ht="16.5" customHeight="1">
      <c r="D2" s="31"/>
      <c r="E2" s="31"/>
      <c r="F2" s="31"/>
      <c r="G2" s="31"/>
      <c r="H2" s="31"/>
      <c r="I2" s="32"/>
      <c r="J2" s="32"/>
      <c r="K2" s="32"/>
      <c r="L2" s="32"/>
      <c r="M2" s="32"/>
      <c r="N2" s="32"/>
      <c r="O2" s="32"/>
      <c r="P2" s="31"/>
      <c r="Q2" s="31"/>
      <c r="R2" s="31"/>
    </row>
    <row r="3" spans="1:18">
      <c r="A3" s="38" t="s">
        <v>2462</v>
      </c>
      <c r="B3" s="38"/>
      <c r="C3" s="38"/>
      <c r="D3" s="38"/>
      <c r="E3" s="38"/>
      <c r="F3" s="38"/>
      <c r="G3" s="38"/>
      <c r="H3" s="38"/>
      <c r="I3" s="38"/>
      <c r="J3" s="38"/>
      <c r="K3" s="38"/>
      <c r="L3" s="38"/>
      <c r="M3" s="38"/>
      <c r="N3" s="38"/>
      <c r="O3" s="38"/>
      <c r="P3" s="38"/>
      <c r="Q3" s="38"/>
      <c r="R3" s="38"/>
    </row>
    <row r="4" spans="1:18">
      <c r="A4" s="9"/>
      <c r="B4" s="9"/>
      <c r="C4" s="9"/>
    </row>
    <row r="6" spans="1:18" ht="13.5" customHeight="1">
      <c r="A6" s="48" t="s">
        <v>26</v>
      </c>
      <c r="B6" s="41" t="s">
        <v>27</v>
      </c>
      <c r="C6" s="42"/>
      <c r="D6" s="45" t="s">
        <v>2463</v>
      </c>
      <c r="E6" s="46"/>
      <c r="F6" s="46"/>
      <c r="G6" s="46"/>
      <c r="H6" s="47"/>
      <c r="I6" s="45" t="s">
        <v>2464</v>
      </c>
      <c r="J6" s="46"/>
      <c r="K6" s="46"/>
      <c r="L6" s="46"/>
      <c r="M6" s="47"/>
      <c r="N6" s="45" t="s">
        <v>2465</v>
      </c>
      <c r="O6" s="46"/>
      <c r="P6" s="46"/>
      <c r="Q6" s="46"/>
      <c r="R6" s="47"/>
    </row>
    <row r="7" spans="1:18" s="23" customFormat="1">
      <c r="A7" s="49"/>
      <c r="B7" s="43"/>
      <c r="C7" s="44"/>
      <c r="D7" s="29" t="s">
        <v>2466</v>
      </c>
      <c r="E7" s="29" t="s">
        <v>2467</v>
      </c>
      <c r="F7" s="29" t="s">
        <v>2468</v>
      </c>
      <c r="G7" s="29" t="s">
        <v>2469</v>
      </c>
      <c r="H7" s="29" t="s">
        <v>2470</v>
      </c>
      <c r="I7" s="29" t="s">
        <v>2471</v>
      </c>
      <c r="J7" s="29" t="s">
        <v>2467</v>
      </c>
      <c r="K7" s="29" t="s">
        <v>2468</v>
      </c>
      <c r="L7" s="29" t="s">
        <v>2469</v>
      </c>
      <c r="M7" s="29" t="s">
        <v>2470</v>
      </c>
      <c r="N7" s="29" t="s">
        <v>2471</v>
      </c>
      <c r="O7" s="29" t="s">
        <v>2467</v>
      </c>
      <c r="P7" s="29" t="s">
        <v>2468</v>
      </c>
      <c r="Q7" s="29" t="s">
        <v>2469</v>
      </c>
      <c r="R7" s="29" t="s">
        <v>2470</v>
      </c>
    </row>
    <row r="8" spans="1:18" s="15" customFormat="1">
      <c r="A8" s="20" t="s">
        <v>2172</v>
      </c>
      <c r="B8" s="13" t="s">
        <v>25</v>
      </c>
      <c r="C8" s="14" t="s">
        <v>25</v>
      </c>
      <c r="D8" s="16">
        <v>83967</v>
      </c>
      <c r="E8" s="16">
        <v>1256</v>
      </c>
      <c r="F8" s="16">
        <v>20741</v>
      </c>
      <c r="G8" s="16">
        <v>61920</v>
      </c>
      <c r="H8" s="16">
        <v>3431606</v>
      </c>
      <c r="I8" s="16">
        <v>49121</v>
      </c>
      <c r="J8" s="16">
        <v>727</v>
      </c>
      <c r="K8" s="16">
        <v>5898</v>
      </c>
      <c r="L8" s="16">
        <v>42468</v>
      </c>
      <c r="M8" s="16">
        <v>2262711</v>
      </c>
      <c r="N8" s="16">
        <v>34846</v>
      </c>
      <c r="O8" s="16">
        <v>529</v>
      </c>
      <c r="P8" s="16">
        <v>14843</v>
      </c>
      <c r="Q8" s="16">
        <v>19452</v>
      </c>
      <c r="R8" s="16">
        <v>1168895</v>
      </c>
    </row>
    <row r="9" spans="1:18">
      <c r="A9" s="30" t="s">
        <v>2173</v>
      </c>
      <c r="B9" s="10" t="s">
        <v>25</v>
      </c>
      <c r="C9" s="11" t="s">
        <v>25</v>
      </c>
      <c r="D9" s="17">
        <v>593</v>
      </c>
      <c r="E9" s="17">
        <v>14</v>
      </c>
      <c r="F9" s="17">
        <v>137</v>
      </c>
      <c r="G9" s="17">
        <v>441</v>
      </c>
      <c r="H9" s="17">
        <v>24228</v>
      </c>
      <c r="I9" s="17">
        <v>365</v>
      </c>
      <c r="J9" s="17">
        <v>6</v>
      </c>
      <c r="K9" s="17">
        <v>51</v>
      </c>
      <c r="L9" s="17">
        <v>308</v>
      </c>
      <c r="M9" s="17">
        <v>16579</v>
      </c>
      <c r="N9" s="17">
        <v>228</v>
      </c>
      <c r="O9" s="17">
        <v>8</v>
      </c>
      <c r="P9" s="17">
        <v>86</v>
      </c>
      <c r="Q9" s="17">
        <v>133</v>
      </c>
      <c r="R9" s="17">
        <v>7649</v>
      </c>
    </row>
    <row r="10" spans="1:18">
      <c r="A10" s="21" t="s">
        <v>2174</v>
      </c>
      <c r="B10" s="10" t="s">
        <v>25</v>
      </c>
      <c r="C10" s="11" t="s">
        <v>25</v>
      </c>
      <c r="D10" s="17">
        <v>303</v>
      </c>
      <c r="E10" s="17">
        <v>8</v>
      </c>
      <c r="F10" s="17">
        <v>76</v>
      </c>
      <c r="G10" s="17">
        <v>219</v>
      </c>
      <c r="H10" s="17">
        <v>11842</v>
      </c>
      <c r="I10" s="17">
        <v>198</v>
      </c>
      <c r="J10" s="17">
        <v>3</v>
      </c>
      <c r="K10" s="17">
        <v>30</v>
      </c>
      <c r="L10" s="17">
        <v>165</v>
      </c>
      <c r="M10" s="17">
        <v>8600</v>
      </c>
      <c r="N10" s="17">
        <v>105</v>
      </c>
      <c r="O10" s="17">
        <v>5</v>
      </c>
      <c r="P10" s="17">
        <v>46</v>
      </c>
      <c r="Q10" s="17">
        <v>54</v>
      </c>
      <c r="R10" s="17">
        <v>3242</v>
      </c>
    </row>
    <row r="11" spans="1:18">
      <c r="A11" s="21" t="s">
        <v>2175</v>
      </c>
      <c r="B11" s="10" t="s">
        <v>25</v>
      </c>
      <c r="C11" s="11" t="s">
        <v>25</v>
      </c>
      <c r="D11" s="17">
        <v>290</v>
      </c>
      <c r="E11" s="17">
        <v>6</v>
      </c>
      <c r="F11" s="17">
        <v>61</v>
      </c>
      <c r="G11" s="17">
        <v>222</v>
      </c>
      <c r="H11" s="17">
        <v>12386</v>
      </c>
      <c r="I11" s="17">
        <v>167</v>
      </c>
      <c r="J11" s="17">
        <v>3</v>
      </c>
      <c r="K11" s="17">
        <v>21</v>
      </c>
      <c r="L11" s="17">
        <v>143</v>
      </c>
      <c r="M11" s="17">
        <v>7979</v>
      </c>
      <c r="N11" s="17">
        <v>123</v>
      </c>
      <c r="O11" s="17">
        <v>3</v>
      </c>
      <c r="P11" s="17">
        <v>40</v>
      </c>
      <c r="Q11" s="17">
        <v>79</v>
      </c>
      <c r="R11" s="17">
        <v>4407</v>
      </c>
    </row>
    <row r="12" spans="1:18">
      <c r="A12" s="21" t="s">
        <v>2176</v>
      </c>
      <c r="B12" s="10" t="s">
        <v>25</v>
      </c>
      <c r="C12" s="11" t="s">
        <v>25</v>
      </c>
      <c r="D12" s="17">
        <v>913</v>
      </c>
      <c r="E12" s="17">
        <v>17</v>
      </c>
      <c r="F12" s="17">
        <v>193</v>
      </c>
      <c r="G12" s="17">
        <v>701</v>
      </c>
      <c r="H12" s="17">
        <v>37394</v>
      </c>
      <c r="I12" s="17">
        <v>537</v>
      </c>
      <c r="J12" s="17">
        <v>9</v>
      </c>
      <c r="K12" s="17">
        <v>55</v>
      </c>
      <c r="L12" s="17">
        <v>471</v>
      </c>
      <c r="M12" s="17">
        <v>24686</v>
      </c>
      <c r="N12" s="17">
        <v>376</v>
      </c>
      <c r="O12" s="17">
        <v>8</v>
      </c>
      <c r="P12" s="17">
        <v>138</v>
      </c>
      <c r="Q12" s="17">
        <v>230</v>
      </c>
      <c r="R12" s="17">
        <v>12708</v>
      </c>
    </row>
    <row r="13" spans="1:18">
      <c r="A13" s="21" t="s">
        <v>2177</v>
      </c>
      <c r="B13" s="10" t="s">
        <v>25</v>
      </c>
      <c r="C13" s="11" t="s">
        <v>25</v>
      </c>
      <c r="D13" s="17">
        <v>521</v>
      </c>
      <c r="E13" s="17">
        <v>14</v>
      </c>
      <c r="F13" s="17">
        <v>112</v>
      </c>
      <c r="G13" s="17">
        <v>395</v>
      </c>
      <c r="H13" s="17">
        <v>21226</v>
      </c>
      <c r="I13" s="17">
        <v>295</v>
      </c>
      <c r="J13" s="17">
        <v>7</v>
      </c>
      <c r="K13" s="17">
        <v>30</v>
      </c>
      <c r="L13" s="17">
        <v>258</v>
      </c>
      <c r="M13" s="17">
        <v>13592</v>
      </c>
      <c r="N13" s="17">
        <v>226</v>
      </c>
      <c r="O13" s="17">
        <v>7</v>
      </c>
      <c r="P13" s="17">
        <v>82</v>
      </c>
      <c r="Q13" s="17">
        <v>137</v>
      </c>
      <c r="R13" s="17">
        <v>7634</v>
      </c>
    </row>
    <row r="14" spans="1:18">
      <c r="A14" s="21" t="s">
        <v>2178</v>
      </c>
      <c r="B14" s="10" t="s">
        <v>25</v>
      </c>
      <c r="C14" s="11" t="s">
        <v>25</v>
      </c>
      <c r="D14" s="17">
        <v>392</v>
      </c>
      <c r="E14" s="17">
        <v>3</v>
      </c>
      <c r="F14" s="17">
        <v>81</v>
      </c>
      <c r="G14" s="17">
        <v>306</v>
      </c>
      <c r="H14" s="17">
        <v>16168</v>
      </c>
      <c r="I14" s="17">
        <v>242</v>
      </c>
      <c r="J14" s="17">
        <v>2</v>
      </c>
      <c r="K14" s="17">
        <v>25</v>
      </c>
      <c r="L14" s="17">
        <v>213</v>
      </c>
      <c r="M14" s="17">
        <v>11094</v>
      </c>
      <c r="N14" s="17">
        <v>150</v>
      </c>
      <c r="O14" s="18">
        <v>1</v>
      </c>
      <c r="P14" s="17">
        <v>56</v>
      </c>
      <c r="Q14" s="18">
        <v>93</v>
      </c>
      <c r="R14" s="17">
        <v>5074</v>
      </c>
    </row>
    <row r="15" spans="1:18">
      <c r="A15" s="21" t="s">
        <v>2179</v>
      </c>
      <c r="B15" s="10" t="s">
        <v>25</v>
      </c>
      <c r="C15" s="11" t="s">
        <v>25</v>
      </c>
      <c r="D15" s="17">
        <v>2524</v>
      </c>
      <c r="E15" s="17">
        <v>37</v>
      </c>
      <c r="F15" s="18">
        <v>558</v>
      </c>
      <c r="G15" s="17">
        <v>1926</v>
      </c>
      <c r="H15" s="17">
        <v>106073</v>
      </c>
      <c r="I15" s="17">
        <v>1455</v>
      </c>
      <c r="J15" s="17">
        <v>24</v>
      </c>
      <c r="K15" s="18">
        <v>147</v>
      </c>
      <c r="L15" s="17">
        <v>1283</v>
      </c>
      <c r="M15" s="17">
        <v>68701</v>
      </c>
      <c r="N15" s="17">
        <v>1069</v>
      </c>
      <c r="O15" s="18">
        <v>13</v>
      </c>
      <c r="P15" s="18">
        <v>411</v>
      </c>
      <c r="Q15" s="17">
        <v>643</v>
      </c>
      <c r="R15" s="17">
        <v>37372</v>
      </c>
    </row>
    <row r="16" spans="1:18">
      <c r="A16" s="21" t="s">
        <v>2180</v>
      </c>
      <c r="B16" s="10" t="s">
        <v>25</v>
      </c>
      <c r="C16" s="11" t="s">
        <v>25</v>
      </c>
      <c r="D16" s="17">
        <v>1020</v>
      </c>
      <c r="E16" s="17">
        <v>12</v>
      </c>
      <c r="F16" s="18">
        <v>222</v>
      </c>
      <c r="G16" s="18">
        <v>784</v>
      </c>
      <c r="H16" s="18">
        <v>42740</v>
      </c>
      <c r="I16" s="18">
        <v>594</v>
      </c>
      <c r="J16" s="18">
        <v>8</v>
      </c>
      <c r="K16" s="18">
        <v>55</v>
      </c>
      <c r="L16" s="18">
        <v>531</v>
      </c>
      <c r="M16" s="18">
        <v>27924</v>
      </c>
      <c r="N16" s="17">
        <v>426</v>
      </c>
      <c r="O16" s="17">
        <v>4</v>
      </c>
      <c r="P16" s="18">
        <v>167</v>
      </c>
      <c r="Q16" s="18">
        <v>253</v>
      </c>
      <c r="R16" s="18">
        <v>14816</v>
      </c>
    </row>
    <row r="17" spans="1:18">
      <c r="A17" s="21" t="s">
        <v>2181</v>
      </c>
      <c r="B17" s="10" t="s">
        <v>25</v>
      </c>
      <c r="C17" s="11" t="s">
        <v>25</v>
      </c>
      <c r="D17" s="17">
        <v>785</v>
      </c>
      <c r="E17" s="17">
        <v>14</v>
      </c>
      <c r="F17" s="17">
        <v>173</v>
      </c>
      <c r="G17" s="17">
        <v>598</v>
      </c>
      <c r="H17" s="17">
        <v>33744</v>
      </c>
      <c r="I17" s="17">
        <v>444</v>
      </c>
      <c r="J17" s="17">
        <v>8</v>
      </c>
      <c r="K17" s="17">
        <v>43</v>
      </c>
      <c r="L17" s="17">
        <v>393</v>
      </c>
      <c r="M17" s="17">
        <v>21637</v>
      </c>
      <c r="N17" s="17">
        <v>341</v>
      </c>
      <c r="O17" s="17">
        <v>6</v>
      </c>
      <c r="P17" s="17">
        <v>130</v>
      </c>
      <c r="Q17" s="17">
        <v>205</v>
      </c>
      <c r="R17" s="17">
        <v>12107</v>
      </c>
    </row>
    <row r="18" spans="1:18">
      <c r="A18" s="21" t="s">
        <v>2182</v>
      </c>
      <c r="B18" s="10" t="s">
        <v>25</v>
      </c>
      <c r="C18" s="11" t="s">
        <v>25</v>
      </c>
      <c r="D18" s="18">
        <v>463</v>
      </c>
      <c r="E18" s="18">
        <v>8</v>
      </c>
      <c r="F18" s="18">
        <v>122</v>
      </c>
      <c r="G18" s="18">
        <v>332</v>
      </c>
      <c r="H18" s="18">
        <v>18664</v>
      </c>
      <c r="I18" s="18">
        <v>256</v>
      </c>
      <c r="J18" s="18">
        <v>6</v>
      </c>
      <c r="K18" s="18">
        <v>34</v>
      </c>
      <c r="L18" s="18">
        <v>215</v>
      </c>
      <c r="M18" s="18">
        <v>11744</v>
      </c>
      <c r="N18" s="18">
        <v>207</v>
      </c>
      <c r="O18" s="18">
        <v>2</v>
      </c>
      <c r="P18" s="18">
        <v>88</v>
      </c>
      <c r="Q18" s="18">
        <v>117</v>
      </c>
      <c r="R18" s="18">
        <v>6920</v>
      </c>
    </row>
    <row r="19" spans="1:18">
      <c r="A19" s="21" t="s">
        <v>2183</v>
      </c>
      <c r="B19" s="10" t="s">
        <v>25</v>
      </c>
      <c r="C19" s="11" t="s">
        <v>25</v>
      </c>
      <c r="D19" s="17">
        <v>256</v>
      </c>
      <c r="E19" s="17">
        <v>3</v>
      </c>
      <c r="F19" s="17">
        <v>41</v>
      </c>
      <c r="G19" s="17">
        <v>212</v>
      </c>
      <c r="H19" s="17">
        <v>10925</v>
      </c>
      <c r="I19" s="17">
        <v>161</v>
      </c>
      <c r="J19" s="17">
        <v>2</v>
      </c>
      <c r="K19" s="17">
        <v>15</v>
      </c>
      <c r="L19" s="17">
        <v>144</v>
      </c>
      <c r="M19" s="17">
        <v>7396</v>
      </c>
      <c r="N19" s="17">
        <v>95</v>
      </c>
      <c r="O19" s="17">
        <v>1</v>
      </c>
      <c r="P19" s="17">
        <v>26</v>
      </c>
      <c r="Q19" s="17">
        <v>68</v>
      </c>
      <c r="R19" s="17">
        <v>3529</v>
      </c>
    </row>
    <row r="20" spans="1:18">
      <c r="A20" s="21" t="s">
        <v>2184</v>
      </c>
      <c r="B20" s="10" t="s">
        <v>25</v>
      </c>
      <c r="C20" s="11" t="s">
        <v>25</v>
      </c>
      <c r="D20" s="18">
        <v>629</v>
      </c>
      <c r="E20" s="18">
        <v>13</v>
      </c>
      <c r="F20" s="18">
        <v>143</v>
      </c>
      <c r="G20" s="18">
        <v>473</v>
      </c>
      <c r="H20" s="18">
        <v>26022</v>
      </c>
      <c r="I20" s="18">
        <v>358</v>
      </c>
      <c r="J20" s="18">
        <v>3</v>
      </c>
      <c r="K20" s="18">
        <v>31</v>
      </c>
      <c r="L20" s="18">
        <v>324</v>
      </c>
      <c r="M20" s="18">
        <v>17160</v>
      </c>
      <c r="N20" s="18">
        <v>271</v>
      </c>
      <c r="O20" s="18">
        <v>10</v>
      </c>
      <c r="P20" s="18">
        <v>112</v>
      </c>
      <c r="Q20" s="18">
        <v>149</v>
      </c>
      <c r="R20" s="18">
        <v>8862</v>
      </c>
    </row>
    <row r="21" spans="1:18">
      <c r="A21" s="21" t="s">
        <v>2185</v>
      </c>
      <c r="B21" s="10" t="s">
        <v>25</v>
      </c>
      <c r="C21" s="11" t="s">
        <v>25</v>
      </c>
      <c r="D21" s="17">
        <v>773</v>
      </c>
      <c r="E21" s="17">
        <v>15</v>
      </c>
      <c r="F21" s="17">
        <v>181</v>
      </c>
      <c r="G21" s="17">
        <v>577</v>
      </c>
      <c r="H21" s="17">
        <v>31704</v>
      </c>
      <c r="I21" s="17">
        <v>431</v>
      </c>
      <c r="J21" s="17">
        <v>7</v>
      </c>
      <c r="K21" s="17">
        <v>49</v>
      </c>
      <c r="L21" s="17">
        <v>375</v>
      </c>
      <c r="M21" s="17">
        <v>19974</v>
      </c>
      <c r="N21" s="17">
        <v>342</v>
      </c>
      <c r="O21" s="17">
        <v>8</v>
      </c>
      <c r="P21" s="17">
        <v>132</v>
      </c>
      <c r="Q21" s="17">
        <v>202</v>
      </c>
      <c r="R21" s="17">
        <v>11730</v>
      </c>
    </row>
    <row r="22" spans="1:18">
      <c r="A22" s="21" t="s">
        <v>2186</v>
      </c>
      <c r="B22" s="10" t="s">
        <v>25</v>
      </c>
      <c r="C22" s="11" t="s">
        <v>25</v>
      </c>
      <c r="D22" s="17">
        <v>476</v>
      </c>
      <c r="E22" s="17">
        <v>11</v>
      </c>
      <c r="F22" s="17">
        <v>106</v>
      </c>
      <c r="G22" s="17">
        <v>359</v>
      </c>
      <c r="H22" s="17">
        <v>19395</v>
      </c>
      <c r="I22" s="17">
        <v>265</v>
      </c>
      <c r="J22" s="17">
        <v>6</v>
      </c>
      <c r="K22" s="17">
        <v>28</v>
      </c>
      <c r="L22" s="17">
        <v>231</v>
      </c>
      <c r="M22" s="17">
        <v>12076</v>
      </c>
      <c r="N22" s="17">
        <v>211</v>
      </c>
      <c r="O22" s="17">
        <v>5</v>
      </c>
      <c r="P22" s="17">
        <v>78</v>
      </c>
      <c r="Q22" s="17">
        <v>128</v>
      </c>
      <c r="R22" s="17">
        <v>7319</v>
      </c>
    </row>
    <row r="23" spans="1:18">
      <c r="A23" s="21" t="s">
        <v>2187</v>
      </c>
      <c r="B23" s="10" t="s">
        <v>25</v>
      </c>
      <c r="C23" s="11" t="s">
        <v>25</v>
      </c>
      <c r="D23" s="17">
        <v>297</v>
      </c>
      <c r="E23" s="18">
        <v>4</v>
      </c>
      <c r="F23" s="17">
        <v>75</v>
      </c>
      <c r="G23" s="17">
        <v>218</v>
      </c>
      <c r="H23" s="17">
        <v>12309</v>
      </c>
      <c r="I23" s="17">
        <v>166</v>
      </c>
      <c r="J23" s="18">
        <v>1</v>
      </c>
      <c r="K23" s="17">
        <v>21</v>
      </c>
      <c r="L23" s="17">
        <v>144</v>
      </c>
      <c r="M23" s="17">
        <v>7898</v>
      </c>
      <c r="N23" s="17">
        <v>131</v>
      </c>
      <c r="O23" s="18">
        <v>3</v>
      </c>
      <c r="P23" s="17">
        <v>54</v>
      </c>
      <c r="Q23" s="17">
        <v>74</v>
      </c>
      <c r="R23" s="17">
        <v>4411</v>
      </c>
    </row>
    <row r="24" spans="1:18">
      <c r="A24" s="21" t="s">
        <v>2188</v>
      </c>
      <c r="B24" s="10" t="s">
        <v>25</v>
      </c>
      <c r="C24" s="11" t="s">
        <v>25</v>
      </c>
      <c r="D24" s="17">
        <v>1281</v>
      </c>
      <c r="E24" s="17">
        <v>21</v>
      </c>
      <c r="F24" s="17">
        <v>318</v>
      </c>
      <c r="G24" s="17">
        <v>940</v>
      </c>
      <c r="H24" s="17">
        <v>51162</v>
      </c>
      <c r="I24" s="17">
        <v>722</v>
      </c>
      <c r="J24" s="17">
        <v>11</v>
      </c>
      <c r="K24" s="17">
        <v>98</v>
      </c>
      <c r="L24" s="17">
        <v>612</v>
      </c>
      <c r="M24" s="17">
        <v>32044</v>
      </c>
      <c r="N24" s="17">
        <v>559</v>
      </c>
      <c r="O24" s="17">
        <v>10</v>
      </c>
      <c r="P24" s="17">
        <v>220</v>
      </c>
      <c r="Q24" s="17">
        <v>328</v>
      </c>
      <c r="R24" s="17">
        <v>19118</v>
      </c>
    </row>
    <row r="25" spans="1:18">
      <c r="A25" s="21" t="s">
        <v>2189</v>
      </c>
      <c r="B25" s="10" t="s">
        <v>25</v>
      </c>
      <c r="C25" s="11" t="s">
        <v>25</v>
      </c>
      <c r="D25" s="17">
        <v>1089</v>
      </c>
      <c r="E25" s="17">
        <v>19</v>
      </c>
      <c r="F25" s="17">
        <v>277</v>
      </c>
      <c r="G25" s="17">
        <v>791</v>
      </c>
      <c r="H25" s="17">
        <v>42872</v>
      </c>
      <c r="I25" s="17">
        <v>606</v>
      </c>
      <c r="J25" s="17">
        <v>10</v>
      </c>
      <c r="K25" s="17">
        <v>84</v>
      </c>
      <c r="L25" s="17">
        <v>511</v>
      </c>
      <c r="M25" s="17">
        <v>26517</v>
      </c>
      <c r="N25" s="17">
        <v>483</v>
      </c>
      <c r="O25" s="17">
        <v>9</v>
      </c>
      <c r="P25" s="17">
        <v>193</v>
      </c>
      <c r="Q25" s="17">
        <v>280</v>
      </c>
      <c r="R25" s="17">
        <v>16355</v>
      </c>
    </row>
    <row r="26" spans="1:18">
      <c r="A26" s="21" t="s">
        <v>2190</v>
      </c>
      <c r="B26" s="10" t="s">
        <v>25</v>
      </c>
      <c r="C26" s="11" t="s">
        <v>25</v>
      </c>
      <c r="D26" s="17">
        <v>192</v>
      </c>
      <c r="E26" s="17">
        <v>2</v>
      </c>
      <c r="F26" s="17">
        <v>41</v>
      </c>
      <c r="G26" s="17">
        <v>149</v>
      </c>
      <c r="H26" s="17">
        <v>8290</v>
      </c>
      <c r="I26" s="17">
        <v>116</v>
      </c>
      <c r="J26" s="17">
        <v>1</v>
      </c>
      <c r="K26" s="17">
        <v>14</v>
      </c>
      <c r="L26" s="17">
        <v>101</v>
      </c>
      <c r="M26" s="17">
        <v>5527</v>
      </c>
      <c r="N26" s="17">
        <v>76</v>
      </c>
      <c r="O26" s="17">
        <v>1</v>
      </c>
      <c r="P26" s="17">
        <v>27</v>
      </c>
      <c r="Q26" s="17">
        <v>48</v>
      </c>
      <c r="R26" s="17">
        <v>2763</v>
      </c>
    </row>
    <row r="27" spans="1:18">
      <c r="A27" s="21" t="s">
        <v>2191</v>
      </c>
      <c r="B27" s="10" t="s">
        <v>25</v>
      </c>
      <c r="C27" s="11" t="s">
        <v>25</v>
      </c>
      <c r="D27" s="17">
        <v>823</v>
      </c>
      <c r="E27" s="17">
        <v>12</v>
      </c>
      <c r="F27" s="17">
        <v>193</v>
      </c>
      <c r="G27" s="17">
        <v>618</v>
      </c>
      <c r="H27" s="17">
        <v>33915</v>
      </c>
      <c r="I27" s="17">
        <v>509</v>
      </c>
      <c r="J27" s="17">
        <v>8</v>
      </c>
      <c r="K27" s="17">
        <v>54</v>
      </c>
      <c r="L27" s="17">
        <v>447</v>
      </c>
      <c r="M27" s="17">
        <v>23321</v>
      </c>
      <c r="N27" s="17">
        <v>314</v>
      </c>
      <c r="O27" s="17">
        <v>4</v>
      </c>
      <c r="P27" s="17">
        <v>139</v>
      </c>
      <c r="Q27" s="17">
        <v>171</v>
      </c>
      <c r="R27" s="17">
        <v>10594</v>
      </c>
    </row>
    <row r="28" spans="1:18">
      <c r="A28" s="21" t="s">
        <v>2192</v>
      </c>
      <c r="B28" s="10" t="s">
        <v>25</v>
      </c>
      <c r="C28" s="11" t="s">
        <v>25</v>
      </c>
      <c r="D28" s="17">
        <v>323</v>
      </c>
      <c r="E28" s="17">
        <v>2</v>
      </c>
      <c r="F28" s="17">
        <v>85</v>
      </c>
      <c r="G28" s="17">
        <v>236</v>
      </c>
      <c r="H28" s="17">
        <v>13357</v>
      </c>
      <c r="I28" s="17">
        <v>194</v>
      </c>
      <c r="J28" s="17">
        <v>1</v>
      </c>
      <c r="K28" s="17">
        <v>17</v>
      </c>
      <c r="L28" s="17">
        <v>176</v>
      </c>
      <c r="M28" s="17">
        <v>9090</v>
      </c>
      <c r="N28" s="17">
        <v>129</v>
      </c>
      <c r="O28" s="17">
        <v>1</v>
      </c>
      <c r="P28" s="17">
        <v>68</v>
      </c>
      <c r="Q28" s="17">
        <v>60</v>
      </c>
      <c r="R28" s="17">
        <v>4267</v>
      </c>
    </row>
    <row r="29" spans="1:18">
      <c r="A29" s="21" t="s">
        <v>2193</v>
      </c>
      <c r="B29" s="10" t="s">
        <v>25</v>
      </c>
      <c r="C29" s="11" t="s">
        <v>25</v>
      </c>
      <c r="D29" s="17">
        <v>343</v>
      </c>
      <c r="E29" s="17">
        <v>8</v>
      </c>
      <c r="F29" s="17">
        <v>65</v>
      </c>
      <c r="G29" s="17">
        <v>270</v>
      </c>
      <c r="H29" s="17">
        <v>14395</v>
      </c>
      <c r="I29" s="17">
        <v>219</v>
      </c>
      <c r="J29" s="17">
        <v>5</v>
      </c>
      <c r="K29" s="17">
        <v>21</v>
      </c>
      <c r="L29" s="17">
        <v>193</v>
      </c>
      <c r="M29" s="17">
        <v>10132</v>
      </c>
      <c r="N29" s="17">
        <v>124</v>
      </c>
      <c r="O29" s="17">
        <v>3</v>
      </c>
      <c r="P29" s="17">
        <v>44</v>
      </c>
      <c r="Q29" s="17">
        <v>77</v>
      </c>
      <c r="R29" s="17">
        <v>4263</v>
      </c>
    </row>
    <row r="30" spans="1:18">
      <c r="A30" s="21" t="s">
        <v>2194</v>
      </c>
      <c r="B30" s="10" t="s">
        <v>25</v>
      </c>
      <c r="C30" s="11" t="s">
        <v>25</v>
      </c>
      <c r="D30" s="17">
        <v>157</v>
      </c>
      <c r="E30" s="17">
        <v>2</v>
      </c>
      <c r="F30" s="17">
        <v>43</v>
      </c>
      <c r="G30" s="17">
        <v>112</v>
      </c>
      <c r="H30" s="17">
        <v>6163</v>
      </c>
      <c r="I30" s="17">
        <v>96</v>
      </c>
      <c r="J30" s="17">
        <v>2</v>
      </c>
      <c r="K30" s="17">
        <v>16</v>
      </c>
      <c r="L30" s="17">
        <v>78</v>
      </c>
      <c r="M30" s="17">
        <v>4099</v>
      </c>
      <c r="N30" s="17">
        <v>61</v>
      </c>
      <c r="O30" s="17" t="s">
        <v>35</v>
      </c>
      <c r="P30" s="17">
        <v>27</v>
      </c>
      <c r="Q30" s="17">
        <v>34</v>
      </c>
      <c r="R30" s="17">
        <v>2064</v>
      </c>
    </row>
    <row r="31" spans="1:18">
      <c r="A31" s="21" t="s">
        <v>2195</v>
      </c>
      <c r="B31" s="10" t="s">
        <v>25</v>
      </c>
      <c r="C31" s="11" t="s">
        <v>25</v>
      </c>
      <c r="D31" s="17">
        <v>2477</v>
      </c>
      <c r="E31" s="17">
        <v>41</v>
      </c>
      <c r="F31" s="17">
        <v>613</v>
      </c>
      <c r="G31" s="17">
        <v>1819</v>
      </c>
      <c r="H31" s="17">
        <v>101814</v>
      </c>
      <c r="I31" s="17">
        <v>1432</v>
      </c>
      <c r="J31" s="17">
        <v>29</v>
      </c>
      <c r="K31" s="17">
        <v>183</v>
      </c>
      <c r="L31" s="17">
        <v>1216</v>
      </c>
      <c r="M31" s="17">
        <v>66219</v>
      </c>
      <c r="N31" s="17">
        <v>1045</v>
      </c>
      <c r="O31" s="17">
        <v>12</v>
      </c>
      <c r="P31" s="17">
        <v>430</v>
      </c>
      <c r="Q31" s="17">
        <v>603</v>
      </c>
      <c r="R31" s="17">
        <v>35595</v>
      </c>
    </row>
    <row r="32" spans="1:18">
      <c r="A32" s="21" t="s">
        <v>2196</v>
      </c>
      <c r="B32" s="10" t="s">
        <v>25</v>
      </c>
      <c r="C32" s="11" t="s">
        <v>25</v>
      </c>
      <c r="D32" s="17">
        <v>793</v>
      </c>
      <c r="E32" s="17">
        <v>14</v>
      </c>
      <c r="F32" s="17">
        <v>196</v>
      </c>
      <c r="G32" s="17">
        <v>581</v>
      </c>
      <c r="H32" s="17">
        <v>32508</v>
      </c>
      <c r="I32" s="17">
        <v>461</v>
      </c>
      <c r="J32" s="18">
        <v>12</v>
      </c>
      <c r="K32" s="17">
        <v>57</v>
      </c>
      <c r="L32" s="17">
        <v>390</v>
      </c>
      <c r="M32" s="17">
        <v>21375</v>
      </c>
      <c r="N32" s="17">
        <v>332</v>
      </c>
      <c r="O32" s="17">
        <v>2</v>
      </c>
      <c r="P32" s="17">
        <v>139</v>
      </c>
      <c r="Q32" s="17">
        <v>191</v>
      </c>
      <c r="R32" s="17">
        <v>11133</v>
      </c>
    </row>
    <row r="33" spans="1:18">
      <c r="A33" s="21" t="s">
        <v>2197</v>
      </c>
      <c r="B33" s="10" t="s">
        <v>25</v>
      </c>
      <c r="C33" s="11" t="s">
        <v>25</v>
      </c>
      <c r="D33" s="17">
        <v>748</v>
      </c>
      <c r="E33" s="17">
        <v>14</v>
      </c>
      <c r="F33" s="17">
        <v>173</v>
      </c>
      <c r="G33" s="17">
        <v>561</v>
      </c>
      <c r="H33" s="17">
        <v>31253</v>
      </c>
      <c r="I33" s="17">
        <v>439</v>
      </c>
      <c r="J33" s="17">
        <v>10</v>
      </c>
      <c r="K33" s="17">
        <v>44</v>
      </c>
      <c r="L33" s="17">
        <v>385</v>
      </c>
      <c r="M33" s="17">
        <v>20586</v>
      </c>
      <c r="N33" s="17">
        <v>309</v>
      </c>
      <c r="O33" s="17">
        <v>4</v>
      </c>
      <c r="P33" s="17">
        <v>129</v>
      </c>
      <c r="Q33" s="17">
        <v>176</v>
      </c>
      <c r="R33" s="17">
        <v>10667</v>
      </c>
    </row>
    <row r="34" spans="1:18">
      <c r="A34" s="21" t="s">
        <v>2198</v>
      </c>
      <c r="B34" s="10" t="s">
        <v>25</v>
      </c>
      <c r="C34" s="11" t="s">
        <v>25</v>
      </c>
      <c r="D34" s="18">
        <v>355</v>
      </c>
      <c r="E34" s="18">
        <v>4</v>
      </c>
      <c r="F34" s="18">
        <v>102</v>
      </c>
      <c r="G34" s="18">
        <v>249</v>
      </c>
      <c r="H34" s="18">
        <v>14149</v>
      </c>
      <c r="I34" s="18">
        <v>201</v>
      </c>
      <c r="J34" s="18">
        <v>1</v>
      </c>
      <c r="K34" s="18">
        <v>43</v>
      </c>
      <c r="L34" s="18">
        <v>157</v>
      </c>
      <c r="M34" s="18">
        <v>8816</v>
      </c>
      <c r="N34" s="18">
        <v>154</v>
      </c>
      <c r="O34" s="18">
        <v>3</v>
      </c>
      <c r="P34" s="18">
        <v>59</v>
      </c>
      <c r="Q34" s="18">
        <v>92</v>
      </c>
      <c r="R34" s="18">
        <v>5333</v>
      </c>
    </row>
    <row r="35" spans="1:18">
      <c r="A35" s="21" t="s">
        <v>2199</v>
      </c>
      <c r="B35" s="10" t="s">
        <v>25</v>
      </c>
      <c r="C35" s="11" t="s">
        <v>25</v>
      </c>
      <c r="D35" s="17">
        <v>327</v>
      </c>
      <c r="E35" s="18">
        <v>4</v>
      </c>
      <c r="F35" s="17">
        <v>81</v>
      </c>
      <c r="G35" s="17">
        <v>240</v>
      </c>
      <c r="H35" s="17">
        <v>13439</v>
      </c>
      <c r="I35" s="17">
        <v>184</v>
      </c>
      <c r="J35" s="18">
        <v>3</v>
      </c>
      <c r="K35" s="17">
        <v>22</v>
      </c>
      <c r="L35" s="17">
        <v>157</v>
      </c>
      <c r="M35" s="17">
        <v>8636</v>
      </c>
      <c r="N35" s="17">
        <v>143</v>
      </c>
      <c r="O35" s="18">
        <v>1</v>
      </c>
      <c r="P35" s="17">
        <v>59</v>
      </c>
      <c r="Q35" s="17">
        <v>83</v>
      </c>
      <c r="R35" s="17">
        <v>4803</v>
      </c>
    </row>
    <row r="36" spans="1:18">
      <c r="A36" s="21" t="s">
        <v>2200</v>
      </c>
      <c r="B36" s="10" t="s">
        <v>25</v>
      </c>
      <c r="C36" s="11" t="s">
        <v>25</v>
      </c>
      <c r="D36" s="17">
        <v>254</v>
      </c>
      <c r="E36" s="17">
        <v>5</v>
      </c>
      <c r="F36" s="17">
        <v>61</v>
      </c>
      <c r="G36" s="17">
        <v>188</v>
      </c>
      <c r="H36" s="17">
        <v>10465</v>
      </c>
      <c r="I36" s="17">
        <v>147</v>
      </c>
      <c r="J36" s="17">
        <v>3</v>
      </c>
      <c r="K36" s="17">
        <v>17</v>
      </c>
      <c r="L36" s="17">
        <v>127</v>
      </c>
      <c r="M36" s="17">
        <v>6806</v>
      </c>
      <c r="N36" s="17">
        <v>107</v>
      </c>
      <c r="O36" s="17">
        <v>2</v>
      </c>
      <c r="P36" s="17">
        <v>44</v>
      </c>
      <c r="Q36" s="17">
        <v>61</v>
      </c>
      <c r="R36" s="17">
        <v>3659</v>
      </c>
    </row>
    <row r="37" spans="1:18">
      <c r="A37" s="21" t="s">
        <v>2201</v>
      </c>
      <c r="B37" s="10" t="s">
        <v>25</v>
      </c>
      <c r="C37" s="11" t="s">
        <v>25</v>
      </c>
      <c r="D37" s="17">
        <v>2409</v>
      </c>
      <c r="E37" s="17">
        <v>28</v>
      </c>
      <c r="F37" s="17">
        <v>579</v>
      </c>
      <c r="G37" s="17">
        <v>1801</v>
      </c>
      <c r="H37" s="17">
        <v>99404</v>
      </c>
      <c r="I37" s="17">
        <v>1375</v>
      </c>
      <c r="J37" s="17">
        <v>17</v>
      </c>
      <c r="K37" s="17">
        <v>167</v>
      </c>
      <c r="L37" s="17">
        <v>1190</v>
      </c>
      <c r="M37" s="17">
        <v>63676</v>
      </c>
      <c r="N37" s="17">
        <v>1034</v>
      </c>
      <c r="O37" s="17">
        <v>11</v>
      </c>
      <c r="P37" s="17">
        <v>412</v>
      </c>
      <c r="Q37" s="17">
        <v>611</v>
      </c>
      <c r="R37" s="17">
        <v>35728</v>
      </c>
    </row>
    <row r="38" spans="1:18">
      <c r="A38" s="21" t="s">
        <v>2202</v>
      </c>
      <c r="B38" s="10" t="s">
        <v>25</v>
      </c>
      <c r="C38" s="11" t="s">
        <v>25</v>
      </c>
      <c r="D38" s="17">
        <v>522</v>
      </c>
      <c r="E38" s="17">
        <v>9</v>
      </c>
      <c r="F38" s="17">
        <v>105</v>
      </c>
      <c r="G38" s="17">
        <v>407</v>
      </c>
      <c r="H38" s="17">
        <v>22180</v>
      </c>
      <c r="I38" s="17">
        <v>296</v>
      </c>
      <c r="J38" s="17">
        <v>8</v>
      </c>
      <c r="K38" s="17">
        <v>29</v>
      </c>
      <c r="L38" s="17">
        <v>258</v>
      </c>
      <c r="M38" s="17">
        <v>13790</v>
      </c>
      <c r="N38" s="17">
        <v>226</v>
      </c>
      <c r="O38" s="17">
        <v>1</v>
      </c>
      <c r="P38" s="17">
        <v>76</v>
      </c>
      <c r="Q38" s="17">
        <v>149</v>
      </c>
      <c r="R38" s="17">
        <v>8390</v>
      </c>
    </row>
    <row r="39" spans="1:18">
      <c r="A39" s="21" t="s">
        <v>2203</v>
      </c>
      <c r="B39" s="10" t="s">
        <v>25</v>
      </c>
      <c r="C39" s="11" t="s">
        <v>25</v>
      </c>
      <c r="D39" s="17">
        <v>436</v>
      </c>
      <c r="E39" s="17">
        <v>7</v>
      </c>
      <c r="F39" s="17">
        <v>115</v>
      </c>
      <c r="G39" s="17">
        <v>314</v>
      </c>
      <c r="H39" s="17">
        <v>17250</v>
      </c>
      <c r="I39" s="17">
        <v>232</v>
      </c>
      <c r="J39" s="17">
        <v>2</v>
      </c>
      <c r="K39" s="17">
        <v>29</v>
      </c>
      <c r="L39" s="17">
        <v>201</v>
      </c>
      <c r="M39" s="17">
        <v>10591</v>
      </c>
      <c r="N39" s="17">
        <v>204</v>
      </c>
      <c r="O39" s="17">
        <v>5</v>
      </c>
      <c r="P39" s="17">
        <v>86</v>
      </c>
      <c r="Q39" s="17">
        <v>113</v>
      </c>
      <c r="R39" s="17">
        <v>6659</v>
      </c>
    </row>
    <row r="40" spans="1:18">
      <c r="A40" s="21" t="s">
        <v>2204</v>
      </c>
      <c r="B40" s="10" t="s">
        <v>25</v>
      </c>
      <c r="C40" s="11" t="s">
        <v>25</v>
      </c>
      <c r="D40" s="17">
        <v>399</v>
      </c>
      <c r="E40" s="17">
        <v>5</v>
      </c>
      <c r="F40" s="17">
        <v>104</v>
      </c>
      <c r="G40" s="17">
        <v>290</v>
      </c>
      <c r="H40" s="17">
        <v>16347</v>
      </c>
      <c r="I40" s="17">
        <v>220</v>
      </c>
      <c r="J40" s="18">
        <v>2</v>
      </c>
      <c r="K40" s="17">
        <v>30</v>
      </c>
      <c r="L40" s="17">
        <v>188</v>
      </c>
      <c r="M40" s="17">
        <v>10219</v>
      </c>
      <c r="N40" s="17">
        <v>179</v>
      </c>
      <c r="O40" s="17">
        <v>3</v>
      </c>
      <c r="P40" s="17">
        <v>74</v>
      </c>
      <c r="Q40" s="17">
        <v>102</v>
      </c>
      <c r="R40" s="17">
        <v>6128</v>
      </c>
    </row>
    <row r="41" spans="1:18">
      <c r="A41" s="21" t="s">
        <v>2205</v>
      </c>
      <c r="B41" s="10" t="s">
        <v>25</v>
      </c>
      <c r="C41" s="11" t="s">
        <v>25</v>
      </c>
      <c r="D41" s="17">
        <v>479</v>
      </c>
      <c r="E41" s="17">
        <v>4</v>
      </c>
      <c r="F41" s="17">
        <v>115</v>
      </c>
      <c r="G41" s="17">
        <v>360</v>
      </c>
      <c r="H41" s="17">
        <v>19866</v>
      </c>
      <c r="I41" s="17">
        <v>280</v>
      </c>
      <c r="J41" s="17">
        <v>3</v>
      </c>
      <c r="K41" s="17">
        <v>39</v>
      </c>
      <c r="L41" s="17">
        <v>238</v>
      </c>
      <c r="M41" s="17">
        <v>12746</v>
      </c>
      <c r="N41" s="17">
        <v>199</v>
      </c>
      <c r="O41" s="17">
        <v>1</v>
      </c>
      <c r="P41" s="17">
        <v>76</v>
      </c>
      <c r="Q41" s="17">
        <v>122</v>
      </c>
      <c r="R41" s="17">
        <v>7120</v>
      </c>
    </row>
    <row r="42" spans="1:18">
      <c r="A42" s="21" t="s">
        <v>2206</v>
      </c>
      <c r="B42" s="10" t="s">
        <v>25</v>
      </c>
      <c r="C42" s="11" t="s">
        <v>25</v>
      </c>
      <c r="D42" s="18">
        <v>573</v>
      </c>
      <c r="E42" s="18">
        <v>3</v>
      </c>
      <c r="F42" s="18">
        <v>140</v>
      </c>
      <c r="G42" s="18">
        <v>430</v>
      </c>
      <c r="H42" s="18">
        <v>23761</v>
      </c>
      <c r="I42" s="18">
        <v>347</v>
      </c>
      <c r="J42" s="18">
        <v>2</v>
      </c>
      <c r="K42" s="18">
        <v>40</v>
      </c>
      <c r="L42" s="18">
        <v>305</v>
      </c>
      <c r="M42" s="18">
        <v>16330</v>
      </c>
      <c r="N42" s="18">
        <v>226</v>
      </c>
      <c r="O42" s="18">
        <v>1</v>
      </c>
      <c r="P42" s="18">
        <v>100</v>
      </c>
      <c r="Q42" s="18">
        <v>125</v>
      </c>
      <c r="R42" s="18">
        <v>7431</v>
      </c>
    </row>
    <row r="43" spans="1:18">
      <c r="A43" s="21" t="s">
        <v>2207</v>
      </c>
      <c r="B43" s="10" t="s">
        <v>25</v>
      </c>
      <c r="C43" s="11" t="s">
        <v>25</v>
      </c>
      <c r="D43" s="17">
        <v>1604</v>
      </c>
      <c r="E43" s="17">
        <v>25</v>
      </c>
      <c r="F43" s="17">
        <v>400</v>
      </c>
      <c r="G43" s="17">
        <v>1176</v>
      </c>
      <c r="H43" s="17">
        <v>66673</v>
      </c>
      <c r="I43" s="17">
        <v>949</v>
      </c>
      <c r="J43" s="17">
        <v>15</v>
      </c>
      <c r="K43" s="17">
        <v>102</v>
      </c>
      <c r="L43" s="17">
        <v>831</v>
      </c>
      <c r="M43" s="17">
        <v>44831</v>
      </c>
      <c r="N43" s="17">
        <v>655</v>
      </c>
      <c r="O43" s="17">
        <v>10</v>
      </c>
      <c r="P43" s="17">
        <v>298</v>
      </c>
      <c r="Q43" s="17">
        <v>345</v>
      </c>
      <c r="R43" s="17">
        <v>21842</v>
      </c>
    </row>
    <row r="44" spans="1:18">
      <c r="A44" s="21" t="s">
        <v>2208</v>
      </c>
      <c r="B44" s="10" t="s">
        <v>25</v>
      </c>
      <c r="C44" s="11" t="s">
        <v>25</v>
      </c>
      <c r="D44" s="17">
        <v>459</v>
      </c>
      <c r="E44" s="18">
        <v>5</v>
      </c>
      <c r="F44" s="17">
        <v>124</v>
      </c>
      <c r="G44" s="17">
        <v>329</v>
      </c>
      <c r="H44" s="17">
        <v>19343</v>
      </c>
      <c r="I44" s="17">
        <v>261</v>
      </c>
      <c r="J44" s="18">
        <v>3</v>
      </c>
      <c r="K44" s="17">
        <v>27</v>
      </c>
      <c r="L44" s="17">
        <v>231</v>
      </c>
      <c r="M44" s="17">
        <v>12546</v>
      </c>
      <c r="N44" s="17">
        <v>198</v>
      </c>
      <c r="O44" s="18">
        <v>2</v>
      </c>
      <c r="P44" s="17">
        <v>97</v>
      </c>
      <c r="Q44" s="17">
        <v>98</v>
      </c>
      <c r="R44" s="17">
        <v>6797</v>
      </c>
    </row>
    <row r="45" spans="1:18">
      <c r="A45" s="21" t="s">
        <v>2209</v>
      </c>
      <c r="B45" s="10" t="s">
        <v>25</v>
      </c>
      <c r="C45" s="11" t="s">
        <v>25</v>
      </c>
      <c r="D45" s="17">
        <v>386</v>
      </c>
      <c r="E45" s="17">
        <v>12</v>
      </c>
      <c r="F45" s="17">
        <v>87</v>
      </c>
      <c r="G45" s="17">
        <v>286</v>
      </c>
      <c r="H45" s="17">
        <v>15764</v>
      </c>
      <c r="I45" s="17">
        <v>233</v>
      </c>
      <c r="J45" s="17">
        <v>9</v>
      </c>
      <c r="K45" s="17">
        <v>23</v>
      </c>
      <c r="L45" s="17">
        <v>200</v>
      </c>
      <c r="M45" s="17">
        <v>10686</v>
      </c>
      <c r="N45" s="17">
        <v>153</v>
      </c>
      <c r="O45" s="17">
        <v>3</v>
      </c>
      <c r="P45" s="17">
        <v>64</v>
      </c>
      <c r="Q45" s="17">
        <v>86</v>
      </c>
      <c r="R45" s="17">
        <v>5078</v>
      </c>
    </row>
    <row r="46" spans="1:18">
      <c r="A46" s="21" t="s">
        <v>2210</v>
      </c>
      <c r="B46" s="10" t="s">
        <v>25</v>
      </c>
      <c r="C46" s="11" t="s">
        <v>25</v>
      </c>
      <c r="D46" s="17">
        <v>353</v>
      </c>
      <c r="E46" s="17">
        <v>6</v>
      </c>
      <c r="F46" s="17">
        <v>81</v>
      </c>
      <c r="G46" s="17">
        <v>266</v>
      </c>
      <c r="H46" s="17">
        <v>14756</v>
      </c>
      <c r="I46" s="17">
        <v>217</v>
      </c>
      <c r="J46" s="17">
        <v>2</v>
      </c>
      <c r="K46" s="17">
        <v>20</v>
      </c>
      <c r="L46" s="17">
        <v>195</v>
      </c>
      <c r="M46" s="17">
        <v>10382</v>
      </c>
      <c r="N46" s="17">
        <v>136</v>
      </c>
      <c r="O46" s="17">
        <v>4</v>
      </c>
      <c r="P46" s="17">
        <v>61</v>
      </c>
      <c r="Q46" s="17">
        <v>71</v>
      </c>
      <c r="R46" s="17">
        <v>4374</v>
      </c>
    </row>
    <row r="47" spans="1:18">
      <c r="A47" s="21" t="s">
        <v>2211</v>
      </c>
      <c r="B47" s="10" t="s">
        <v>25</v>
      </c>
      <c r="C47" s="11" t="s">
        <v>25</v>
      </c>
      <c r="D47" s="17">
        <v>406</v>
      </c>
      <c r="E47" s="17">
        <v>2</v>
      </c>
      <c r="F47" s="17">
        <v>108</v>
      </c>
      <c r="G47" s="17">
        <v>295</v>
      </c>
      <c r="H47" s="17">
        <v>16810</v>
      </c>
      <c r="I47" s="17">
        <v>238</v>
      </c>
      <c r="J47" s="17">
        <v>1</v>
      </c>
      <c r="K47" s="17">
        <v>32</v>
      </c>
      <c r="L47" s="17">
        <v>205</v>
      </c>
      <c r="M47" s="17">
        <v>11217</v>
      </c>
      <c r="N47" s="17">
        <v>168</v>
      </c>
      <c r="O47" s="17">
        <v>1</v>
      </c>
      <c r="P47" s="17">
        <v>76</v>
      </c>
      <c r="Q47" s="17">
        <v>90</v>
      </c>
      <c r="R47" s="17">
        <v>5593</v>
      </c>
    </row>
    <row r="48" spans="1:18">
      <c r="A48" s="21" t="s">
        <v>2212</v>
      </c>
      <c r="B48" s="10" t="s">
        <v>25</v>
      </c>
      <c r="C48" s="11" t="s">
        <v>25</v>
      </c>
      <c r="D48" s="17">
        <v>2298</v>
      </c>
      <c r="E48" s="18">
        <v>33</v>
      </c>
      <c r="F48" s="17">
        <v>536</v>
      </c>
      <c r="G48" s="17">
        <v>1728</v>
      </c>
      <c r="H48" s="17">
        <v>95707</v>
      </c>
      <c r="I48" s="17">
        <v>1343</v>
      </c>
      <c r="J48" s="18">
        <v>18</v>
      </c>
      <c r="K48" s="17">
        <v>159</v>
      </c>
      <c r="L48" s="17">
        <v>1165</v>
      </c>
      <c r="M48" s="17">
        <v>63127</v>
      </c>
      <c r="N48" s="17">
        <v>955</v>
      </c>
      <c r="O48" s="18">
        <v>15</v>
      </c>
      <c r="P48" s="17">
        <v>377</v>
      </c>
      <c r="Q48" s="17">
        <v>563</v>
      </c>
      <c r="R48" s="17">
        <v>32580</v>
      </c>
    </row>
    <row r="49" spans="1:18">
      <c r="A49" s="21" t="s">
        <v>2213</v>
      </c>
      <c r="B49" s="10" t="s">
        <v>25</v>
      </c>
      <c r="C49" s="11" t="s">
        <v>25</v>
      </c>
      <c r="D49" s="17">
        <v>409</v>
      </c>
      <c r="E49" s="18">
        <v>9</v>
      </c>
      <c r="F49" s="17">
        <v>100</v>
      </c>
      <c r="G49" s="17">
        <v>300</v>
      </c>
      <c r="H49" s="17">
        <v>16744</v>
      </c>
      <c r="I49" s="17">
        <v>242</v>
      </c>
      <c r="J49" s="18">
        <v>6</v>
      </c>
      <c r="K49" s="17">
        <v>28</v>
      </c>
      <c r="L49" s="17">
        <v>208</v>
      </c>
      <c r="M49" s="17">
        <v>11022</v>
      </c>
      <c r="N49" s="17">
        <v>167</v>
      </c>
      <c r="O49" s="18">
        <v>3</v>
      </c>
      <c r="P49" s="17">
        <v>72</v>
      </c>
      <c r="Q49" s="17">
        <v>92</v>
      </c>
      <c r="R49" s="17">
        <v>5722</v>
      </c>
    </row>
    <row r="50" spans="1:18">
      <c r="A50" s="21" t="s">
        <v>2214</v>
      </c>
      <c r="B50" s="10" t="s">
        <v>25</v>
      </c>
      <c r="C50" s="11" t="s">
        <v>25</v>
      </c>
      <c r="D50" s="17">
        <v>126</v>
      </c>
      <c r="E50" s="18">
        <v>2</v>
      </c>
      <c r="F50" s="17">
        <v>30</v>
      </c>
      <c r="G50" s="17">
        <v>94</v>
      </c>
      <c r="H50" s="17">
        <v>5190</v>
      </c>
      <c r="I50" s="17">
        <v>73</v>
      </c>
      <c r="J50" s="18">
        <v>1</v>
      </c>
      <c r="K50" s="17">
        <v>8</v>
      </c>
      <c r="L50" s="17">
        <v>64</v>
      </c>
      <c r="M50" s="17">
        <v>3380</v>
      </c>
      <c r="N50" s="17">
        <v>53</v>
      </c>
      <c r="O50" s="18">
        <v>1</v>
      </c>
      <c r="P50" s="17">
        <v>22</v>
      </c>
      <c r="Q50" s="17">
        <v>30</v>
      </c>
      <c r="R50" s="17">
        <v>1810</v>
      </c>
    </row>
    <row r="51" spans="1:18">
      <c r="A51" s="21" t="s">
        <v>2215</v>
      </c>
      <c r="B51" s="10" t="s">
        <v>25</v>
      </c>
      <c r="C51" s="11" t="s">
        <v>25</v>
      </c>
      <c r="D51" s="17">
        <v>445</v>
      </c>
      <c r="E51" s="17">
        <v>5</v>
      </c>
      <c r="F51" s="17">
        <v>113</v>
      </c>
      <c r="G51" s="17">
        <v>327</v>
      </c>
      <c r="H51" s="17">
        <v>18370</v>
      </c>
      <c r="I51" s="17">
        <v>258</v>
      </c>
      <c r="J51" s="18">
        <v>2</v>
      </c>
      <c r="K51" s="17">
        <v>32</v>
      </c>
      <c r="L51" s="17">
        <v>224</v>
      </c>
      <c r="M51" s="17">
        <v>12364</v>
      </c>
      <c r="N51" s="17">
        <v>187</v>
      </c>
      <c r="O51" s="17">
        <v>3</v>
      </c>
      <c r="P51" s="17">
        <v>81</v>
      </c>
      <c r="Q51" s="17">
        <v>103</v>
      </c>
      <c r="R51" s="17">
        <v>6006</v>
      </c>
    </row>
    <row r="52" spans="1:18">
      <c r="A52" s="21" t="s">
        <v>2216</v>
      </c>
      <c r="B52" s="10" t="s">
        <v>25</v>
      </c>
      <c r="C52" s="11" t="s">
        <v>25</v>
      </c>
      <c r="D52" s="17">
        <v>516</v>
      </c>
      <c r="E52" s="17">
        <v>9</v>
      </c>
      <c r="F52" s="17">
        <v>120</v>
      </c>
      <c r="G52" s="17">
        <v>387</v>
      </c>
      <c r="H52" s="17">
        <v>21293</v>
      </c>
      <c r="I52" s="17">
        <v>298</v>
      </c>
      <c r="J52" s="18">
        <v>6</v>
      </c>
      <c r="K52" s="17">
        <v>35</v>
      </c>
      <c r="L52" s="17">
        <v>257</v>
      </c>
      <c r="M52" s="17">
        <v>13833</v>
      </c>
      <c r="N52" s="17">
        <v>218</v>
      </c>
      <c r="O52" s="17">
        <v>3</v>
      </c>
      <c r="P52" s="17">
        <v>85</v>
      </c>
      <c r="Q52" s="17">
        <v>130</v>
      </c>
      <c r="R52" s="17">
        <v>7460</v>
      </c>
    </row>
    <row r="53" spans="1:18">
      <c r="A53" s="21" t="s">
        <v>2217</v>
      </c>
      <c r="B53" s="10" t="s">
        <v>25</v>
      </c>
      <c r="C53" s="11" t="s">
        <v>25</v>
      </c>
      <c r="D53" s="17">
        <v>472</v>
      </c>
      <c r="E53" s="18">
        <v>6</v>
      </c>
      <c r="F53" s="17">
        <v>102</v>
      </c>
      <c r="G53" s="17">
        <v>363</v>
      </c>
      <c r="H53" s="17">
        <v>19855</v>
      </c>
      <c r="I53" s="17">
        <v>277</v>
      </c>
      <c r="J53" s="18">
        <v>3</v>
      </c>
      <c r="K53" s="17">
        <v>37</v>
      </c>
      <c r="L53" s="17">
        <v>236</v>
      </c>
      <c r="M53" s="17">
        <v>12772</v>
      </c>
      <c r="N53" s="17">
        <v>195</v>
      </c>
      <c r="O53" s="18">
        <v>3</v>
      </c>
      <c r="P53" s="17">
        <v>65</v>
      </c>
      <c r="Q53" s="17">
        <v>127</v>
      </c>
      <c r="R53" s="17">
        <v>7083</v>
      </c>
    </row>
    <row r="54" spans="1:18">
      <c r="A54" s="21" t="s">
        <v>2218</v>
      </c>
      <c r="B54" s="10" t="s">
        <v>25</v>
      </c>
      <c r="C54" s="11" t="s">
        <v>25</v>
      </c>
      <c r="D54" s="17">
        <v>330</v>
      </c>
      <c r="E54" s="18">
        <v>2</v>
      </c>
      <c r="F54" s="17">
        <v>71</v>
      </c>
      <c r="G54" s="17">
        <v>257</v>
      </c>
      <c r="H54" s="17">
        <v>14255</v>
      </c>
      <c r="I54" s="17">
        <v>195</v>
      </c>
      <c r="J54" s="18" t="s">
        <v>35</v>
      </c>
      <c r="K54" s="17">
        <v>19</v>
      </c>
      <c r="L54" s="17">
        <v>176</v>
      </c>
      <c r="M54" s="17">
        <v>9756</v>
      </c>
      <c r="N54" s="17">
        <v>135</v>
      </c>
      <c r="O54" s="18">
        <v>2</v>
      </c>
      <c r="P54" s="17">
        <v>52</v>
      </c>
      <c r="Q54" s="17">
        <v>81</v>
      </c>
      <c r="R54" s="17">
        <v>4499</v>
      </c>
    </row>
    <row r="55" spans="1:18">
      <c r="A55" s="21" t="s">
        <v>2219</v>
      </c>
      <c r="B55" s="10" t="s">
        <v>25</v>
      </c>
      <c r="C55" s="11" t="s">
        <v>25</v>
      </c>
      <c r="D55" s="17">
        <v>1725</v>
      </c>
      <c r="E55" s="17">
        <v>27</v>
      </c>
      <c r="F55" s="17">
        <v>423</v>
      </c>
      <c r="G55" s="17">
        <v>1275</v>
      </c>
      <c r="H55" s="17">
        <v>71974</v>
      </c>
      <c r="I55" s="17">
        <v>1014</v>
      </c>
      <c r="J55" s="17">
        <v>15</v>
      </c>
      <c r="K55" s="17">
        <v>121</v>
      </c>
      <c r="L55" s="17">
        <v>878</v>
      </c>
      <c r="M55" s="17">
        <v>47726</v>
      </c>
      <c r="N55" s="17">
        <v>711</v>
      </c>
      <c r="O55" s="17">
        <v>12</v>
      </c>
      <c r="P55" s="17">
        <v>302</v>
      </c>
      <c r="Q55" s="17">
        <v>397</v>
      </c>
      <c r="R55" s="17">
        <v>24248</v>
      </c>
    </row>
    <row r="56" spans="1:18">
      <c r="A56" s="21" t="s">
        <v>2220</v>
      </c>
      <c r="B56" s="10" t="s">
        <v>25</v>
      </c>
      <c r="C56" s="11" t="s">
        <v>25</v>
      </c>
      <c r="D56" s="17">
        <v>426</v>
      </c>
      <c r="E56" s="17">
        <v>10</v>
      </c>
      <c r="F56" s="17">
        <v>86</v>
      </c>
      <c r="G56" s="17">
        <v>330</v>
      </c>
      <c r="H56" s="17">
        <v>18123</v>
      </c>
      <c r="I56" s="17">
        <v>241</v>
      </c>
      <c r="J56" s="17">
        <v>6</v>
      </c>
      <c r="K56" s="17">
        <v>23</v>
      </c>
      <c r="L56" s="17">
        <v>212</v>
      </c>
      <c r="M56" s="17">
        <v>11641</v>
      </c>
      <c r="N56" s="17">
        <v>185</v>
      </c>
      <c r="O56" s="17">
        <v>4</v>
      </c>
      <c r="P56" s="17">
        <v>63</v>
      </c>
      <c r="Q56" s="17">
        <v>118</v>
      </c>
      <c r="R56" s="17">
        <v>6482</v>
      </c>
    </row>
    <row r="57" spans="1:18">
      <c r="A57" s="21" t="s">
        <v>2221</v>
      </c>
      <c r="B57" s="10" t="s">
        <v>25</v>
      </c>
      <c r="C57" s="11" t="s">
        <v>25</v>
      </c>
      <c r="D57" s="17">
        <v>118</v>
      </c>
      <c r="E57" s="17">
        <v>1</v>
      </c>
      <c r="F57" s="17">
        <v>29</v>
      </c>
      <c r="G57" s="17">
        <v>88</v>
      </c>
      <c r="H57" s="17">
        <v>4986</v>
      </c>
      <c r="I57" s="17">
        <v>71</v>
      </c>
      <c r="J57" s="18" t="s">
        <v>35</v>
      </c>
      <c r="K57" s="17">
        <v>8</v>
      </c>
      <c r="L57" s="17">
        <v>63</v>
      </c>
      <c r="M57" s="17">
        <v>3377</v>
      </c>
      <c r="N57" s="17">
        <v>47</v>
      </c>
      <c r="O57" s="17">
        <v>1</v>
      </c>
      <c r="P57" s="17">
        <v>21</v>
      </c>
      <c r="Q57" s="17">
        <v>25</v>
      </c>
      <c r="R57" s="17">
        <v>1609</v>
      </c>
    </row>
    <row r="58" spans="1:18">
      <c r="A58" s="21" t="s">
        <v>2222</v>
      </c>
      <c r="B58" s="10" t="s">
        <v>25</v>
      </c>
      <c r="C58" s="11" t="s">
        <v>25</v>
      </c>
      <c r="D58" s="17">
        <v>693</v>
      </c>
      <c r="E58" s="17">
        <v>9</v>
      </c>
      <c r="F58" s="17">
        <v>178</v>
      </c>
      <c r="G58" s="17">
        <v>506</v>
      </c>
      <c r="H58" s="17">
        <v>28441</v>
      </c>
      <c r="I58" s="17">
        <v>417</v>
      </c>
      <c r="J58" s="17">
        <v>5</v>
      </c>
      <c r="K58" s="17">
        <v>51</v>
      </c>
      <c r="L58" s="17">
        <v>361</v>
      </c>
      <c r="M58" s="17">
        <v>19276</v>
      </c>
      <c r="N58" s="17">
        <v>276</v>
      </c>
      <c r="O58" s="17">
        <v>4</v>
      </c>
      <c r="P58" s="17">
        <v>127</v>
      </c>
      <c r="Q58" s="17">
        <v>145</v>
      </c>
      <c r="R58" s="17">
        <v>9165</v>
      </c>
    </row>
    <row r="59" spans="1:18">
      <c r="A59" s="21" t="s">
        <v>2223</v>
      </c>
      <c r="B59" s="10" t="s">
        <v>25</v>
      </c>
      <c r="C59" s="11" t="s">
        <v>25</v>
      </c>
      <c r="D59" s="17">
        <v>488</v>
      </c>
      <c r="E59" s="17">
        <v>7</v>
      </c>
      <c r="F59" s="17">
        <v>130</v>
      </c>
      <c r="G59" s="17">
        <v>351</v>
      </c>
      <c r="H59" s="17">
        <v>20424</v>
      </c>
      <c r="I59" s="17">
        <v>285</v>
      </c>
      <c r="J59" s="17">
        <v>4</v>
      </c>
      <c r="K59" s="17">
        <v>39</v>
      </c>
      <c r="L59" s="17">
        <v>242</v>
      </c>
      <c r="M59" s="17">
        <v>13432</v>
      </c>
      <c r="N59" s="17">
        <v>203</v>
      </c>
      <c r="O59" s="17">
        <v>3</v>
      </c>
      <c r="P59" s="17">
        <v>91</v>
      </c>
      <c r="Q59" s="17">
        <v>109</v>
      </c>
      <c r="R59" s="17">
        <v>6992</v>
      </c>
    </row>
    <row r="60" spans="1:18">
      <c r="A60" s="21" t="s">
        <v>2224</v>
      </c>
      <c r="B60" s="10" t="s">
        <v>25</v>
      </c>
      <c r="C60" s="11" t="s">
        <v>25</v>
      </c>
      <c r="D60" s="17">
        <v>1819</v>
      </c>
      <c r="E60" s="17">
        <v>28</v>
      </c>
      <c r="F60" s="17">
        <v>431</v>
      </c>
      <c r="G60" s="17">
        <v>1359</v>
      </c>
      <c r="H60" s="17">
        <v>74883</v>
      </c>
      <c r="I60" s="17">
        <v>1087</v>
      </c>
      <c r="J60" s="17">
        <v>19</v>
      </c>
      <c r="K60" s="17">
        <v>113</v>
      </c>
      <c r="L60" s="17">
        <v>954</v>
      </c>
      <c r="M60" s="17">
        <v>50469</v>
      </c>
      <c r="N60" s="17">
        <v>732</v>
      </c>
      <c r="O60" s="17">
        <v>9</v>
      </c>
      <c r="P60" s="17">
        <v>318</v>
      </c>
      <c r="Q60" s="17">
        <v>405</v>
      </c>
      <c r="R60" s="17">
        <v>24414</v>
      </c>
    </row>
    <row r="61" spans="1:18">
      <c r="A61" s="21" t="s">
        <v>2225</v>
      </c>
      <c r="B61" s="10" t="s">
        <v>25</v>
      </c>
      <c r="C61" s="11" t="s">
        <v>25</v>
      </c>
      <c r="D61" s="17">
        <v>719</v>
      </c>
      <c r="E61" s="17">
        <v>7</v>
      </c>
      <c r="F61" s="17">
        <v>161</v>
      </c>
      <c r="G61" s="17">
        <v>551</v>
      </c>
      <c r="H61" s="17">
        <v>30288</v>
      </c>
      <c r="I61" s="17">
        <v>426</v>
      </c>
      <c r="J61" s="17">
        <v>5</v>
      </c>
      <c r="K61" s="17">
        <v>44</v>
      </c>
      <c r="L61" s="17">
        <v>377</v>
      </c>
      <c r="M61" s="17">
        <v>20312</v>
      </c>
      <c r="N61" s="17">
        <v>293</v>
      </c>
      <c r="O61" s="17">
        <v>2</v>
      </c>
      <c r="P61" s="17">
        <v>117</v>
      </c>
      <c r="Q61" s="17">
        <v>174</v>
      </c>
      <c r="R61" s="17">
        <v>9976</v>
      </c>
    </row>
    <row r="62" spans="1:18">
      <c r="A62" s="21" t="s">
        <v>2226</v>
      </c>
      <c r="B62" s="10" t="s">
        <v>25</v>
      </c>
      <c r="C62" s="11" t="s">
        <v>25</v>
      </c>
      <c r="D62" s="17">
        <v>412</v>
      </c>
      <c r="E62" s="17">
        <v>11</v>
      </c>
      <c r="F62" s="17">
        <v>101</v>
      </c>
      <c r="G62" s="17">
        <v>300</v>
      </c>
      <c r="H62" s="17">
        <v>16524</v>
      </c>
      <c r="I62" s="17">
        <v>232</v>
      </c>
      <c r="J62" s="17">
        <v>7</v>
      </c>
      <c r="K62" s="17">
        <v>28</v>
      </c>
      <c r="L62" s="17">
        <v>197</v>
      </c>
      <c r="M62" s="17">
        <v>10423</v>
      </c>
      <c r="N62" s="17">
        <v>180</v>
      </c>
      <c r="O62" s="17">
        <v>4</v>
      </c>
      <c r="P62" s="17">
        <v>73</v>
      </c>
      <c r="Q62" s="17">
        <v>103</v>
      </c>
      <c r="R62" s="17">
        <v>6101</v>
      </c>
    </row>
    <row r="63" spans="1:18">
      <c r="A63" s="21" t="s">
        <v>2227</v>
      </c>
      <c r="B63" s="10" t="s">
        <v>25</v>
      </c>
      <c r="C63" s="11" t="s">
        <v>25</v>
      </c>
      <c r="D63" s="17">
        <v>555</v>
      </c>
      <c r="E63" s="17">
        <v>5</v>
      </c>
      <c r="F63" s="17">
        <v>140</v>
      </c>
      <c r="G63" s="17">
        <v>409</v>
      </c>
      <c r="H63" s="17">
        <v>22722</v>
      </c>
      <c r="I63" s="17">
        <v>347</v>
      </c>
      <c r="J63" s="17">
        <v>3</v>
      </c>
      <c r="K63" s="17">
        <v>34</v>
      </c>
      <c r="L63" s="17">
        <v>309</v>
      </c>
      <c r="M63" s="17">
        <v>16083</v>
      </c>
      <c r="N63" s="17">
        <v>208</v>
      </c>
      <c r="O63" s="17">
        <v>2</v>
      </c>
      <c r="P63" s="17">
        <v>106</v>
      </c>
      <c r="Q63" s="17">
        <v>100</v>
      </c>
      <c r="R63" s="17">
        <v>6639</v>
      </c>
    </row>
    <row r="64" spans="1:18">
      <c r="A64" s="21" t="s">
        <v>2228</v>
      </c>
      <c r="B64" s="10" t="s">
        <v>25</v>
      </c>
      <c r="C64" s="11" t="s">
        <v>25</v>
      </c>
      <c r="D64" s="17">
        <v>133</v>
      </c>
      <c r="E64" s="17">
        <v>5</v>
      </c>
      <c r="F64" s="17">
        <v>29</v>
      </c>
      <c r="G64" s="17">
        <v>99</v>
      </c>
      <c r="H64" s="17">
        <v>5349</v>
      </c>
      <c r="I64" s="17">
        <v>82</v>
      </c>
      <c r="J64" s="17">
        <v>4</v>
      </c>
      <c r="K64" s="17">
        <v>7</v>
      </c>
      <c r="L64" s="17">
        <v>71</v>
      </c>
      <c r="M64" s="17">
        <v>3651</v>
      </c>
      <c r="N64" s="17">
        <v>51</v>
      </c>
      <c r="O64" s="18">
        <v>1</v>
      </c>
      <c r="P64" s="17">
        <v>22</v>
      </c>
      <c r="Q64" s="17">
        <v>28</v>
      </c>
      <c r="R64" s="17">
        <v>1698</v>
      </c>
    </row>
    <row r="65" spans="1:18">
      <c r="A65" s="21" t="s">
        <v>2229</v>
      </c>
      <c r="B65" s="10" t="s">
        <v>25</v>
      </c>
      <c r="C65" s="11" t="s">
        <v>25</v>
      </c>
      <c r="D65" s="17">
        <v>4692</v>
      </c>
      <c r="E65" s="17">
        <v>90</v>
      </c>
      <c r="F65" s="17">
        <v>1183</v>
      </c>
      <c r="G65" s="17">
        <v>3418</v>
      </c>
      <c r="H65" s="17">
        <v>190210</v>
      </c>
      <c r="I65" s="17">
        <v>2725</v>
      </c>
      <c r="J65" s="17">
        <v>53</v>
      </c>
      <c r="K65" s="17">
        <v>335</v>
      </c>
      <c r="L65" s="17">
        <v>2336</v>
      </c>
      <c r="M65" s="17">
        <v>124493</v>
      </c>
      <c r="N65" s="17">
        <v>1967</v>
      </c>
      <c r="O65" s="17">
        <v>37</v>
      </c>
      <c r="P65" s="17">
        <v>848</v>
      </c>
      <c r="Q65" s="17">
        <v>1082</v>
      </c>
      <c r="R65" s="17">
        <v>65717</v>
      </c>
    </row>
    <row r="66" spans="1:18">
      <c r="A66" s="21" t="s">
        <v>2230</v>
      </c>
      <c r="B66" s="10" t="s">
        <v>25</v>
      </c>
      <c r="C66" s="11" t="s">
        <v>25</v>
      </c>
      <c r="D66" s="17">
        <v>1201</v>
      </c>
      <c r="E66" s="17">
        <v>20</v>
      </c>
      <c r="F66" s="17">
        <v>305</v>
      </c>
      <c r="G66" s="17">
        <v>876</v>
      </c>
      <c r="H66" s="17">
        <v>47731</v>
      </c>
      <c r="I66" s="17">
        <v>733</v>
      </c>
      <c r="J66" s="17">
        <v>11</v>
      </c>
      <c r="K66" s="17">
        <v>86</v>
      </c>
      <c r="L66" s="17">
        <v>636</v>
      </c>
      <c r="M66" s="17">
        <v>32883</v>
      </c>
      <c r="N66" s="17">
        <v>468</v>
      </c>
      <c r="O66" s="17">
        <v>9</v>
      </c>
      <c r="P66" s="17">
        <v>219</v>
      </c>
      <c r="Q66" s="17">
        <v>240</v>
      </c>
      <c r="R66" s="17">
        <v>14848</v>
      </c>
    </row>
    <row r="67" spans="1:18">
      <c r="A67" s="21" t="s">
        <v>2231</v>
      </c>
      <c r="B67" s="10" t="s">
        <v>25</v>
      </c>
      <c r="C67" s="11" t="s">
        <v>25</v>
      </c>
      <c r="D67" s="17">
        <v>539</v>
      </c>
      <c r="E67" s="17">
        <v>7</v>
      </c>
      <c r="F67" s="17">
        <v>136</v>
      </c>
      <c r="G67" s="17">
        <v>396</v>
      </c>
      <c r="H67" s="17">
        <v>22203</v>
      </c>
      <c r="I67" s="17">
        <v>303</v>
      </c>
      <c r="J67" s="17">
        <v>3</v>
      </c>
      <c r="K67" s="17">
        <v>42</v>
      </c>
      <c r="L67" s="17">
        <v>258</v>
      </c>
      <c r="M67" s="17">
        <v>14013</v>
      </c>
      <c r="N67" s="17">
        <v>236</v>
      </c>
      <c r="O67" s="17">
        <v>4</v>
      </c>
      <c r="P67" s="17">
        <v>94</v>
      </c>
      <c r="Q67" s="17">
        <v>138</v>
      </c>
      <c r="R67" s="17">
        <v>8190</v>
      </c>
    </row>
    <row r="68" spans="1:18">
      <c r="A68" s="21" t="s">
        <v>2232</v>
      </c>
      <c r="B68" s="10" t="s">
        <v>25</v>
      </c>
      <c r="C68" s="11" t="s">
        <v>25</v>
      </c>
      <c r="D68" s="17">
        <v>986</v>
      </c>
      <c r="E68" s="17">
        <v>22</v>
      </c>
      <c r="F68" s="17">
        <v>255</v>
      </c>
      <c r="G68" s="17">
        <v>708</v>
      </c>
      <c r="H68" s="17">
        <v>39733</v>
      </c>
      <c r="I68" s="17">
        <v>564</v>
      </c>
      <c r="J68" s="17">
        <v>14</v>
      </c>
      <c r="K68" s="17">
        <v>74</v>
      </c>
      <c r="L68" s="17">
        <v>475</v>
      </c>
      <c r="M68" s="17">
        <v>25797</v>
      </c>
      <c r="N68" s="17">
        <v>422</v>
      </c>
      <c r="O68" s="17">
        <v>8</v>
      </c>
      <c r="P68" s="17">
        <v>181</v>
      </c>
      <c r="Q68" s="17">
        <v>233</v>
      </c>
      <c r="R68" s="17">
        <v>13936</v>
      </c>
    </row>
    <row r="69" spans="1:18">
      <c r="A69" s="21" t="s">
        <v>2233</v>
      </c>
      <c r="B69" s="10" t="s">
        <v>25</v>
      </c>
      <c r="C69" s="11" t="s">
        <v>25</v>
      </c>
      <c r="D69" s="17">
        <v>943</v>
      </c>
      <c r="E69" s="17">
        <v>22</v>
      </c>
      <c r="F69" s="17">
        <v>264</v>
      </c>
      <c r="G69" s="17">
        <v>657</v>
      </c>
      <c r="H69" s="17">
        <v>37474</v>
      </c>
      <c r="I69" s="17">
        <v>518</v>
      </c>
      <c r="J69" s="17">
        <v>14</v>
      </c>
      <c r="K69" s="17">
        <v>67</v>
      </c>
      <c r="L69" s="17">
        <v>437</v>
      </c>
      <c r="M69" s="17">
        <v>23371</v>
      </c>
      <c r="N69" s="17">
        <v>425</v>
      </c>
      <c r="O69" s="17">
        <v>8</v>
      </c>
      <c r="P69" s="17">
        <v>197</v>
      </c>
      <c r="Q69" s="17">
        <v>220</v>
      </c>
      <c r="R69" s="17">
        <v>14103</v>
      </c>
    </row>
    <row r="70" spans="1:18">
      <c r="A70" s="21" t="s">
        <v>2234</v>
      </c>
      <c r="B70" s="10" t="s">
        <v>25</v>
      </c>
      <c r="C70" s="11" t="s">
        <v>25</v>
      </c>
      <c r="D70" s="17">
        <v>866</v>
      </c>
      <c r="E70" s="17">
        <v>18</v>
      </c>
      <c r="F70" s="17">
        <v>189</v>
      </c>
      <c r="G70" s="17">
        <v>659</v>
      </c>
      <c r="H70" s="17">
        <v>36397</v>
      </c>
      <c r="I70" s="17">
        <v>519</v>
      </c>
      <c r="J70" s="17">
        <v>11</v>
      </c>
      <c r="K70" s="17">
        <v>55</v>
      </c>
      <c r="L70" s="17">
        <v>453</v>
      </c>
      <c r="M70" s="17">
        <v>24259</v>
      </c>
      <c r="N70" s="17">
        <v>347</v>
      </c>
      <c r="O70" s="17">
        <v>7</v>
      </c>
      <c r="P70" s="17">
        <v>134</v>
      </c>
      <c r="Q70" s="17">
        <v>206</v>
      </c>
      <c r="R70" s="17">
        <v>12138</v>
      </c>
    </row>
    <row r="71" spans="1:18">
      <c r="A71" s="21" t="s">
        <v>2235</v>
      </c>
      <c r="B71" s="10" t="s">
        <v>25</v>
      </c>
      <c r="C71" s="11" t="s">
        <v>25</v>
      </c>
      <c r="D71" s="17">
        <v>157</v>
      </c>
      <c r="E71" s="17">
        <v>1</v>
      </c>
      <c r="F71" s="17">
        <v>34</v>
      </c>
      <c r="G71" s="17">
        <v>122</v>
      </c>
      <c r="H71" s="17">
        <v>6672</v>
      </c>
      <c r="I71" s="17">
        <v>88</v>
      </c>
      <c r="J71" s="17" t="s">
        <v>35</v>
      </c>
      <c r="K71" s="17">
        <v>11</v>
      </c>
      <c r="L71" s="17">
        <v>77</v>
      </c>
      <c r="M71" s="17">
        <v>4170</v>
      </c>
      <c r="N71" s="17">
        <v>69</v>
      </c>
      <c r="O71" s="17">
        <v>1</v>
      </c>
      <c r="P71" s="17">
        <v>23</v>
      </c>
      <c r="Q71" s="17">
        <v>45</v>
      </c>
      <c r="R71" s="17">
        <v>2502</v>
      </c>
    </row>
    <row r="72" spans="1:18">
      <c r="A72" s="21" t="s">
        <v>2236</v>
      </c>
      <c r="B72" s="10" t="s">
        <v>25</v>
      </c>
      <c r="C72" s="11" t="s">
        <v>25</v>
      </c>
      <c r="D72" s="17">
        <v>5488</v>
      </c>
      <c r="E72" s="17">
        <v>74</v>
      </c>
      <c r="F72" s="17">
        <v>1428</v>
      </c>
      <c r="G72" s="17">
        <v>3984</v>
      </c>
      <c r="H72" s="17">
        <v>223790</v>
      </c>
      <c r="I72" s="17">
        <v>3261</v>
      </c>
      <c r="J72" s="17">
        <v>42</v>
      </c>
      <c r="K72" s="17">
        <v>441</v>
      </c>
      <c r="L72" s="17">
        <v>2777</v>
      </c>
      <c r="M72" s="17">
        <v>150152</v>
      </c>
      <c r="N72" s="17">
        <v>2227</v>
      </c>
      <c r="O72" s="17">
        <v>32</v>
      </c>
      <c r="P72" s="17">
        <v>987</v>
      </c>
      <c r="Q72" s="17">
        <v>1207</v>
      </c>
      <c r="R72" s="17">
        <v>73638</v>
      </c>
    </row>
    <row r="73" spans="1:18">
      <c r="A73" s="21" t="s">
        <v>2237</v>
      </c>
      <c r="B73" s="10" t="s">
        <v>25</v>
      </c>
      <c r="C73" s="11" t="s">
        <v>25</v>
      </c>
      <c r="D73" s="17">
        <v>719</v>
      </c>
      <c r="E73" s="17">
        <v>10</v>
      </c>
      <c r="F73" s="17">
        <v>199</v>
      </c>
      <c r="G73" s="17">
        <v>510</v>
      </c>
      <c r="H73" s="17">
        <v>28698</v>
      </c>
      <c r="I73" s="17">
        <v>430</v>
      </c>
      <c r="J73" s="17">
        <v>7</v>
      </c>
      <c r="K73" s="17">
        <v>68</v>
      </c>
      <c r="L73" s="17">
        <v>355</v>
      </c>
      <c r="M73" s="17">
        <v>19219</v>
      </c>
      <c r="N73" s="17">
        <v>289</v>
      </c>
      <c r="O73" s="17">
        <v>3</v>
      </c>
      <c r="P73" s="17">
        <v>131</v>
      </c>
      <c r="Q73" s="17">
        <v>155</v>
      </c>
      <c r="R73" s="17">
        <v>9479</v>
      </c>
    </row>
    <row r="74" spans="1:18">
      <c r="A74" s="21" t="s">
        <v>2238</v>
      </c>
      <c r="B74" s="10" t="s">
        <v>25</v>
      </c>
      <c r="C74" s="11" t="s">
        <v>25</v>
      </c>
      <c r="D74" s="17">
        <v>1079</v>
      </c>
      <c r="E74" s="17">
        <v>19</v>
      </c>
      <c r="F74" s="17">
        <v>266</v>
      </c>
      <c r="G74" s="17">
        <v>794</v>
      </c>
      <c r="H74" s="17">
        <v>44263</v>
      </c>
      <c r="I74" s="17">
        <v>631</v>
      </c>
      <c r="J74" s="17">
        <v>10</v>
      </c>
      <c r="K74" s="17">
        <v>83</v>
      </c>
      <c r="L74" s="17">
        <v>538</v>
      </c>
      <c r="M74" s="17">
        <v>29145</v>
      </c>
      <c r="N74" s="17">
        <v>448</v>
      </c>
      <c r="O74" s="17">
        <v>9</v>
      </c>
      <c r="P74" s="17">
        <v>183</v>
      </c>
      <c r="Q74" s="17">
        <v>256</v>
      </c>
      <c r="R74" s="17">
        <v>15118</v>
      </c>
    </row>
    <row r="75" spans="1:18">
      <c r="A75" s="21" t="s">
        <v>2239</v>
      </c>
      <c r="B75" s="10" t="s">
        <v>25</v>
      </c>
      <c r="C75" s="11" t="s">
        <v>25</v>
      </c>
      <c r="D75" s="17">
        <v>636</v>
      </c>
      <c r="E75" s="17">
        <v>7</v>
      </c>
      <c r="F75" s="17">
        <v>169</v>
      </c>
      <c r="G75" s="17">
        <v>460</v>
      </c>
      <c r="H75" s="17">
        <v>26068</v>
      </c>
      <c r="I75" s="17">
        <v>389</v>
      </c>
      <c r="J75" s="18">
        <v>5</v>
      </c>
      <c r="K75" s="17">
        <v>54</v>
      </c>
      <c r="L75" s="17">
        <v>330</v>
      </c>
      <c r="M75" s="17">
        <v>17725</v>
      </c>
      <c r="N75" s="17">
        <v>247</v>
      </c>
      <c r="O75" s="17">
        <v>2</v>
      </c>
      <c r="P75" s="17">
        <v>115</v>
      </c>
      <c r="Q75" s="17">
        <v>130</v>
      </c>
      <c r="R75" s="17">
        <v>8343</v>
      </c>
    </row>
    <row r="76" spans="1:18">
      <c r="A76" s="21" t="s">
        <v>2240</v>
      </c>
      <c r="B76" s="10" t="s">
        <v>25</v>
      </c>
      <c r="C76" s="11" t="s">
        <v>25</v>
      </c>
      <c r="D76" s="17">
        <v>973</v>
      </c>
      <c r="E76" s="17">
        <v>8</v>
      </c>
      <c r="F76" s="17">
        <v>251</v>
      </c>
      <c r="G76" s="17">
        <v>714</v>
      </c>
      <c r="H76" s="17">
        <v>39894</v>
      </c>
      <c r="I76" s="17">
        <v>560</v>
      </c>
      <c r="J76" s="17">
        <v>4</v>
      </c>
      <c r="K76" s="17">
        <v>79</v>
      </c>
      <c r="L76" s="17">
        <v>477</v>
      </c>
      <c r="M76" s="17">
        <v>26125</v>
      </c>
      <c r="N76" s="17">
        <v>413</v>
      </c>
      <c r="O76" s="17">
        <v>4</v>
      </c>
      <c r="P76" s="17">
        <v>172</v>
      </c>
      <c r="Q76" s="17">
        <v>237</v>
      </c>
      <c r="R76" s="17">
        <v>13769</v>
      </c>
    </row>
    <row r="77" spans="1:18">
      <c r="A77" s="21" t="s">
        <v>2241</v>
      </c>
      <c r="B77" s="10" t="s">
        <v>25</v>
      </c>
      <c r="C77" s="11" t="s">
        <v>25</v>
      </c>
      <c r="D77" s="17">
        <v>1143</v>
      </c>
      <c r="E77" s="17">
        <v>15</v>
      </c>
      <c r="F77" s="17">
        <v>273</v>
      </c>
      <c r="G77" s="17">
        <v>853</v>
      </c>
      <c r="H77" s="17">
        <v>47636</v>
      </c>
      <c r="I77" s="17">
        <v>694</v>
      </c>
      <c r="J77" s="17">
        <v>6</v>
      </c>
      <c r="K77" s="17">
        <v>91</v>
      </c>
      <c r="L77" s="17">
        <v>596</v>
      </c>
      <c r="M77" s="17">
        <v>32441</v>
      </c>
      <c r="N77" s="17">
        <v>449</v>
      </c>
      <c r="O77" s="17">
        <v>9</v>
      </c>
      <c r="P77" s="17">
        <v>182</v>
      </c>
      <c r="Q77" s="17">
        <v>257</v>
      </c>
      <c r="R77" s="17">
        <v>15195</v>
      </c>
    </row>
    <row r="78" spans="1:18">
      <c r="A78" s="21" t="s">
        <v>2242</v>
      </c>
      <c r="B78" s="10" t="s">
        <v>25</v>
      </c>
      <c r="C78" s="11" t="s">
        <v>25</v>
      </c>
      <c r="D78" s="17">
        <v>390</v>
      </c>
      <c r="E78" s="17">
        <v>9</v>
      </c>
      <c r="F78" s="17">
        <v>122</v>
      </c>
      <c r="G78" s="17">
        <v>259</v>
      </c>
      <c r="H78" s="17">
        <v>14765</v>
      </c>
      <c r="I78" s="17">
        <v>229</v>
      </c>
      <c r="J78" s="17">
        <v>6</v>
      </c>
      <c r="K78" s="17">
        <v>38</v>
      </c>
      <c r="L78" s="17">
        <v>185</v>
      </c>
      <c r="M78" s="17">
        <v>9949</v>
      </c>
      <c r="N78" s="17">
        <v>161</v>
      </c>
      <c r="O78" s="17">
        <v>3</v>
      </c>
      <c r="P78" s="17">
        <v>84</v>
      </c>
      <c r="Q78" s="17">
        <v>74</v>
      </c>
      <c r="R78" s="17">
        <v>4816</v>
      </c>
    </row>
    <row r="79" spans="1:18">
      <c r="A79" s="21" t="s">
        <v>2243</v>
      </c>
      <c r="B79" s="10" t="s">
        <v>25</v>
      </c>
      <c r="C79" s="11" t="s">
        <v>25</v>
      </c>
      <c r="D79" s="17">
        <v>548</v>
      </c>
      <c r="E79" s="17">
        <v>6</v>
      </c>
      <c r="F79" s="17">
        <v>148</v>
      </c>
      <c r="G79" s="17">
        <v>394</v>
      </c>
      <c r="H79" s="17">
        <v>22466</v>
      </c>
      <c r="I79" s="17">
        <v>328</v>
      </c>
      <c r="J79" s="17">
        <v>4</v>
      </c>
      <c r="K79" s="17">
        <v>28</v>
      </c>
      <c r="L79" s="17">
        <v>296</v>
      </c>
      <c r="M79" s="17">
        <v>15548</v>
      </c>
      <c r="N79" s="17">
        <v>220</v>
      </c>
      <c r="O79" s="17">
        <v>2</v>
      </c>
      <c r="P79" s="17">
        <v>120</v>
      </c>
      <c r="Q79" s="17">
        <v>98</v>
      </c>
      <c r="R79" s="17">
        <v>6918</v>
      </c>
    </row>
    <row r="80" spans="1:18">
      <c r="A80" s="21" t="s">
        <v>2244</v>
      </c>
      <c r="B80" s="10" t="s">
        <v>25</v>
      </c>
      <c r="C80" s="11" t="s">
        <v>25</v>
      </c>
      <c r="D80" s="17">
        <v>3539</v>
      </c>
      <c r="E80" s="17">
        <v>37</v>
      </c>
      <c r="F80" s="17">
        <v>945</v>
      </c>
      <c r="G80" s="17">
        <v>2555</v>
      </c>
      <c r="H80" s="17">
        <v>144122</v>
      </c>
      <c r="I80" s="17">
        <v>2058</v>
      </c>
      <c r="J80" s="17">
        <v>18</v>
      </c>
      <c r="K80" s="17">
        <v>284</v>
      </c>
      <c r="L80" s="17">
        <v>1755</v>
      </c>
      <c r="M80" s="17">
        <v>94990</v>
      </c>
      <c r="N80" s="17">
        <v>1481</v>
      </c>
      <c r="O80" s="18">
        <v>19</v>
      </c>
      <c r="P80" s="17">
        <v>661</v>
      </c>
      <c r="Q80" s="17">
        <v>800</v>
      </c>
      <c r="R80" s="17">
        <v>49132</v>
      </c>
    </row>
    <row r="81" spans="1:18">
      <c r="A81" s="21" t="s">
        <v>2245</v>
      </c>
      <c r="B81" s="10" t="s">
        <v>25</v>
      </c>
      <c r="C81" s="11" t="s">
        <v>25</v>
      </c>
      <c r="D81" s="17">
        <v>687</v>
      </c>
      <c r="E81" s="17">
        <v>9</v>
      </c>
      <c r="F81" s="17">
        <v>190</v>
      </c>
      <c r="G81" s="17">
        <v>487</v>
      </c>
      <c r="H81" s="17">
        <v>27428</v>
      </c>
      <c r="I81" s="17">
        <v>409</v>
      </c>
      <c r="J81" s="17">
        <v>3</v>
      </c>
      <c r="K81" s="17">
        <v>60</v>
      </c>
      <c r="L81" s="17">
        <v>346</v>
      </c>
      <c r="M81" s="17">
        <v>18542</v>
      </c>
      <c r="N81" s="17">
        <v>278</v>
      </c>
      <c r="O81" s="18">
        <v>6</v>
      </c>
      <c r="P81" s="17">
        <v>130</v>
      </c>
      <c r="Q81" s="17">
        <v>141</v>
      </c>
      <c r="R81" s="17">
        <v>8886</v>
      </c>
    </row>
    <row r="82" spans="1:18">
      <c r="A82" s="21" t="s">
        <v>2246</v>
      </c>
      <c r="B82" s="10" t="s">
        <v>25</v>
      </c>
      <c r="C82" s="11" t="s">
        <v>25</v>
      </c>
      <c r="D82" s="17">
        <v>449</v>
      </c>
      <c r="E82" s="18">
        <v>3</v>
      </c>
      <c r="F82" s="17">
        <v>104</v>
      </c>
      <c r="G82" s="17">
        <v>342</v>
      </c>
      <c r="H82" s="17">
        <v>19088</v>
      </c>
      <c r="I82" s="17">
        <v>279</v>
      </c>
      <c r="J82" s="18">
        <v>2</v>
      </c>
      <c r="K82" s="17">
        <v>32</v>
      </c>
      <c r="L82" s="17">
        <v>245</v>
      </c>
      <c r="M82" s="17">
        <v>13326</v>
      </c>
      <c r="N82" s="17">
        <v>170</v>
      </c>
      <c r="O82" s="18">
        <v>1</v>
      </c>
      <c r="P82" s="17">
        <v>72</v>
      </c>
      <c r="Q82" s="17">
        <v>97</v>
      </c>
      <c r="R82" s="17">
        <v>5762</v>
      </c>
    </row>
    <row r="83" spans="1:18">
      <c r="A83" s="21" t="s">
        <v>2247</v>
      </c>
      <c r="B83" s="10" t="s">
        <v>25</v>
      </c>
      <c r="C83" s="11" t="s">
        <v>25</v>
      </c>
      <c r="D83" s="17">
        <v>903</v>
      </c>
      <c r="E83" s="18">
        <v>11</v>
      </c>
      <c r="F83" s="17">
        <v>252</v>
      </c>
      <c r="G83" s="17">
        <v>640</v>
      </c>
      <c r="H83" s="17">
        <v>36604</v>
      </c>
      <c r="I83" s="17">
        <v>498</v>
      </c>
      <c r="J83" s="18">
        <v>5</v>
      </c>
      <c r="K83" s="17">
        <v>63</v>
      </c>
      <c r="L83" s="17">
        <v>430</v>
      </c>
      <c r="M83" s="17">
        <v>23211</v>
      </c>
      <c r="N83" s="17">
        <v>405</v>
      </c>
      <c r="O83" s="18">
        <v>6</v>
      </c>
      <c r="P83" s="17">
        <v>189</v>
      </c>
      <c r="Q83" s="17">
        <v>210</v>
      </c>
      <c r="R83" s="17">
        <v>13393</v>
      </c>
    </row>
    <row r="84" spans="1:18">
      <c r="A84" s="21" t="s">
        <v>2248</v>
      </c>
      <c r="B84" s="10" t="s">
        <v>25</v>
      </c>
      <c r="C84" s="11" t="s">
        <v>25</v>
      </c>
      <c r="D84" s="18">
        <v>529</v>
      </c>
      <c r="E84" s="18">
        <v>4</v>
      </c>
      <c r="F84" s="18">
        <v>178</v>
      </c>
      <c r="G84" s="18">
        <v>347</v>
      </c>
      <c r="H84" s="18">
        <v>19951</v>
      </c>
      <c r="I84" s="18">
        <v>292</v>
      </c>
      <c r="J84" s="18">
        <v>4</v>
      </c>
      <c r="K84" s="18">
        <v>59</v>
      </c>
      <c r="L84" s="18">
        <v>229</v>
      </c>
      <c r="M84" s="18">
        <v>12437</v>
      </c>
      <c r="N84" s="18">
        <v>237</v>
      </c>
      <c r="O84" s="18" t="s">
        <v>2472</v>
      </c>
      <c r="P84" s="18">
        <v>119</v>
      </c>
      <c r="Q84" s="18">
        <v>118</v>
      </c>
      <c r="R84" s="18">
        <v>7514</v>
      </c>
    </row>
    <row r="85" spans="1:18">
      <c r="A85" s="21" t="s">
        <v>2249</v>
      </c>
      <c r="B85" s="10" t="s">
        <v>25</v>
      </c>
      <c r="C85" s="11" t="s">
        <v>25</v>
      </c>
      <c r="D85" s="18">
        <v>971</v>
      </c>
      <c r="E85" s="18">
        <v>10</v>
      </c>
      <c r="F85" s="18">
        <v>221</v>
      </c>
      <c r="G85" s="18">
        <v>739</v>
      </c>
      <c r="H85" s="18">
        <v>41051</v>
      </c>
      <c r="I85" s="18">
        <v>580</v>
      </c>
      <c r="J85" s="18">
        <v>4</v>
      </c>
      <c r="K85" s="18">
        <v>70</v>
      </c>
      <c r="L85" s="18">
        <v>505</v>
      </c>
      <c r="M85" s="18">
        <v>27474</v>
      </c>
      <c r="N85" s="18">
        <v>391</v>
      </c>
      <c r="O85" s="18">
        <v>6</v>
      </c>
      <c r="P85" s="18">
        <v>151</v>
      </c>
      <c r="Q85" s="18">
        <v>234</v>
      </c>
      <c r="R85" s="18">
        <v>13577</v>
      </c>
    </row>
    <row r="86" spans="1:18">
      <c r="A86" s="21" t="s">
        <v>2250</v>
      </c>
      <c r="B86" s="10" t="s">
        <v>25</v>
      </c>
      <c r="C86" s="11" t="s">
        <v>25</v>
      </c>
      <c r="D86" s="18">
        <v>4111</v>
      </c>
      <c r="E86" s="18">
        <v>79</v>
      </c>
      <c r="F86" s="18">
        <v>1086</v>
      </c>
      <c r="G86" s="18">
        <v>2946</v>
      </c>
      <c r="H86" s="18">
        <v>165130</v>
      </c>
      <c r="I86" s="18">
        <v>2379</v>
      </c>
      <c r="J86" s="18">
        <v>43</v>
      </c>
      <c r="K86" s="18">
        <v>331</v>
      </c>
      <c r="L86" s="18">
        <v>2005</v>
      </c>
      <c r="M86" s="18">
        <v>107922</v>
      </c>
      <c r="N86" s="18">
        <v>1732</v>
      </c>
      <c r="O86" s="18">
        <v>36</v>
      </c>
      <c r="P86" s="18">
        <v>755</v>
      </c>
      <c r="Q86" s="18">
        <v>941</v>
      </c>
      <c r="R86" s="18">
        <v>57208</v>
      </c>
    </row>
    <row r="87" spans="1:18">
      <c r="A87" s="21" t="s">
        <v>2251</v>
      </c>
      <c r="B87" s="10" t="s">
        <v>25</v>
      </c>
      <c r="C87" s="11" t="s">
        <v>25</v>
      </c>
      <c r="D87" s="17">
        <v>2295</v>
      </c>
      <c r="E87" s="17">
        <v>36</v>
      </c>
      <c r="F87" s="17">
        <v>608</v>
      </c>
      <c r="G87" s="17">
        <v>1651</v>
      </c>
      <c r="H87" s="17">
        <v>92412</v>
      </c>
      <c r="I87" s="17">
        <v>1290</v>
      </c>
      <c r="J87" s="17">
        <v>20</v>
      </c>
      <c r="K87" s="17">
        <v>183</v>
      </c>
      <c r="L87" s="17">
        <v>1087</v>
      </c>
      <c r="M87" s="17">
        <v>58657</v>
      </c>
      <c r="N87" s="17">
        <v>1005</v>
      </c>
      <c r="O87" s="17">
        <v>16</v>
      </c>
      <c r="P87" s="17">
        <v>425</v>
      </c>
      <c r="Q87" s="17">
        <v>564</v>
      </c>
      <c r="R87" s="17">
        <v>33755</v>
      </c>
    </row>
    <row r="88" spans="1:18">
      <c r="A88" s="21" t="s">
        <v>2252</v>
      </c>
      <c r="B88" s="10" t="s">
        <v>25</v>
      </c>
      <c r="C88" s="11" t="s">
        <v>25</v>
      </c>
      <c r="D88" s="17">
        <v>954</v>
      </c>
      <c r="E88" s="17">
        <v>16</v>
      </c>
      <c r="F88" s="17">
        <v>245</v>
      </c>
      <c r="G88" s="17">
        <v>693</v>
      </c>
      <c r="H88" s="17">
        <v>38711</v>
      </c>
      <c r="I88" s="17">
        <v>563</v>
      </c>
      <c r="J88" s="17">
        <v>7</v>
      </c>
      <c r="K88" s="17">
        <v>73</v>
      </c>
      <c r="L88" s="17">
        <v>483</v>
      </c>
      <c r="M88" s="17">
        <v>25745</v>
      </c>
      <c r="N88" s="17">
        <v>391</v>
      </c>
      <c r="O88" s="17">
        <v>9</v>
      </c>
      <c r="P88" s="17">
        <v>172</v>
      </c>
      <c r="Q88" s="17">
        <v>210</v>
      </c>
      <c r="R88" s="17">
        <v>12966</v>
      </c>
    </row>
    <row r="89" spans="1:18">
      <c r="A89" s="21" t="s">
        <v>2253</v>
      </c>
      <c r="B89" s="10" t="s">
        <v>25</v>
      </c>
      <c r="C89" s="11" t="s">
        <v>25</v>
      </c>
      <c r="D89" s="17">
        <v>862</v>
      </c>
      <c r="E89" s="17">
        <v>27</v>
      </c>
      <c r="F89" s="17">
        <v>233</v>
      </c>
      <c r="G89" s="17">
        <v>602</v>
      </c>
      <c r="H89" s="17">
        <v>34007</v>
      </c>
      <c r="I89" s="17">
        <v>526</v>
      </c>
      <c r="J89" s="17">
        <v>16</v>
      </c>
      <c r="K89" s="17">
        <v>75</v>
      </c>
      <c r="L89" s="17">
        <v>435</v>
      </c>
      <c r="M89" s="17">
        <v>23520</v>
      </c>
      <c r="N89" s="17">
        <v>336</v>
      </c>
      <c r="O89" s="17">
        <v>11</v>
      </c>
      <c r="P89" s="17">
        <v>158</v>
      </c>
      <c r="Q89" s="17">
        <v>167</v>
      </c>
      <c r="R89" s="17">
        <v>10487</v>
      </c>
    </row>
    <row r="90" spans="1:18">
      <c r="A90" s="21" t="s">
        <v>2254</v>
      </c>
      <c r="B90" s="10" t="s">
        <v>25</v>
      </c>
      <c r="C90" s="11" t="s">
        <v>25</v>
      </c>
      <c r="D90" s="17">
        <v>4597</v>
      </c>
      <c r="E90" s="17">
        <v>66</v>
      </c>
      <c r="F90" s="17">
        <v>1091</v>
      </c>
      <c r="G90" s="17">
        <v>3435</v>
      </c>
      <c r="H90" s="17">
        <v>191180</v>
      </c>
      <c r="I90" s="17">
        <v>2722</v>
      </c>
      <c r="J90" s="17">
        <v>35</v>
      </c>
      <c r="K90" s="17">
        <v>331</v>
      </c>
      <c r="L90" s="17">
        <v>2353</v>
      </c>
      <c r="M90" s="17">
        <v>126891</v>
      </c>
      <c r="N90" s="17">
        <v>1875</v>
      </c>
      <c r="O90" s="17">
        <v>31</v>
      </c>
      <c r="P90" s="17">
        <v>760</v>
      </c>
      <c r="Q90" s="17">
        <v>1082</v>
      </c>
      <c r="R90" s="17">
        <v>64289</v>
      </c>
    </row>
    <row r="91" spans="1:18">
      <c r="A91" s="21" t="s">
        <v>2255</v>
      </c>
      <c r="B91" s="10" t="s">
        <v>25</v>
      </c>
      <c r="C91" s="11" t="s">
        <v>25</v>
      </c>
      <c r="D91" s="17">
        <v>1338</v>
      </c>
      <c r="E91" s="17">
        <v>20</v>
      </c>
      <c r="F91" s="17">
        <v>263</v>
      </c>
      <c r="G91" s="17">
        <v>1053</v>
      </c>
      <c r="H91" s="17">
        <v>57183</v>
      </c>
      <c r="I91" s="17">
        <v>802</v>
      </c>
      <c r="J91" s="17">
        <v>8</v>
      </c>
      <c r="K91" s="17">
        <v>76</v>
      </c>
      <c r="L91" s="17">
        <v>716</v>
      </c>
      <c r="M91" s="17">
        <v>38323</v>
      </c>
      <c r="N91" s="17">
        <v>536</v>
      </c>
      <c r="O91" s="18">
        <v>12</v>
      </c>
      <c r="P91" s="17">
        <v>187</v>
      </c>
      <c r="Q91" s="17">
        <v>337</v>
      </c>
      <c r="R91" s="17">
        <v>18860</v>
      </c>
    </row>
    <row r="92" spans="1:18">
      <c r="A92" s="21" t="s">
        <v>2256</v>
      </c>
      <c r="B92" s="10" t="s">
        <v>25</v>
      </c>
      <c r="C92" s="11" t="s">
        <v>25</v>
      </c>
      <c r="D92" s="17">
        <v>1106</v>
      </c>
      <c r="E92" s="17">
        <v>16</v>
      </c>
      <c r="F92" s="17">
        <v>265</v>
      </c>
      <c r="G92" s="17">
        <v>825</v>
      </c>
      <c r="H92" s="17">
        <v>45941</v>
      </c>
      <c r="I92" s="17">
        <v>628</v>
      </c>
      <c r="J92" s="17">
        <v>9</v>
      </c>
      <c r="K92" s="17">
        <v>85</v>
      </c>
      <c r="L92" s="17">
        <v>534</v>
      </c>
      <c r="M92" s="17">
        <v>28991</v>
      </c>
      <c r="N92" s="17">
        <v>478</v>
      </c>
      <c r="O92" s="17">
        <v>7</v>
      </c>
      <c r="P92" s="17">
        <v>180</v>
      </c>
      <c r="Q92" s="17">
        <v>291</v>
      </c>
      <c r="R92" s="17">
        <v>16950</v>
      </c>
    </row>
    <row r="93" spans="1:18">
      <c r="A93" s="21" t="s">
        <v>2257</v>
      </c>
      <c r="B93" s="10" t="s">
        <v>25</v>
      </c>
      <c r="C93" s="11" t="s">
        <v>25</v>
      </c>
      <c r="D93" s="17">
        <v>623</v>
      </c>
      <c r="E93" s="17">
        <v>6</v>
      </c>
      <c r="F93" s="17">
        <v>177</v>
      </c>
      <c r="G93" s="17">
        <v>439</v>
      </c>
      <c r="H93" s="17">
        <v>24668</v>
      </c>
      <c r="I93" s="17">
        <v>371</v>
      </c>
      <c r="J93" s="17">
        <v>4</v>
      </c>
      <c r="K93" s="17">
        <v>56</v>
      </c>
      <c r="L93" s="17">
        <v>311</v>
      </c>
      <c r="M93" s="17">
        <v>16497</v>
      </c>
      <c r="N93" s="17">
        <v>252</v>
      </c>
      <c r="O93" s="17">
        <v>2</v>
      </c>
      <c r="P93" s="17">
        <v>121</v>
      </c>
      <c r="Q93" s="17">
        <v>128</v>
      </c>
      <c r="R93" s="17">
        <v>8171</v>
      </c>
    </row>
    <row r="94" spans="1:18">
      <c r="A94" s="21" t="s">
        <v>2258</v>
      </c>
      <c r="B94" s="10" t="s">
        <v>25</v>
      </c>
      <c r="C94" s="11" t="s">
        <v>25</v>
      </c>
      <c r="D94" s="17">
        <v>325</v>
      </c>
      <c r="E94" s="17">
        <v>6</v>
      </c>
      <c r="F94" s="17">
        <v>73</v>
      </c>
      <c r="G94" s="17">
        <v>246</v>
      </c>
      <c r="H94" s="17">
        <v>13744</v>
      </c>
      <c r="I94" s="17">
        <v>184</v>
      </c>
      <c r="J94" s="17">
        <v>4</v>
      </c>
      <c r="K94" s="17">
        <v>17</v>
      </c>
      <c r="L94" s="17">
        <v>163</v>
      </c>
      <c r="M94" s="17">
        <v>8684</v>
      </c>
      <c r="N94" s="17">
        <v>141</v>
      </c>
      <c r="O94" s="17">
        <v>2</v>
      </c>
      <c r="P94" s="17">
        <v>56</v>
      </c>
      <c r="Q94" s="17">
        <v>83</v>
      </c>
      <c r="R94" s="17">
        <v>5060</v>
      </c>
    </row>
    <row r="95" spans="1:18">
      <c r="A95" s="21" t="s">
        <v>2259</v>
      </c>
      <c r="B95" s="10" t="s">
        <v>25</v>
      </c>
      <c r="C95" s="11" t="s">
        <v>25</v>
      </c>
      <c r="D95" s="17">
        <v>260</v>
      </c>
      <c r="E95" s="17">
        <v>2</v>
      </c>
      <c r="F95" s="17">
        <v>84</v>
      </c>
      <c r="G95" s="17">
        <v>173</v>
      </c>
      <c r="H95" s="17">
        <v>10180</v>
      </c>
      <c r="I95" s="17">
        <v>148</v>
      </c>
      <c r="J95" s="17" t="s">
        <v>35</v>
      </c>
      <c r="K95" s="17">
        <v>26</v>
      </c>
      <c r="L95" s="17">
        <v>121</v>
      </c>
      <c r="M95" s="17">
        <v>6574</v>
      </c>
      <c r="N95" s="17">
        <v>112</v>
      </c>
      <c r="O95" s="17">
        <v>2</v>
      </c>
      <c r="P95" s="17">
        <v>58</v>
      </c>
      <c r="Q95" s="17">
        <v>52</v>
      </c>
      <c r="R95" s="17">
        <v>3606</v>
      </c>
    </row>
    <row r="96" spans="1:18">
      <c r="A96" s="21" t="s">
        <v>2260</v>
      </c>
      <c r="B96" s="10" t="s">
        <v>25</v>
      </c>
      <c r="C96" s="11" t="s">
        <v>25</v>
      </c>
      <c r="D96" s="17">
        <v>559</v>
      </c>
      <c r="E96" s="17">
        <v>9</v>
      </c>
      <c r="F96" s="17">
        <v>129</v>
      </c>
      <c r="G96" s="17">
        <v>420</v>
      </c>
      <c r="H96" s="17">
        <v>23539</v>
      </c>
      <c r="I96" s="17">
        <v>348</v>
      </c>
      <c r="J96" s="17">
        <v>6</v>
      </c>
      <c r="K96" s="17">
        <v>42</v>
      </c>
      <c r="L96" s="17">
        <v>300</v>
      </c>
      <c r="M96" s="17">
        <v>16470</v>
      </c>
      <c r="N96" s="17">
        <v>211</v>
      </c>
      <c r="O96" s="17">
        <v>3</v>
      </c>
      <c r="P96" s="17">
        <v>87</v>
      </c>
      <c r="Q96" s="17">
        <v>120</v>
      </c>
      <c r="R96" s="17">
        <v>7069</v>
      </c>
    </row>
    <row r="97" spans="1:18">
      <c r="A97" s="21" t="s">
        <v>2261</v>
      </c>
      <c r="B97" s="10" t="s">
        <v>25</v>
      </c>
      <c r="C97" s="11" t="s">
        <v>25</v>
      </c>
      <c r="D97" s="17">
        <v>386</v>
      </c>
      <c r="E97" s="17">
        <v>7</v>
      </c>
      <c r="F97" s="17">
        <v>100</v>
      </c>
      <c r="G97" s="17">
        <v>279</v>
      </c>
      <c r="H97" s="17">
        <v>15925</v>
      </c>
      <c r="I97" s="17">
        <v>241</v>
      </c>
      <c r="J97" s="17">
        <v>4</v>
      </c>
      <c r="K97" s="17">
        <v>29</v>
      </c>
      <c r="L97" s="17">
        <v>208</v>
      </c>
      <c r="M97" s="17">
        <v>11352</v>
      </c>
      <c r="N97" s="17">
        <v>145</v>
      </c>
      <c r="O97" s="17">
        <v>3</v>
      </c>
      <c r="P97" s="17">
        <v>71</v>
      </c>
      <c r="Q97" s="17">
        <v>71</v>
      </c>
      <c r="R97" s="17">
        <v>4573</v>
      </c>
    </row>
    <row r="98" spans="1:18">
      <c r="A98" s="21" t="s">
        <v>2262</v>
      </c>
      <c r="B98" s="10" t="s">
        <v>25</v>
      </c>
      <c r="C98" s="11" t="s">
        <v>25</v>
      </c>
      <c r="D98" s="17">
        <v>4605</v>
      </c>
      <c r="E98" s="17">
        <v>80</v>
      </c>
      <c r="F98" s="17">
        <v>1222</v>
      </c>
      <c r="G98" s="17">
        <v>3293</v>
      </c>
      <c r="H98" s="17">
        <v>184021</v>
      </c>
      <c r="I98" s="17">
        <v>2682</v>
      </c>
      <c r="J98" s="17">
        <v>42</v>
      </c>
      <c r="K98" s="17">
        <v>378</v>
      </c>
      <c r="L98" s="17">
        <v>2257</v>
      </c>
      <c r="M98" s="17">
        <v>121339</v>
      </c>
      <c r="N98" s="17">
        <v>1923</v>
      </c>
      <c r="O98" s="17">
        <v>38</v>
      </c>
      <c r="P98" s="17">
        <v>844</v>
      </c>
      <c r="Q98" s="17">
        <v>1036</v>
      </c>
      <c r="R98" s="17">
        <v>62682</v>
      </c>
    </row>
    <row r="99" spans="1:18">
      <c r="A99" s="21" t="s">
        <v>2263</v>
      </c>
      <c r="B99" s="10" t="s">
        <v>25</v>
      </c>
      <c r="C99" s="11" t="s">
        <v>25</v>
      </c>
      <c r="D99" s="17">
        <v>773</v>
      </c>
      <c r="E99" s="17">
        <v>14</v>
      </c>
      <c r="F99" s="17">
        <v>200</v>
      </c>
      <c r="G99" s="17">
        <v>558</v>
      </c>
      <c r="H99" s="17">
        <v>31224</v>
      </c>
      <c r="I99" s="17">
        <v>446</v>
      </c>
      <c r="J99" s="17">
        <v>4</v>
      </c>
      <c r="K99" s="17">
        <v>61</v>
      </c>
      <c r="L99" s="17">
        <v>381</v>
      </c>
      <c r="M99" s="17">
        <v>20529</v>
      </c>
      <c r="N99" s="17">
        <v>327</v>
      </c>
      <c r="O99" s="17">
        <v>10</v>
      </c>
      <c r="P99" s="17">
        <v>139</v>
      </c>
      <c r="Q99" s="17">
        <v>177</v>
      </c>
      <c r="R99" s="17">
        <v>10695</v>
      </c>
    </row>
    <row r="100" spans="1:18">
      <c r="A100" s="21" t="s">
        <v>2264</v>
      </c>
      <c r="B100" s="10" t="s">
        <v>25</v>
      </c>
      <c r="C100" s="11" t="s">
        <v>25</v>
      </c>
      <c r="D100" s="17">
        <v>1612</v>
      </c>
      <c r="E100" s="17">
        <v>35</v>
      </c>
      <c r="F100" s="17">
        <v>436</v>
      </c>
      <c r="G100" s="17">
        <v>1136</v>
      </c>
      <c r="H100" s="17">
        <v>64043</v>
      </c>
      <c r="I100" s="17">
        <v>901</v>
      </c>
      <c r="J100" s="17">
        <v>20</v>
      </c>
      <c r="K100" s="17">
        <v>113</v>
      </c>
      <c r="L100" s="17">
        <v>763</v>
      </c>
      <c r="M100" s="17">
        <v>40919</v>
      </c>
      <c r="N100" s="17">
        <v>711</v>
      </c>
      <c r="O100" s="17">
        <v>15</v>
      </c>
      <c r="P100" s="17">
        <v>323</v>
      </c>
      <c r="Q100" s="17">
        <v>373</v>
      </c>
      <c r="R100" s="17">
        <v>23124</v>
      </c>
    </row>
    <row r="101" spans="1:18">
      <c r="A101" s="21" t="s">
        <v>2265</v>
      </c>
      <c r="B101" s="10" t="s">
        <v>25</v>
      </c>
      <c r="C101" s="11" t="s">
        <v>25</v>
      </c>
      <c r="D101" s="17">
        <v>711</v>
      </c>
      <c r="E101" s="17">
        <v>14</v>
      </c>
      <c r="F101" s="17">
        <v>164</v>
      </c>
      <c r="G101" s="17">
        <v>531</v>
      </c>
      <c r="H101" s="17">
        <v>29238</v>
      </c>
      <c r="I101" s="17">
        <v>435</v>
      </c>
      <c r="J101" s="17">
        <v>6</v>
      </c>
      <c r="K101" s="17">
        <v>55</v>
      </c>
      <c r="L101" s="17">
        <v>374</v>
      </c>
      <c r="M101" s="17">
        <v>20073</v>
      </c>
      <c r="N101" s="17">
        <v>276</v>
      </c>
      <c r="O101" s="17">
        <v>8</v>
      </c>
      <c r="P101" s="17">
        <v>109</v>
      </c>
      <c r="Q101" s="17">
        <v>157</v>
      </c>
      <c r="R101" s="17">
        <v>9165</v>
      </c>
    </row>
    <row r="102" spans="1:18">
      <c r="A102" s="21" t="s">
        <v>2266</v>
      </c>
      <c r="B102" s="10" t="s">
        <v>25</v>
      </c>
      <c r="C102" s="11" t="s">
        <v>25</v>
      </c>
      <c r="D102" s="17">
        <v>504</v>
      </c>
      <c r="E102" s="18">
        <v>5</v>
      </c>
      <c r="F102" s="17">
        <v>139</v>
      </c>
      <c r="G102" s="17">
        <v>359</v>
      </c>
      <c r="H102" s="17">
        <v>20008</v>
      </c>
      <c r="I102" s="17">
        <v>288</v>
      </c>
      <c r="J102" s="18">
        <v>5</v>
      </c>
      <c r="K102" s="17">
        <v>47</v>
      </c>
      <c r="L102" s="17">
        <v>236</v>
      </c>
      <c r="M102" s="17">
        <v>12805</v>
      </c>
      <c r="N102" s="17">
        <v>216</v>
      </c>
      <c r="O102" s="18" t="s">
        <v>35</v>
      </c>
      <c r="P102" s="17">
        <v>92</v>
      </c>
      <c r="Q102" s="17">
        <v>123</v>
      </c>
      <c r="R102" s="17">
        <v>7203</v>
      </c>
    </row>
    <row r="103" spans="1:18">
      <c r="A103" s="21" t="s">
        <v>2267</v>
      </c>
      <c r="B103" s="10" t="s">
        <v>25</v>
      </c>
      <c r="C103" s="11" t="s">
        <v>25</v>
      </c>
      <c r="D103" s="17">
        <v>307</v>
      </c>
      <c r="E103" s="17">
        <v>3</v>
      </c>
      <c r="F103" s="17">
        <v>89</v>
      </c>
      <c r="G103" s="17">
        <v>215</v>
      </c>
      <c r="H103" s="17">
        <v>11902</v>
      </c>
      <c r="I103" s="17">
        <v>197</v>
      </c>
      <c r="J103" s="17">
        <v>1</v>
      </c>
      <c r="K103" s="17">
        <v>35</v>
      </c>
      <c r="L103" s="17">
        <v>161</v>
      </c>
      <c r="M103" s="17">
        <v>8624</v>
      </c>
      <c r="N103" s="17">
        <v>110</v>
      </c>
      <c r="O103" s="17">
        <v>2</v>
      </c>
      <c r="P103" s="17">
        <v>54</v>
      </c>
      <c r="Q103" s="17">
        <v>54</v>
      </c>
      <c r="R103" s="17">
        <v>3278</v>
      </c>
    </row>
    <row r="104" spans="1:18">
      <c r="A104" s="21" t="s">
        <v>2268</v>
      </c>
      <c r="B104" s="10" t="s">
        <v>25</v>
      </c>
      <c r="C104" s="11" t="s">
        <v>25</v>
      </c>
      <c r="D104" s="17">
        <v>124</v>
      </c>
      <c r="E104" s="17">
        <v>2</v>
      </c>
      <c r="F104" s="17">
        <v>42</v>
      </c>
      <c r="G104" s="17">
        <v>80</v>
      </c>
      <c r="H104" s="17">
        <v>4654</v>
      </c>
      <c r="I104" s="17">
        <v>77</v>
      </c>
      <c r="J104" s="17">
        <v>2</v>
      </c>
      <c r="K104" s="17">
        <v>17</v>
      </c>
      <c r="L104" s="17">
        <v>58</v>
      </c>
      <c r="M104" s="17">
        <v>3206</v>
      </c>
      <c r="N104" s="17">
        <v>47</v>
      </c>
      <c r="O104" s="17" t="s">
        <v>35</v>
      </c>
      <c r="P104" s="17">
        <v>25</v>
      </c>
      <c r="Q104" s="17">
        <v>22</v>
      </c>
      <c r="R104" s="17">
        <v>1448</v>
      </c>
    </row>
    <row r="105" spans="1:18">
      <c r="A105" s="21" t="s">
        <v>2269</v>
      </c>
      <c r="B105" s="10" t="s">
        <v>25</v>
      </c>
      <c r="C105" s="11" t="s">
        <v>25</v>
      </c>
      <c r="D105" s="17">
        <v>266</v>
      </c>
      <c r="E105" s="17">
        <v>5</v>
      </c>
      <c r="F105" s="17">
        <v>77</v>
      </c>
      <c r="G105" s="17">
        <v>184</v>
      </c>
      <c r="H105" s="17">
        <v>10131</v>
      </c>
      <c r="I105" s="17">
        <v>156</v>
      </c>
      <c r="J105" s="17">
        <v>2</v>
      </c>
      <c r="K105" s="17">
        <v>30</v>
      </c>
      <c r="L105" s="17">
        <v>124</v>
      </c>
      <c r="M105" s="17">
        <v>6614</v>
      </c>
      <c r="N105" s="17">
        <v>110</v>
      </c>
      <c r="O105" s="17">
        <v>3</v>
      </c>
      <c r="P105" s="17">
        <v>47</v>
      </c>
      <c r="Q105" s="17">
        <v>60</v>
      </c>
      <c r="R105" s="17">
        <v>3517</v>
      </c>
    </row>
    <row r="106" spans="1:18">
      <c r="A106" s="21" t="s">
        <v>2270</v>
      </c>
      <c r="B106" s="10" t="s">
        <v>25</v>
      </c>
      <c r="C106" s="11" t="s">
        <v>25</v>
      </c>
      <c r="D106" s="17">
        <v>308</v>
      </c>
      <c r="E106" s="17">
        <v>2</v>
      </c>
      <c r="F106" s="17">
        <v>75</v>
      </c>
      <c r="G106" s="17">
        <v>230</v>
      </c>
      <c r="H106" s="17">
        <v>12821</v>
      </c>
      <c r="I106" s="17">
        <v>182</v>
      </c>
      <c r="J106" s="17">
        <v>2</v>
      </c>
      <c r="K106" s="17">
        <v>20</v>
      </c>
      <c r="L106" s="17">
        <v>160</v>
      </c>
      <c r="M106" s="17">
        <v>8569</v>
      </c>
      <c r="N106" s="17">
        <v>126</v>
      </c>
      <c r="O106" s="17" t="s">
        <v>35</v>
      </c>
      <c r="P106" s="17">
        <v>55</v>
      </c>
      <c r="Q106" s="17">
        <v>70</v>
      </c>
      <c r="R106" s="17">
        <v>4252</v>
      </c>
    </row>
    <row r="107" spans="1:18">
      <c r="A107" s="21" t="s">
        <v>2271</v>
      </c>
      <c r="B107" s="10" t="s">
        <v>25</v>
      </c>
      <c r="C107" s="11" t="s">
        <v>25</v>
      </c>
      <c r="D107" s="17">
        <v>122</v>
      </c>
      <c r="E107" s="17">
        <v>3</v>
      </c>
      <c r="F107" s="17">
        <v>29</v>
      </c>
      <c r="G107" s="17">
        <v>90</v>
      </c>
      <c r="H107" s="17">
        <v>5153</v>
      </c>
      <c r="I107" s="17">
        <v>73</v>
      </c>
      <c r="J107" s="17">
        <v>2</v>
      </c>
      <c r="K107" s="17">
        <v>4</v>
      </c>
      <c r="L107" s="17">
        <v>67</v>
      </c>
      <c r="M107" s="17">
        <v>3590</v>
      </c>
      <c r="N107" s="17">
        <v>49</v>
      </c>
      <c r="O107" s="17">
        <v>1</v>
      </c>
      <c r="P107" s="17">
        <v>25</v>
      </c>
      <c r="Q107" s="17">
        <v>23</v>
      </c>
      <c r="R107" s="17">
        <v>1563</v>
      </c>
    </row>
    <row r="108" spans="1:18">
      <c r="A108" s="21" t="s">
        <v>2272</v>
      </c>
      <c r="B108" s="10" t="s">
        <v>25</v>
      </c>
      <c r="C108" s="11" t="s">
        <v>25</v>
      </c>
      <c r="D108" s="17">
        <v>50</v>
      </c>
      <c r="E108" s="17">
        <v>1</v>
      </c>
      <c r="F108" s="17">
        <v>14</v>
      </c>
      <c r="G108" s="17">
        <v>35</v>
      </c>
      <c r="H108" s="17">
        <v>1828</v>
      </c>
      <c r="I108" s="17">
        <v>30</v>
      </c>
      <c r="J108" s="17" t="s">
        <v>35</v>
      </c>
      <c r="K108" s="17">
        <v>2</v>
      </c>
      <c r="L108" s="17">
        <v>28</v>
      </c>
      <c r="M108" s="17">
        <v>1298</v>
      </c>
      <c r="N108" s="17">
        <v>20</v>
      </c>
      <c r="O108" s="17">
        <v>1</v>
      </c>
      <c r="P108" s="17">
        <v>12</v>
      </c>
      <c r="Q108" s="17">
        <v>7</v>
      </c>
      <c r="R108" s="17">
        <v>530</v>
      </c>
    </row>
    <row r="109" spans="1:18">
      <c r="A109" s="21" t="s">
        <v>2273</v>
      </c>
      <c r="B109" s="10" t="s">
        <v>25</v>
      </c>
      <c r="C109" s="11" t="s">
        <v>25</v>
      </c>
      <c r="D109" s="17">
        <v>72</v>
      </c>
      <c r="E109" s="17">
        <v>2</v>
      </c>
      <c r="F109" s="17">
        <v>15</v>
      </c>
      <c r="G109" s="17">
        <v>55</v>
      </c>
      <c r="H109" s="17">
        <v>3325</v>
      </c>
      <c r="I109" s="17">
        <v>43</v>
      </c>
      <c r="J109" s="17">
        <v>2</v>
      </c>
      <c r="K109" s="17">
        <v>2</v>
      </c>
      <c r="L109" s="17">
        <v>39</v>
      </c>
      <c r="M109" s="17">
        <v>2292</v>
      </c>
      <c r="N109" s="17">
        <v>29</v>
      </c>
      <c r="O109" s="17" t="s">
        <v>35</v>
      </c>
      <c r="P109" s="17">
        <v>13</v>
      </c>
      <c r="Q109" s="17">
        <v>16</v>
      </c>
      <c r="R109" s="17">
        <v>1033</v>
      </c>
    </row>
    <row r="110" spans="1:18">
      <c r="A110" s="21" t="s">
        <v>2274</v>
      </c>
      <c r="B110" s="10" t="s">
        <v>25</v>
      </c>
      <c r="C110" s="11" t="s">
        <v>25</v>
      </c>
      <c r="D110" s="17">
        <v>5853</v>
      </c>
      <c r="E110" s="17">
        <v>77</v>
      </c>
      <c r="F110" s="17">
        <v>1425</v>
      </c>
      <c r="G110" s="17">
        <v>4349</v>
      </c>
      <c r="H110" s="17">
        <v>239109</v>
      </c>
      <c r="I110" s="17">
        <v>3400</v>
      </c>
      <c r="J110" s="17">
        <v>51</v>
      </c>
      <c r="K110" s="17">
        <v>375</v>
      </c>
      <c r="L110" s="17">
        <v>2973</v>
      </c>
      <c r="M110" s="17">
        <v>156405</v>
      </c>
      <c r="N110" s="17">
        <v>2453</v>
      </c>
      <c r="O110" s="17">
        <v>26</v>
      </c>
      <c r="P110" s="17">
        <v>1050</v>
      </c>
      <c r="Q110" s="17">
        <v>1376</v>
      </c>
      <c r="R110" s="17">
        <v>82704</v>
      </c>
    </row>
    <row r="111" spans="1:18">
      <c r="A111" s="21" t="s">
        <v>2275</v>
      </c>
      <c r="B111" s="10" t="s">
        <v>25</v>
      </c>
      <c r="C111" s="11" t="s">
        <v>25</v>
      </c>
      <c r="D111" s="17">
        <v>885</v>
      </c>
      <c r="E111" s="17">
        <v>11</v>
      </c>
      <c r="F111" s="17">
        <v>215</v>
      </c>
      <c r="G111" s="17">
        <v>658</v>
      </c>
      <c r="H111" s="17">
        <v>36685</v>
      </c>
      <c r="I111" s="17">
        <v>505</v>
      </c>
      <c r="J111" s="17">
        <v>7</v>
      </c>
      <c r="K111" s="17">
        <v>59</v>
      </c>
      <c r="L111" s="17">
        <v>439</v>
      </c>
      <c r="M111" s="17">
        <v>23347</v>
      </c>
      <c r="N111" s="17">
        <v>380</v>
      </c>
      <c r="O111" s="17">
        <v>4</v>
      </c>
      <c r="P111" s="17">
        <v>156</v>
      </c>
      <c r="Q111" s="17">
        <v>219</v>
      </c>
      <c r="R111" s="17">
        <v>13338</v>
      </c>
    </row>
    <row r="112" spans="1:18">
      <c r="A112" s="21" t="s">
        <v>2276</v>
      </c>
      <c r="B112" s="10" t="s">
        <v>25</v>
      </c>
      <c r="C112" s="11" t="s">
        <v>25</v>
      </c>
      <c r="D112" s="17">
        <v>109</v>
      </c>
      <c r="E112" s="17">
        <v>1</v>
      </c>
      <c r="F112" s="17">
        <v>24</v>
      </c>
      <c r="G112" s="17">
        <v>84</v>
      </c>
      <c r="H112" s="17">
        <v>4573</v>
      </c>
      <c r="I112" s="17">
        <v>66</v>
      </c>
      <c r="J112" s="17">
        <v>1</v>
      </c>
      <c r="K112" s="17">
        <v>6</v>
      </c>
      <c r="L112" s="17">
        <v>59</v>
      </c>
      <c r="M112" s="17">
        <v>3030</v>
      </c>
      <c r="N112" s="17">
        <v>43</v>
      </c>
      <c r="O112" s="17" t="s">
        <v>35</v>
      </c>
      <c r="P112" s="17">
        <v>18</v>
      </c>
      <c r="Q112" s="17">
        <v>25</v>
      </c>
      <c r="R112" s="17">
        <v>1543</v>
      </c>
    </row>
    <row r="113" spans="1:18">
      <c r="A113" s="21" t="s">
        <v>2277</v>
      </c>
      <c r="B113" s="10" t="s">
        <v>25</v>
      </c>
      <c r="C113" s="11" t="s">
        <v>25</v>
      </c>
      <c r="D113" s="17">
        <v>582</v>
      </c>
      <c r="E113" s="17">
        <v>7</v>
      </c>
      <c r="F113" s="17">
        <v>129</v>
      </c>
      <c r="G113" s="17">
        <v>445</v>
      </c>
      <c r="H113" s="17">
        <v>23748</v>
      </c>
      <c r="I113" s="17">
        <v>347</v>
      </c>
      <c r="J113" s="17">
        <v>2</v>
      </c>
      <c r="K113" s="17">
        <v>49</v>
      </c>
      <c r="L113" s="17">
        <v>295</v>
      </c>
      <c r="M113" s="17">
        <v>15540</v>
      </c>
      <c r="N113" s="17">
        <v>235</v>
      </c>
      <c r="O113" s="17">
        <v>5</v>
      </c>
      <c r="P113" s="17">
        <v>80</v>
      </c>
      <c r="Q113" s="17">
        <v>150</v>
      </c>
      <c r="R113" s="17">
        <v>8208</v>
      </c>
    </row>
    <row r="114" spans="1:18">
      <c r="A114" s="21" t="s">
        <v>2278</v>
      </c>
      <c r="B114" s="10" t="s">
        <v>25</v>
      </c>
      <c r="C114" s="11" t="s">
        <v>25</v>
      </c>
      <c r="D114" s="18">
        <v>297</v>
      </c>
      <c r="E114" s="18">
        <v>1</v>
      </c>
      <c r="F114" s="18">
        <v>75</v>
      </c>
      <c r="G114" s="18">
        <v>221</v>
      </c>
      <c r="H114" s="18">
        <v>12262</v>
      </c>
      <c r="I114" s="18">
        <v>177</v>
      </c>
      <c r="J114" s="18">
        <v>1</v>
      </c>
      <c r="K114" s="18">
        <v>21</v>
      </c>
      <c r="L114" s="18">
        <v>155</v>
      </c>
      <c r="M114" s="18">
        <v>8345</v>
      </c>
      <c r="N114" s="18">
        <v>120</v>
      </c>
      <c r="O114" s="18" t="s">
        <v>35</v>
      </c>
      <c r="P114" s="18">
        <v>54</v>
      </c>
      <c r="Q114" s="18">
        <v>66</v>
      </c>
      <c r="R114" s="18">
        <v>3917</v>
      </c>
    </row>
    <row r="115" spans="1:18">
      <c r="A115" s="21" t="s">
        <v>2279</v>
      </c>
      <c r="B115" s="10" t="s">
        <v>25</v>
      </c>
      <c r="C115" s="11" t="s">
        <v>25</v>
      </c>
      <c r="D115" s="18">
        <v>1455</v>
      </c>
      <c r="E115" s="18">
        <v>19</v>
      </c>
      <c r="F115" s="18">
        <v>361</v>
      </c>
      <c r="G115" s="18">
        <v>1075</v>
      </c>
      <c r="H115" s="18">
        <v>58514</v>
      </c>
      <c r="I115" s="18">
        <v>850</v>
      </c>
      <c r="J115" s="18">
        <v>11</v>
      </c>
      <c r="K115" s="18">
        <v>91</v>
      </c>
      <c r="L115" s="18">
        <v>748</v>
      </c>
      <c r="M115" s="18">
        <v>38820</v>
      </c>
      <c r="N115" s="18">
        <v>605</v>
      </c>
      <c r="O115" s="18">
        <v>8</v>
      </c>
      <c r="P115" s="18">
        <v>270</v>
      </c>
      <c r="Q115" s="18">
        <v>327</v>
      </c>
      <c r="R115" s="18">
        <v>19694</v>
      </c>
    </row>
    <row r="116" spans="1:18">
      <c r="A116" s="21" t="s">
        <v>2280</v>
      </c>
      <c r="B116" s="10" t="s">
        <v>25</v>
      </c>
      <c r="C116" s="11" t="s">
        <v>25</v>
      </c>
      <c r="D116" s="17">
        <v>673</v>
      </c>
      <c r="E116" s="17">
        <v>14</v>
      </c>
      <c r="F116" s="17">
        <v>174</v>
      </c>
      <c r="G116" s="17">
        <v>485</v>
      </c>
      <c r="H116" s="17">
        <v>27244</v>
      </c>
      <c r="I116" s="17">
        <v>369</v>
      </c>
      <c r="J116" s="17">
        <v>10</v>
      </c>
      <c r="K116" s="17">
        <v>44</v>
      </c>
      <c r="L116" s="17">
        <v>315</v>
      </c>
      <c r="M116" s="17">
        <v>16808</v>
      </c>
      <c r="N116" s="17">
        <v>304</v>
      </c>
      <c r="O116" s="17">
        <v>4</v>
      </c>
      <c r="P116" s="17">
        <v>130</v>
      </c>
      <c r="Q116" s="17">
        <v>170</v>
      </c>
      <c r="R116" s="17">
        <v>10436</v>
      </c>
    </row>
    <row r="117" spans="1:18">
      <c r="A117" s="21" t="s">
        <v>2281</v>
      </c>
      <c r="B117" s="10" t="s">
        <v>25</v>
      </c>
      <c r="C117" s="11" t="s">
        <v>25</v>
      </c>
      <c r="D117" s="17">
        <v>416</v>
      </c>
      <c r="E117" s="18">
        <v>5</v>
      </c>
      <c r="F117" s="17">
        <v>100</v>
      </c>
      <c r="G117" s="17">
        <v>311</v>
      </c>
      <c r="H117" s="17">
        <v>17507</v>
      </c>
      <c r="I117" s="17">
        <v>242</v>
      </c>
      <c r="J117" s="18">
        <v>2</v>
      </c>
      <c r="K117" s="17">
        <v>21</v>
      </c>
      <c r="L117" s="17">
        <v>219</v>
      </c>
      <c r="M117" s="17">
        <v>11740</v>
      </c>
      <c r="N117" s="17">
        <v>174</v>
      </c>
      <c r="O117" s="18">
        <v>3</v>
      </c>
      <c r="P117" s="17">
        <v>79</v>
      </c>
      <c r="Q117" s="17">
        <v>92</v>
      </c>
      <c r="R117" s="17">
        <v>5767</v>
      </c>
    </row>
    <row r="118" spans="1:18">
      <c r="A118" s="21" t="s">
        <v>2282</v>
      </c>
      <c r="B118" s="10" t="s">
        <v>25</v>
      </c>
      <c r="C118" s="11" t="s">
        <v>25</v>
      </c>
      <c r="D118" s="17">
        <v>1137</v>
      </c>
      <c r="E118" s="17">
        <v>13</v>
      </c>
      <c r="F118" s="17">
        <v>262</v>
      </c>
      <c r="G118" s="17">
        <v>862</v>
      </c>
      <c r="H118" s="17">
        <v>46843</v>
      </c>
      <c r="I118" s="17">
        <v>658</v>
      </c>
      <c r="J118" s="18">
        <v>11</v>
      </c>
      <c r="K118" s="17">
        <v>60</v>
      </c>
      <c r="L118" s="17">
        <v>587</v>
      </c>
      <c r="M118" s="17">
        <v>30534</v>
      </c>
      <c r="N118" s="17">
        <v>479</v>
      </c>
      <c r="O118" s="17">
        <v>2</v>
      </c>
      <c r="P118" s="17">
        <v>202</v>
      </c>
      <c r="Q118" s="17">
        <v>275</v>
      </c>
      <c r="R118" s="17">
        <v>16309</v>
      </c>
    </row>
    <row r="119" spans="1:18">
      <c r="A119" s="21" t="s">
        <v>2283</v>
      </c>
      <c r="B119" s="10" t="s">
        <v>25</v>
      </c>
      <c r="C119" s="11" t="s">
        <v>25</v>
      </c>
      <c r="D119" s="17">
        <v>299</v>
      </c>
      <c r="E119" s="18">
        <v>6</v>
      </c>
      <c r="F119" s="17">
        <v>85</v>
      </c>
      <c r="G119" s="17">
        <v>208</v>
      </c>
      <c r="H119" s="17">
        <v>11733</v>
      </c>
      <c r="I119" s="17">
        <v>186</v>
      </c>
      <c r="J119" s="18">
        <v>6</v>
      </c>
      <c r="K119" s="17">
        <v>24</v>
      </c>
      <c r="L119" s="17">
        <v>156</v>
      </c>
      <c r="M119" s="17">
        <v>8241</v>
      </c>
      <c r="N119" s="17">
        <v>113</v>
      </c>
      <c r="O119" s="18" t="s">
        <v>35</v>
      </c>
      <c r="P119" s="17">
        <v>61</v>
      </c>
      <c r="Q119" s="17">
        <v>52</v>
      </c>
      <c r="R119" s="17">
        <v>3492</v>
      </c>
    </row>
    <row r="120" spans="1:18">
      <c r="A120" s="21" t="s">
        <v>2284</v>
      </c>
      <c r="B120" s="10" t="s">
        <v>25</v>
      </c>
      <c r="C120" s="11" t="s">
        <v>25</v>
      </c>
      <c r="D120" s="17">
        <v>2428</v>
      </c>
      <c r="E120" s="17">
        <v>33</v>
      </c>
      <c r="F120" s="17">
        <v>610</v>
      </c>
      <c r="G120" s="17">
        <v>1785</v>
      </c>
      <c r="H120" s="17">
        <v>98072</v>
      </c>
      <c r="I120" s="17">
        <v>1425</v>
      </c>
      <c r="J120" s="17">
        <v>19</v>
      </c>
      <c r="K120" s="17">
        <v>169</v>
      </c>
      <c r="L120" s="17">
        <v>1237</v>
      </c>
      <c r="M120" s="17">
        <v>64792</v>
      </c>
      <c r="N120" s="17">
        <v>1003</v>
      </c>
      <c r="O120" s="17">
        <v>14</v>
      </c>
      <c r="P120" s="17">
        <v>441</v>
      </c>
      <c r="Q120" s="17">
        <v>548</v>
      </c>
      <c r="R120" s="17">
        <v>33280</v>
      </c>
    </row>
    <row r="121" spans="1:18">
      <c r="A121" s="21" t="s">
        <v>2285</v>
      </c>
      <c r="B121" s="10" t="s">
        <v>25</v>
      </c>
      <c r="C121" s="11" t="s">
        <v>25</v>
      </c>
      <c r="D121" s="17">
        <v>984</v>
      </c>
      <c r="E121" s="17">
        <v>12</v>
      </c>
      <c r="F121" s="17">
        <v>234</v>
      </c>
      <c r="G121" s="17">
        <v>738</v>
      </c>
      <c r="H121" s="17">
        <v>40019</v>
      </c>
      <c r="I121" s="17">
        <v>584</v>
      </c>
      <c r="J121" s="17">
        <v>7</v>
      </c>
      <c r="K121" s="17">
        <v>71</v>
      </c>
      <c r="L121" s="17">
        <v>506</v>
      </c>
      <c r="M121" s="17">
        <v>26443</v>
      </c>
      <c r="N121" s="17">
        <v>400</v>
      </c>
      <c r="O121" s="17">
        <v>5</v>
      </c>
      <c r="P121" s="17">
        <v>163</v>
      </c>
      <c r="Q121" s="17">
        <v>232</v>
      </c>
      <c r="R121" s="17">
        <v>13576</v>
      </c>
    </row>
    <row r="122" spans="1:18">
      <c r="A122" s="21" t="s">
        <v>2286</v>
      </c>
      <c r="B122" s="10" t="s">
        <v>25</v>
      </c>
      <c r="C122" s="11" t="s">
        <v>25</v>
      </c>
      <c r="D122" s="17">
        <v>352</v>
      </c>
      <c r="E122" s="17">
        <v>6</v>
      </c>
      <c r="F122" s="17">
        <v>98</v>
      </c>
      <c r="G122" s="17">
        <v>248</v>
      </c>
      <c r="H122" s="17">
        <v>13749</v>
      </c>
      <c r="I122" s="17">
        <v>204</v>
      </c>
      <c r="J122" s="17">
        <v>5</v>
      </c>
      <c r="K122" s="17">
        <v>22</v>
      </c>
      <c r="L122" s="17">
        <v>177</v>
      </c>
      <c r="M122" s="17">
        <v>9166</v>
      </c>
      <c r="N122" s="17">
        <v>148</v>
      </c>
      <c r="O122" s="17">
        <v>1</v>
      </c>
      <c r="P122" s="17">
        <v>76</v>
      </c>
      <c r="Q122" s="17">
        <v>71</v>
      </c>
      <c r="R122" s="17">
        <v>4583</v>
      </c>
    </row>
    <row r="123" spans="1:18">
      <c r="A123" s="21" t="s">
        <v>2287</v>
      </c>
      <c r="B123" s="10" t="s">
        <v>25</v>
      </c>
      <c r="C123" s="11" t="s">
        <v>25</v>
      </c>
      <c r="D123" s="17">
        <v>763</v>
      </c>
      <c r="E123" s="17">
        <v>13</v>
      </c>
      <c r="F123" s="17">
        <v>195</v>
      </c>
      <c r="G123" s="17">
        <v>555</v>
      </c>
      <c r="H123" s="17">
        <v>30637</v>
      </c>
      <c r="I123" s="17">
        <v>435</v>
      </c>
      <c r="J123" s="17">
        <v>6</v>
      </c>
      <c r="K123" s="17">
        <v>53</v>
      </c>
      <c r="L123" s="17">
        <v>376</v>
      </c>
      <c r="M123" s="17">
        <v>19836</v>
      </c>
      <c r="N123" s="17">
        <v>328</v>
      </c>
      <c r="O123" s="17">
        <v>7</v>
      </c>
      <c r="P123" s="17">
        <v>142</v>
      </c>
      <c r="Q123" s="17">
        <v>179</v>
      </c>
      <c r="R123" s="17">
        <v>10801</v>
      </c>
    </row>
    <row r="124" spans="1:18">
      <c r="A124" s="21" t="s">
        <v>2288</v>
      </c>
      <c r="B124" s="10" t="s">
        <v>25</v>
      </c>
      <c r="C124" s="11" t="s">
        <v>25</v>
      </c>
      <c r="D124" s="17">
        <v>329</v>
      </c>
      <c r="E124" s="17">
        <v>2</v>
      </c>
      <c r="F124" s="17">
        <v>83</v>
      </c>
      <c r="G124" s="17">
        <v>244</v>
      </c>
      <c r="H124" s="17">
        <v>13667</v>
      </c>
      <c r="I124" s="17">
        <v>202</v>
      </c>
      <c r="J124" s="17">
        <v>1</v>
      </c>
      <c r="K124" s="17">
        <v>23</v>
      </c>
      <c r="L124" s="17">
        <v>178</v>
      </c>
      <c r="M124" s="17">
        <v>9347</v>
      </c>
      <c r="N124" s="17">
        <v>127</v>
      </c>
      <c r="O124" s="17">
        <v>1</v>
      </c>
      <c r="P124" s="17">
        <v>60</v>
      </c>
      <c r="Q124" s="17">
        <v>66</v>
      </c>
      <c r="R124" s="17">
        <v>4320</v>
      </c>
    </row>
    <row r="125" spans="1:18">
      <c r="A125" s="21" t="s">
        <v>2289</v>
      </c>
      <c r="B125" s="10" t="s">
        <v>25</v>
      </c>
      <c r="C125" s="11" t="s">
        <v>25</v>
      </c>
      <c r="D125" s="17">
        <v>4409</v>
      </c>
      <c r="E125" s="17">
        <v>59</v>
      </c>
      <c r="F125" s="17">
        <v>1005</v>
      </c>
      <c r="G125" s="17">
        <v>3345</v>
      </c>
      <c r="H125" s="17">
        <v>183500</v>
      </c>
      <c r="I125" s="17">
        <v>2587</v>
      </c>
      <c r="J125" s="17">
        <v>35</v>
      </c>
      <c r="K125" s="17">
        <v>261</v>
      </c>
      <c r="L125" s="17">
        <v>2291</v>
      </c>
      <c r="M125" s="17">
        <v>120745</v>
      </c>
      <c r="N125" s="17">
        <v>1822</v>
      </c>
      <c r="O125" s="17">
        <v>24</v>
      </c>
      <c r="P125" s="17">
        <v>744</v>
      </c>
      <c r="Q125" s="17">
        <v>1054</v>
      </c>
      <c r="R125" s="17">
        <v>62755</v>
      </c>
    </row>
    <row r="126" spans="1:18">
      <c r="A126" s="21" t="s">
        <v>2290</v>
      </c>
      <c r="B126" s="10" t="s">
        <v>25</v>
      </c>
      <c r="C126" s="11" t="s">
        <v>25</v>
      </c>
      <c r="D126" s="17">
        <v>847</v>
      </c>
      <c r="E126" s="17">
        <v>10</v>
      </c>
      <c r="F126" s="17">
        <v>187</v>
      </c>
      <c r="G126" s="17">
        <v>650</v>
      </c>
      <c r="H126" s="17">
        <v>35743</v>
      </c>
      <c r="I126" s="17">
        <v>521</v>
      </c>
      <c r="J126" s="17">
        <v>6</v>
      </c>
      <c r="K126" s="17">
        <v>50</v>
      </c>
      <c r="L126" s="17">
        <v>465</v>
      </c>
      <c r="M126" s="17">
        <v>24650</v>
      </c>
      <c r="N126" s="17">
        <v>326</v>
      </c>
      <c r="O126" s="17">
        <v>4</v>
      </c>
      <c r="P126" s="17">
        <v>137</v>
      </c>
      <c r="Q126" s="17">
        <v>185</v>
      </c>
      <c r="R126" s="17">
        <v>11093</v>
      </c>
    </row>
    <row r="127" spans="1:18">
      <c r="A127" s="21" t="s">
        <v>2291</v>
      </c>
      <c r="B127" s="10" t="s">
        <v>25</v>
      </c>
      <c r="C127" s="11" t="s">
        <v>25</v>
      </c>
      <c r="D127" s="17">
        <v>371</v>
      </c>
      <c r="E127" s="17">
        <v>6</v>
      </c>
      <c r="F127" s="17">
        <v>103</v>
      </c>
      <c r="G127" s="17">
        <v>262</v>
      </c>
      <c r="H127" s="17">
        <v>14650</v>
      </c>
      <c r="I127" s="17">
        <v>207</v>
      </c>
      <c r="J127" s="17">
        <v>4</v>
      </c>
      <c r="K127" s="17">
        <v>26</v>
      </c>
      <c r="L127" s="17">
        <v>177</v>
      </c>
      <c r="M127" s="17">
        <v>9282</v>
      </c>
      <c r="N127" s="17">
        <v>164</v>
      </c>
      <c r="O127" s="17">
        <v>2</v>
      </c>
      <c r="P127" s="17">
        <v>77</v>
      </c>
      <c r="Q127" s="17">
        <v>85</v>
      </c>
      <c r="R127" s="17">
        <v>5368</v>
      </c>
    </row>
    <row r="128" spans="1:18">
      <c r="A128" s="21" t="s">
        <v>2292</v>
      </c>
      <c r="B128" s="10" t="s">
        <v>25</v>
      </c>
      <c r="C128" s="11" t="s">
        <v>25</v>
      </c>
      <c r="D128" s="17">
        <v>717</v>
      </c>
      <c r="E128" s="17">
        <v>11</v>
      </c>
      <c r="F128" s="17">
        <v>167</v>
      </c>
      <c r="G128" s="17">
        <v>539</v>
      </c>
      <c r="H128" s="17">
        <v>29450</v>
      </c>
      <c r="I128" s="17">
        <v>428</v>
      </c>
      <c r="J128" s="17">
        <v>7</v>
      </c>
      <c r="K128" s="17">
        <v>42</v>
      </c>
      <c r="L128" s="17">
        <v>379</v>
      </c>
      <c r="M128" s="17">
        <v>19845</v>
      </c>
      <c r="N128" s="17">
        <v>289</v>
      </c>
      <c r="O128" s="17">
        <v>4</v>
      </c>
      <c r="P128" s="17">
        <v>125</v>
      </c>
      <c r="Q128" s="17">
        <v>160</v>
      </c>
      <c r="R128" s="17">
        <v>9605</v>
      </c>
    </row>
    <row r="129" spans="1:18">
      <c r="A129" s="21" t="s">
        <v>2293</v>
      </c>
      <c r="B129" s="10" t="s">
        <v>25</v>
      </c>
      <c r="C129" s="11" t="s">
        <v>25</v>
      </c>
      <c r="D129" s="17">
        <v>1196</v>
      </c>
      <c r="E129" s="17">
        <v>17</v>
      </c>
      <c r="F129" s="17">
        <v>279</v>
      </c>
      <c r="G129" s="17">
        <v>900</v>
      </c>
      <c r="H129" s="17">
        <v>49514</v>
      </c>
      <c r="I129" s="17">
        <v>676</v>
      </c>
      <c r="J129" s="17">
        <v>11</v>
      </c>
      <c r="K129" s="17">
        <v>73</v>
      </c>
      <c r="L129" s="17">
        <v>592</v>
      </c>
      <c r="M129" s="17">
        <v>31315</v>
      </c>
      <c r="N129" s="17">
        <v>520</v>
      </c>
      <c r="O129" s="17">
        <v>6</v>
      </c>
      <c r="P129" s="17">
        <v>206</v>
      </c>
      <c r="Q129" s="17">
        <v>308</v>
      </c>
      <c r="R129" s="17">
        <v>18199</v>
      </c>
    </row>
    <row r="130" spans="1:18">
      <c r="A130" s="21" t="s">
        <v>2294</v>
      </c>
      <c r="B130" s="10" t="s">
        <v>25</v>
      </c>
      <c r="C130" s="11" t="s">
        <v>25</v>
      </c>
      <c r="D130" s="17">
        <v>603</v>
      </c>
      <c r="E130" s="17">
        <v>9</v>
      </c>
      <c r="F130" s="17">
        <v>128</v>
      </c>
      <c r="G130" s="17">
        <v>466</v>
      </c>
      <c r="H130" s="17">
        <v>26132</v>
      </c>
      <c r="I130" s="17">
        <v>358</v>
      </c>
      <c r="J130" s="17">
        <v>5</v>
      </c>
      <c r="K130" s="17">
        <v>40</v>
      </c>
      <c r="L130" s="17">
        <v>313</v>
      </c>
      <c r="M130" s="17">
        <v>17071</v>
      </c>
      <c r="N130" s="17">
        <v>245</v>
      </c>
      <c r="O130" s="17">
        <v>4</v>
      </c>
      <c r="P130" s="17">
        <v>88</v>
      </c>
      <c r="Q130" s="17">
        <v>153</v>
      </c>
      <c r="R130" s="17">
        <v>9061</v>
      </c>
    </row>
    <row r="131" spans="1:18">
      <c r="A131" s="21" t="s">
        <v>2295</v>
      </c>
      <c r="B131" s="10" t="s">
        <v>25</v>
      </c>
      <c r="C131" s="11" t="s">
        <v>25</v>
      </c>
      <c r="D131" s="17">
        <v>561</v>
      </c>
      <c r="E131" s="17">
        <v>6</v>
      </c>
      <c r="F131" s="17">
        <v>115</v>
      </c>
      <c r="G131" s="17">
        <v>440</v>
      </c>
      <c r="H131" s="17">
        <v>23294</v>
      </c>
      <c r="I131" s="17">
        <v>336</v>
      </c>
      <c r="J131" s="17">
        <v>2</v>
      </c>
      <c r="K131" s="17">
        <v>28</v>
      </c>
      <c r="L131" s="17">
        <v>306</v>
      </c>
      <c r="M131" s="17">
        <v>15597</v>
      </c>
      <c r="N131" s="17">
        <v>225</v>
      </c>
      <c r="O131" s="17">
        <v>4</v>
      </c>
      <c r="P131" s="17">
        <v>87</v>
      </c>
      <c r="Q131" s="17">
        <v>134</v>
      </c>
      <c r="R131" s="17">
        <v>7697</v>
      </c>
    </row>
    <row r="132" spans="1:18">
      <c r="A132" s="21" t="s">
        <v>2296</v>
      </c>
      <c r="B132" s="10" t="s">
        <v>25</v>
      </c>
      <c r="C132" s="11" t="s">
        <v>25</v>
      </c>
      <c r="D132" s="17">
        <v>114</v>
      </c>
      <c r="E132" s="17" t="s">
        <v>35</v>
      </c>
      <c r="F132" s="17">
        <v>26</v>
      </c>
      <c r="G132" s="17">
        <v>88</v>
      </c>
      <c r="H132" s="17">
        <v>4717</v>
      </c>
      <c r="I132" s="17">
        <v>61</v>
      </c>
      <c r="J132" s="17" t="s">
        <v>35</v>
      </c>
      <c r="K132" s="17">
        <v>2</v>
      </c>
      <c r="L132" s="17">
        <v>59</v>
      </c>
      <c r="M132" s="17">
        <v>2985</v>
      </c>
      <c r="N132" s="17">
        <v>53</v>
      </c>
      <c r="O132" s="17" t="s">
        <v>35</v>
      </c>
      <c r="P132" s="17">
        <v>24</v>
      </c>
      <c r="Q132" s="17">
        <v>29</v>
      </c>
      <c r="R132" s="17">
        <v>1732</v>
      </c>
    </row>
    <row r="133" spans="1:18">
      <c r="A133" s="21" t="s">
        <v>2297</v>
      </c>
      <c r="B133" s="10" t="s">
        <v>25</v>
      </c>
      <c r="C133" s="11" t="s">
        <v>25</v>
      </c>
      <c r="D133" s="17">
        <v>1880</v>
      </c>
      <c r="E133" s="17">
        <v>27</v>
      </c>
      <c r="F133" s="17">
        <v>447</v>
      </c>
      <c r="G133" s="17">
        <v>1406</v>
      </c>
      <c r="H133" s="17">
        <v>76090</v>
      </c>
      <c r="I133" s="17">
        <v>1088</v>
      </c>
      <c r="J133" s="17">
        <v>17</v>
      </c>
      <c r="K133" s="17">
        <v>113</v>
      </c>
      <c r="L133" s="17">
        <v>958</v>
      </c>
      <c r="M133" s="17">
        <v>49509</v>
      </c>
      <c r="N133" s="17">
        <v>792</v>
      </c>
      <c r="O133" s="18">
        <v>10</v>
      </c>
      <c r="P133" s="17">
        <v>334</v>
      </c>
      <c r="Q133" s="17">
        <v>448</v>
      </c>
      <c r="R133" s="17">
        <v>26581</v>
      </c>
    </row>
    <row r="134" spans="1:18">
      <c r="A134" s="21" t="s">
        <v>2298</v>
      </c>
      <c r="B134" s="10" t="s">
        <v>25</v>
      </c>
      <c r="C134" s="11" t="s">
        <v>25</v>
      </c>
      <c r="D134" s="17">
        <v>987</v>
      </c>
      <c r="E134" s="17">
        <v>12</v>
      </c>
      <c r="F134" s="17">
        <v>226</v>
      </c>
      <c r="G134" s="17">
        <v>749</v>
      </c>
      <c r="H134" s="17">
        <v>40703</v>
      </c>
      <c r="I134" s="17">
        <v>581</v>
      </c>
      <c r="J134" s="18">
        <v>7</v>
      </c>
      <c r="K134" s="17">
        <v>53</v>
      </c>
      <c r="L134" s="17">
        <v>521</v>
      </c>
      <c r="M134" s="17">
        <v>27054</v>
      </c>
      <c r="N134" s="17">
        <v>406</v>
      </c>
      <c r="O134" s="17">
        <v>5</v>
      </c>
      <c r="P134" s="17">
        <v>173</v>
      </c>
      <c r="Q134" s="17">
        <v>228</v>
      </c>
      <c r="R134" s="17">
        <v>13649</v>
      </c>
    </row>
    <row r="135" spans="1:18">
      <c r="A135" s="21" t="s">
        <v>2299</v>
      </c>
      <c r="B135" s="10" t="s">
        <v>25</v>
      </c>
      <c r="C135" s="11" t="s">
        <v>25</v>
      </c>
      <c r="D135" s="17">
        <v>893</v>
      </c>
      <c r="E135" s="17">
        <v>15</v>
      </c>
      <c r="F135" s="17">
        <v>221</v>
      </c>
      <c r="G135" s="17">
        <v>657</v>
      </c>
      <c r="H135" s="17">
        <v>35387</v>
      </c>
      <c r="I135" s="17">
        <v>507</v>
      </c>
      <c r="J135" s="17">
        <v>10</v>
      </c>
      <c r="K135" s="17">
        <v>60</v>
      </c>
      <c r="L135" s="17">
        <v>437</v>
      </c>
      <c r="M135" s="17">
        <v>22455</v>
      </c>
      <c r="N135" s="17">
        <v>386</v>
      </c>
      <c r="O135" s="17">
        <v>5</v>
      </c>
      <c r="P135" s="17">
        <v>161</v>
      </c>
      <c r="Q135" s="17">
        <v>220</v>
      </c>
      <c r="R135" s="17">
        <v>12932</v>
      </c>
    </row>
    <row r="136" spans="1:18">
      <c r="A136" s="21" t="s">
        <v>2300</v>
      </c>
      <c r="B136" s="10" t="s">
        <v>25</v>
      </c>
      <c r="C136" s="11" t="s">
        <v>25</v>
      </c>
      <c r="D136" s="17">
        <v>2157</v>
      </c>
      <c r="E136" s="17">
        <v>19</v>
      </c>
      <c r="F136" s="17">
        <v>514</v>
      </c>
      <c r="G136" s="17">
        <v>1623</v>
      </c>
      <c r="H136" s="17">
        <v>89598</v>
      </c>
      <c r="I136" s="17">
        <v>1281</v>
      </c>
      <c r="J136" s="17">
        <v>12</v>
      </c>
      <c r="K136" s="17">
        <v>135</v>
      </c>
      <c r="L136" s="17">
        <v>1134</v>
      </c>
      <c r="M136" s="17">
        <v>60006</v>
      </c>
      <c r="N136" s="17">
        <v>876</v>
      </c>
      <c r="O136" s="17">
        <v>7</v>
      </c>
      <c r="P136" s="17">
        <v>379</v>
      </c>
      <c r="Q136" s="17">
        <v>489</v>
      </c>
      <c r="R136" s="17">
        <v>29592</v>
      </c>
    </row>
    <row r="137" spans="1:18">
      <c r="A137" s="21" t="s">
        <v>2301</v>
      </c>
      <c r="B137" s="10" t="s">
        <v>25</v>
      </c>
      <c r="C137" s="11" t="s">
        <v>25</v>
      </c>
      <c r="D137" s="17">
        <v>785</v>
      </c>
      <c r="E137" s="17">
        <v>8</v>
      </c>
      <c r="F137" s="17">
        <v>169</v>
      </c>
      <c r="G137" s="17">
        <v>607</v>
      </c>
      <c r="H137" s="17">
        <v>33534</v>
      </c>
      <c r="I137" s="17">
        <v>481</v>
      </c>
      <c r="J137" s="17">
        <v>4</v>
      </c>
      <c r="K137" s="17">
        <v>47</v>
      </c>
      <c r="L137" s="17">
        <v>430</v>
      </c>
      <c r="M137" s="17">
        <v>22975</v>
      </c>
      <c r="N137" s="17">
        <v>304</v>
      </c>
      <c r="O137" s="17">
        <v>4</v>
      </c>
      <c r="P137" s="17">
        <v>122</v>
      </c>
      <c r="Q137" s="17">
        <v>177</v>
      </c>
      <c r="R137" s="17">
        <v>10559</v>
      </c>
    </row>
    <row r="138" spans="1:18">
      <c r="A138" s="21" t="s">
        <v>2302</v>
      </c>
      <c r="B138" s="10" t="s">
        <v>25</v>
      </c>
      <c r="C138" s="11" t="s">
        <v>25</v>
      </c>
      <c r="D138" s="17">
        <v>711</v>
      </c>
      <c r="E138" s="18">
        <v>5</v>
      </c>
      <c r="F138" s="17">
        <v>185</v>
      </c>
      <c r="G138" s="17">
        <v>521</v>
      </c>
      <c r="H138" s="17">
        <v>28975</v>
      </c>
      <c r="I138" s="17">
        <v>406</v>
      </c>
      <c r="J138" s="18">
        <v>3</v>
      </c>
      <c r="K138" s="17">
        <v>48</v>
      </c>
      <c r="L138" s="17">
        <v>355</v>
      </c>
      <c r="M138" s="17">
        <v>18819</v>
      </c>
      <c r="N138" s="17">
        <v>305</v>
      </c>
      <c r="O138" s="18">
        <v>2</v>
      </c>
      <c r="P138" s="17">
        <v>137</v>
      </c>
      <c r="Q138" s="17">
        <v>166</v>
      </c>
      <c r="R138" s="17">
        <v>10156</v>
      </c>
    </row>
    <row r="139" spans="1:18">
      <c r="A139" s="21" t="s">
        <v>2303</v>
      </c>
      <c r="B139" s="10" t="s">
        <v>25</v>
      </c>
      <c r="C139" s="11" t="s">
        <v>25</v>
      </c>
      <c r="D139" s="17">
        <v>661</v>
      </c>
      <c r="E139" s="17">
        <v>6</v>
      </c>
      <c r="F139" s="17">
        <v>160</v>
      </c>
      <c r="G139" s="17">
        <v>495</v>
      </c>
      <c r="H139" s="17">
        <v>27089</v>
      </c>
      <c r="I139" s="17">
        <v>394</v>
      </c>
      <c r="J139" s="17">
        <v>5</v>
      </c>
      <c r="K139" s="17">
        <v>40</v>
      </c>
      <c r="L139" s="17">
        <v>349</v>
      </c>
      <c r="M139" s="17">
        <v>18212</v>
      </c>
      <c r="N139" s="17">
        <v>267</v>
      </c>
      <c r="O139" s="18">
        <v>1</v>
      </c>
      <c r="P139" s="17">
        <v>120</v>
      </c>
      <c r="Q139" s="17">
        <v>146</v>
      </c>
      <c r="R139" s="17">
        <v>8877</v>
      </c>
    </row>
    <row r="140" spans="1:18">
      <c r="A140" s="21" t="s">
        <v>2304</v>
      </c>
      <c r="B140" s="10" t="s">
        <v>25</v>
      </c>
      <c r="C140" s="11" t="s">
        <v>25</v>
      </c>
      <c r="D140" s="17">
        <v>2045</v>
      </c>
      <c r="E140" s="17">
        <v>28</v>
      </c>
      <c r="F140" s="17">
        <v>512</v>
      </c>
      <c r="G140" s="17">
        <v>1504</v>
      </c>
      <c r="H140" s="17">
        <v>83634</v>
      </c>
      <c r="I140" s="17">
        <v>1186</v>
      </c>
      <c r="J140" s="17">
        <v>22</v>
      </c>
      <c r="K140" s="17">
        <v>133</v>
      </c>
      <c r="L140" s="17">
        <v>1031</v>
      </c>
      <c r="M140" s="17">
        <v>54633</v>
      </c>
      <c r="N140" s="17">
        <v>859</v>
      </c>
      <c r="O140" s="18">
        <v>6</v>
      </c>
      <c r="P140" s="17">
        <v>379</v>
      </c>
      <c r="Q140" s="17">
        <v>473</v>
      </c>
      <c r="R140" s="17">
        <v>29001</v>
      </c>
    </row>
    <row r="141" spans="1:18">
      <c r="A141" s="21" t="s">
        <v>2305</v>
      </c>
      <c r="B141" s="10" t="s">
        <v>25</v>
      </c>
      <c r="C141" s="11" t="s">
        <v>25</v>
      </c>
      <c r="D141" s="17">
        <v>309</v>
      </c>
      <c r="E141" s="17">
        <v>1</v>
      </c>
      <c r="F141" s="17">
        <v>81</v>
      </c>
      <c r="G141" s="17">
        <v>227</v>
      </c>
      <c r="H141" s="17">
        <v>12663</v>
      </c>
      <c r="I141" s="17">
        <v>192</v>
      </c>
      <c r="J141" s="18" t="s">
        <v>35</v>
      </c>
      <c r="K141" s="17">
        <v>27</v>
      </c>
      <c r="L141" s="17">
        <v>165</v>
      </c>
      <c r="M141" s="17">
        <v>8822</v>
      </c>
      <c r="N141" s="17">
        <v>117</v>
      </c>
      <c r="O141" s="17">
        <v>1</v>
      </c>
      <c r="P141" s="17">
        <v>54</v>
      </c>
      <c r="Q141" s="17">
        <v>62</v>
      </c>
      <c r="R141" s="17">
        <v>3841</v>
      </c>
    </row>
    <row r="142" spans="1:18">
      <c r="A142" s="21" t="s">
        <v>2306</v>
      </c>
      <c r="B142" s="10" t="s">
        <v>25</v>
      </c>
      <c r="C142" s="11" t="s">
        <v>25</v>
      </c>
      <c r="D142" s="17">
        <v>628</v>
      </c>
      <c r="E142" s="17">
        <v>9</v>
      </c>
      <c r="F142" s="17">
        <v>150</v>
      </c>
      <c r="G142" s="17">
        <v>468</v>
      </c>
      <c r="H142" s="17">
        <v>25363</v>
      </c>
      <c r="I142" s="17">
        <v>336</v>
      </c>
      <c r="J142" s="17">
        <v>7</v>
      </c>
      <c r="K142" s="17">
        <v>34</v>
      </c>
      <c r="L142" s="17">
        <v>295</v>
      </c>
      <c r="M142" s="17">
        <v>15364</v>
      </c>
      <c r="N142" s="17">
        <v>292</v>
      </c>
      <c r="O142" s="17">
        <v>2</v>
      </c>
      <c r="P142" s="17">
        <v>116</v>
      </c>
      <c r="Q142" s="17">
        <v>173</v>
      </c>
      <c r="R142" s="17">
        <v>9999</v>
      </c>
    </row>
    <row r="143" spans="1:18">
      <c r="A143" s="21" t="s">
        <v>2307</v>
      </c>
      <c r="B143" s="10" t="s">
        <v>25</v>
      </c>
      <c r="C143" s="11" t="s">
        <v>25</v>
      </c>
      <c r="D143" s="17">
        <v>237</v>
      </c>
      <c r="E143" s="17">
        <v>4</v>
      </c>
      <c r="F143" s="17">
        <v>47</v>
      </c>
      <c r="G143" s="17">
        <v>186</v>
      </c>
      <c r="H143" s="17">
        <v>10063</v>
      </c>
      <c r="I143" s="17">
        <v>145</v>
      </c>
      <c r="J143" s="17">
        <v>4</v>
      </c>
      <c r="K143" s="17">
        <v>14</v>
      </c>
      <c r="L143" s="17">
        <v>127</v>
      </c>
      <c r="M143" s="17">
        <v>6756</v>
      </c>
      <c r="N143" s="17">
        <v>92</v>
      </c>
      <c r="O143" s="17" t="s">
        <v>35</v>
      </c>
      <c r="P143" s="17">
        <v>33</v>
      </c>
      <c r="Q143" s="17">
        <v>59</v>
      </c>
      <c r="R143" s="17">
        <v>3307</v>
      </c>
    </row>
    <row r="144" spans="1:18">
      <c r="A144" s="21" t="s">
        <v>2308</v>
      </c>
      <c r="B144" s="10" t="s">
        <v>25</v>
      </c>
      <c r="C144" s="11" t="s">
        <v>25</v>
      </c>
      <c r="D144" s="17">
        <v>434</v>
      </c>
      <c r="E144" s="17">
        <v>7</v>
      </c>
      <c r="F144" s="17">
        <v>127</v>
      </c>
      <c r="G144" s="17">
        <v>300</v>
      </c>
      <c r="H144" s="17">
        <v>17203</v>
      </c>
      <c r="I144" s="17">
        <v>239</v>
      </c>
      <c r="J144" s="17">
        <v>4</v>
      </c>
      <c r="K144" s="17">
        <v>30</v>
      </c>
      <c r="L144" s="17">
        <v>205</v>
      </c>
      <c r="M144" s="17">
        <v>10766</v>
      </c>
      <c r="N144" s="17">
        <v>195</v>
      </c>
      <c r="O144" s="17">
        <v>3</v>
      </c>
      <c r="P144" s="17">
        <v>97</v>
      </c>
      <c r="Q144" s="17">
        <v>95</v>
      </c>
      <c r="R144" s="17">
        <v>6437</v>
      </c>
    </row>
    <row r="145" spans="1:18">
      <c r="A145" s="21" t="s">
        <v>2309</v>
      </c>
      <c r="B145" s="10" t="s">
        <v>25</v>
      </c>
      <c r="C145" s="11" t="s">
        <v>25</v>
      </c>
      <c r="D145" s="17">
        <v>437</v>
      </c>
      <c r="E145" s="17">
        <v>7</v>
      </c>
      <c r="F145" s="17">
        <v>107</v>
      </c>
      <c r="G145" s="17">
        <v>323</v>
      </c>
      <c r="H145" s="17">
        <v>18342</v>
      </c>
      <c r="I145" s="17">
        <v>274</v>
      </c>
      <c r="J145" s="17">
        <v>7</v>
      </c>
      <c r="K145" s="17">
        <v>28</v>
      </c>
      <c r="L145" s="17">
        <v>239</v>
      </c>
      <c r="M145" s="17">
        <v>12925</v>
      </c>
      <c r="N145" s="17">
        <v>163</v>
      </c>
      <c r="O145" s="17" t="s">
        <v>35</v>
      </c>
      <c r="P145" s="17">
        <v>79</v>
      </c>
      <c r="Q145" s="17">
        <v>84</v>
      </c>
      <c r="R145" s="17">
        <v>5417</v>
      </c>
    </row>
    <row r="146" spans="1:18">
      <c r="A146" s="21" t="s">
        <v>2310</v>
      </c>
      <c r="B146" s="10" t="s">
        <v>25</v>
      </c>
      <c r="C146" s="11" t="s">
        <v>25</v>
      </c>
      <c r="D146" s="17">
        <v>5077</v>
      </c>
      <c r="E146" s="17">
        <v>75</v>
      </c>
      <c r="F146" s="17">
        <v>1269</v>
      </c>
      <c r="G146" s="17">
        <v>3732</v>
      </c>
      <c r="H146" s="17">
        <v>205957</v>
      </c>
      <c r="I146" s="17">
        <v>3029</v>
      </c>
      <c r="J146" s="17">
        <v>44</v>
      </c>
      <c r="K146" s="17">
        <v>351</v>
      </c>
      <c r="L146" s="17">
        <v>2634</v>
      </c>
      <c r="M146" s="17">
        <v>139035</v>
      </c>
      <c r="N146" s="17">
        <v>2048</v>
      </c>
      <c r="O146" s="17">
        <v>31</v>
      </c>
      <c r="P146" s="17">
        <v>918</v>
      </c>
      <c r="Q146" s="17">
        <v>1098</v>
      </c>
      <c r="R146" s="17">
        <v>66922</v>
      </c>
    </row>
    <row r="147" spans="1:18">
      <c r="A147" s="21" t="s">
        <v>2311</v>
      </c>
      <c r="B147" s="10" t="s">
        <v>25</v>
      </c>
      <c r="C147" s="11" t="s">
        <v>25</v>
      </c>
      <c r="D147" s="17">
        <v>803</v>
      </c>
      <c r="E147" s="17">
        <v>9</v>
      </c>
      <c r="F147" s="17">
        <v>200</v>
      </c>
      <c r="G147" s="17">
        <v>594</v>
      </c>
      <c r="H147" s="17">
        <v>32831</v>
      </c>
      <c r="I147" s="17">
        <v>459</v>
      </c>
      <c r="J147" s="17">
        <v>6</v>
      </c>
      <c r="K147" s="17">
        <v>49</v>
      </c>
      <c r="L147" s="17">
        <v>404</v>
      </c>
      <c r="M147" s="17">
        <v>21117</v>
      </c>
      <c r="N147" s="17">
        <v>344</v>
      </c>
      <c r="O147" s="17">
        <v>3</v>
      </c>
      <c r="P147" s="17">
        <v>151</v>
      </c>
      <c r="Q147" s="17">
        <v>190</v>
      </c>
      <c r="R147" s="17">
        <v>11714</v>
      </c>
    </row>
    <row r="148" spans="1:18">
      <c r="A148" s="21" t="s">
        <v>2312</v>
      </c>
      <c r="B148" s="10" t="s">
        <v>25</v>
      </c>
      <c r="C148" s="11" t="s">
        <v>25</v>
      </c>
      <c r="D148" s="17">
        <v>1069</v>
      </c>
      <c r="E148" s="17">
        <v>14</v>
      </c>
      <c r="F148" s="17">
        <v>270</v>
      </c>
      <c r="G148" s="17">
        <v>785</v>
      </c>
      <c r="H148" s="17">
        <v>43701</v>
      </c>
      <c r="I148" s="17">
        <v>621</v>
      </c>
      <c r="J148" s="17">
        <v>6</v>
      </c>
      <c r="K148" s="17">
        <v>66</v>
      </c>
      <c r="L148" s="17">
        <v>549</v>
      </c>
      <c r="M148" s="17">
        <v>29136</v>
      </c>
      <c r="N148" s="17">
        <v>448</v>
      </c>
      <c r="O148" s="17">
        <v>8</v>
      </c>
      <c r="P148" s="17">
        <v>204</v>
      </c>
      <c r="Q148" s="17">
        <v>236</v>
      </c>
      <c r="R148" s="17">
        <v>14565</v>
      </c>
    </row>
    <row r="149" spans="1:18">
      <c r="A149" s="21" t="s">
        <v>2313</v>
      </c>
      <c r="B149" s="10" t="s">
        <v>25</v>
      </c>
      <c r="C149" s="11" t="s">
        <v>25</v>
      </c>
      <c r="D149" s="17">
        <v>877</v>
      </c>
      <c r="E149" s="17">
        <v>9</v>
      </c>
      <c r="F149" s="17">
        <v>171</v>
      </c>
      <c r="G149" s="17">
        <v>697</v>
      </c>
      <c r="H149" s="17">
        <v>37734</v>
      </c>
      <c r="I149" s="17">
        <v>579</v>
      </c>
      <c r="J149" s="17">
        <v>3</v>
      </c>
      <c r="K149" s="17">
        <v>42</v>
      </c>
      <c r="L149" s="17">
        <v>534</v>
      </c>
      <c r="M149" s="17">
        <v>27997</v>
      </c>
      <c r="N149" s="17">
        <v>298</v>
      </c>
      <c r="O149" s="17">
        <v>6</v>
      </c>
      <c r="P149" s="17">
        <v>129</v>
      </c>
      <c r="Q149" s="17">
        <v>163</v>
      </c>
      <c r="R149" s="17">
        <v>9737</v>
      </c>
    </row>
    <row r="150" spans="1:18">
      <c r="A150" s="21" t="s">
        <v>2314</v>
      </c>
      <c r="B150" s="10" t="s">
        <v>25</v>
      </c>
      <c r="C150" s="11" t="s">
        <v>25</v>
      </c>
      <c r="D150" s="17">
        <v>535</v>
      </c>
      <c r="E150" s="17">
        <v>14</v>
      </c>
      <c r="F150" s="17">
        <v>154</v>
      </c>
      <c r="G150" s="17">
        <v>367</v>
      </c>
      <c r="H150" s="17">
        <v>20682</v>
      </c>
      <c r="I150" s="17">
        <v>324</v>
      </c>
      <c r="J150" s="17">
        <v>10</v>
      </c>
      <c r="K150" s="17">
        <v>52</v>
      </c>
      <c r="L150" s="17">
        <v>262</v>
      </c>
      <c r="M150" s="17">
        <v>14067</v>
      </c>
      <c r="N150" s="17">
        <v>211</v>
      </c>
      <c r="O150" s="17">
        <v>4</v>
      </c>
      <c r="P150" s="17">
        <v>102</v>
      </c>
      <c r="Q150" s="17">
        <v>105</v>
      </c>
      <c r="R150" s="17">
        <v>6615</v>
      </c>
    </row>
    <row r="151" spans="1:18">
      <c r="A151" s="21" t="s">
        <v>2315</v>
      </c>
      <c r="B151" s="10" t="s">
        <v>25</v>
      </c>
      <c r="C151" s="11" t="s">
        <v>25</v>
      </c>
      <c r="D151" s="17">
        <v>343</v>
      </c>
      <c r="E151" s="17">
        <v>6</v>
      </c>
      <c r="F151" s="17">
        <v>84</v>
      </c>
      <c r="G151" s="17">
        <v>252</v>
      </c>
      <c r="H151" s="17">
        <v>13727</v>
      </c>
      <c r="I151" s="17">
        <v>200</v>
      </c>
      <c r="J151" s="17">
        <v>5</v>
      </c>
      <c r="K151" s="17">
        <v>25</v>
      </c>
      <c r="L151" s="17">
        <v>170</v>
      </c>
      <c r="M151" s="17">
        <v>8916</v>
      </c>
      <c r="N151" s="17">
        <v>143</v>
      </c>
      <c r="O151" s="17">
        <v>1</v>
      </c>
      <c r="P151" s="17">
        <v>59</v>
      </c>
      <c r="Q151" s="17">
        <v>82</v>
      </c>
      <c r="R151" s="17">
        <v>4811</v>
      </c>
    </row>
    <row r="152" spans="1:18">
      <c r="A152" s="21" t="s">
        <v>2316</v>
      </c>
      <c r="B152" s="10" t="s">
        <v>25</v>
      </c>
      <c r="C152" s="11" t="s">
        <v>25</v>
      </c>
      <c r="D152" s="17">
        <v>363</v>
      </c>
      <c r="E152" s="17">
        <v>7</v>
      </c>
      <c r="F152" s="17">
        <v>95</v>
      </c>
      <c r="G152" s="17">
        <v>261</v>
      </c>
      <c r="H152" s="17">
        <v>14224</v>
      </c>
      <c r="I152" s="17">
        <v>220</v>
      </c>
      <c r="J152" s="17">
        <v>4</v>
      </c>
      <c r="K152" s="17">
        <v>34</v>
      </c>
      <c r="L152" s="17">
        <v>182</v>
      </c>
      <c r="M152" s="17">
        <v>9764</v>
      </c>
      <c r="N152" s="17">
        <v>143</v>
      </c>
      <c r="O152" s="17">
        <v>3</v>
      </c>
      <c r="P152" s="17">
        <v>61</v>
      </c>
      <c r="Q152" s="17">
        <v>79</v>
      </c>
      <c r="R152" s="17">
        <v>4460</v>
      </c>
    </row>
    <row r="153" spans="1:18">
      <c r="A153" s="21" t="s">
        <v>2317</v>
      </c>
      <c r="B153" s="10" t="s">
        <v>25</v>
      </c>
      <c r="C153" s="11" t="s">
        <v>25</v>
      </c>
      <c r="D153" s="17">
        <v>503</v>
      </c>
      <c r="E153" s="17">
        <v>8</v>
      </c>
      <c r="F153" s="17">
        <v>142</v>
      </c>
      <c r="G153" s="17">
        <v>353</v>
      </c>
      <c r="H153" s="17">
        <v>20062</v>
      </c>
      <c r="I153" s="17">
        <v>297</v>
      </c>
      <c r="J153" s="17">
        <v>7</v>
      </c>
      <c r="K153" s="17">
        <v>36</v>
      </c>
      <c r="L153" s="17">
        <v>254</v>
      </c>
      <c r="M153" s="17">
        <v>13345</v>
      </c>
      <c r="N153" s="17">
        <v>206</v>
      </c>
      <c r="O153" s="17">
        <v>1</v>
      </c>
      <c r="P153" s="17">
        <v>106</v>
      </c>
      <c r="Q153" s="17">
        <v>99</v>
      </c>
      <c r="R153" s="17">
        <v>6717</v>
      </c>
    </row>
    <row r="154" spans="1:18">
      <c r="A154" s="21" t="s">
        <v>2318</v>
      </c>
      <c r="B154" s="10" t="s">
        <v>25</v>
      </c>
      <c r="C154" s="11" t="s">
        <v>25</v>
      </c>
      <c r="D154" s="17">
        <v>584</v>
      </c>
      <c r="E154" s="17">
        <v>8</v>
      </c>
      <c r="F154" s="17">
        <v>153</v>
      </c>
      <c r="G154" s="17">
        <v>423</v>
      </c>
      <c r="H154" s="17">
        <v>22996</v>
      </c>
      <c r="I154" s="17">
        <v>329</v>
      </c>
      <c r="J154" s="18">
        <v>3</v>
      </c>
      <c r="K154" s="17">
        <v>47</v>
      </c>
      <c r="L154" s="17">
        <v>279</v>
      </c>
      <c r="M154" s="17">
        <v>14693</v>
      </c>
      <c r="N154" s="17">
        <v>255</v>
      </c>
      <c r="O154" s="17">
        <v>5</v>
      </c>
      <c r="P154" s="17">
        <v>106</v>
      </c>
      <c r="Q154" s="17">
        <v>144</v>
      </c>
      <c r="R154" s="17">
        <v>8303</v>
      </c>
    </row>
    <row r="155" spans="1:18">
      <c r="A155" s="21" t="s">
        <v>2319</v>
      </c>
      <c r="B155" s="10" t="s">
        <v>25</v>
      </c>
      <c r="C155" s="11" t="s">
        <v>25</v>
      </c>
      <c r="D155" s="17">
        <v>3852</v>
      </c>
      <c r="E155" s="17">
        <v>58</v>
      </c>
      <c r="F155" s="17">
        <v>977</v>
      </c>
      <c r="G155" s="17">
        <v>2816</v>
      </c>
      <c r="H155" s="17">
        <v>155874</v>
      </c>
      <c r="I155" s="17">
        <v>2201</v>
      </c>
      <c r="J155" s="17">
        <v>38</v>
      </c>
      <c r="K155" s="17">
        <v>283</v>
      </c>
      <c r="L155" s="17">
        <v>1879</v>
      </c>
      <c r="M155" s="17">
        <v>99564</v>
      </c>
      <c r="N155" s="17">
        <v>1651</v>
      </c>
      <c r="O155" s="18">
        <v>20</v>
      </c>
      <c r="P155" s="17">
        <v>694</v>
      </c>
      <c r="Q155" s="17">
        <v>937</v>
      </c>
      <c r="R155" s="17">
        <v>56310</v>
      </c>
    </row>
    <row r="156" spans="1:18">
      <c r="A156" s="21" t="s">
        <v>2320</v>
      </c>
      <c r="B156" s="10" t="s">
        <v>25</v>
      </c>
      <c r="C156" s="11" t="s">
        <v>25</v>
      </c>
      <c r="D156" s="17">
        <v>492</v>
      </c>
      <c r="E156" s="17">
        <v>6</v>
      </c>
      <c r="F156" s="17">
        <v>122</v>
      </c>
      <c r="G156" s="17">
        <v>364</v>
      </c>
      <c r="H156" s="17">
        <v>19977</v>
      </c>
      <c r="I156" s="17">
        <v>284</v>
      </c>
      <c r="J156" s="17">
        <v>2</v>
      </c>
      <c r="K156" s="17">
        <v>44</v>
      </c>
      <c r="L156" s="17">
        <v>238</v>
      </c>
      <c r="M156" s="17">
        <v>12896</v>
      </c>
      <c r="N156" s="17">
        <v>208</v>
      </c>
      <c r="O156" s="17">
        <v>4</v>
      </c>
      <c r="P156" s="17">
        <v>78</v>
      </c>
      <c r="Q156" s="17">
        <v>126</v>
      </c>
      <c r="R156" s="17">
        <v>7081</v>
      </c>
    </row>
    <row r="157" spans="1:18">
      <c r="A157" s="21" t="s">
        <v>2321</v>
      </c>
      <c r="B157" s="10" t="s">
        <v>25</v>
      </c>
      <c r="C157" s="11" t="s">
        <v>25</v>
      </c>
      <c r="D157" s="17">
        <v>614</v>
      </c>
      <c r="E157" s="17">
        <v>8</v>
      </c>
      <c r="F157" s="17">
        <v>142</v>
      </c>
      <c r="G157" s="17">
        <v>464</v>
      </c>
      <c r="H157" s="17">
        <v>25171</v>
      </c>
      <c r="I157" s="17">
        <v>366</v>
      </c>
      <c r="J157" s="17">
        <v>6</v>
      </c>
      <c r="K157" s="17">
        <v>44</v>
      </c>
      <c r="L157" s="17">
        <v>316</v>
      </c>
      <c r="M157" s="17">
        <v>16558</v>
      </c>
      <c r="N157" s="17">
        <v>248</v>
      </c>
      <c r="O157" s="17">
        <v>2</v>
      </c>
      <c r="P157" s="17">
        <v>98</v>
      </c>
      <c r="Q157" s="17">
        <v>148</v>
      </c>
      <c r="R157" s="17">
        <v>8613</v>
      </c>
    </row>
    <row r="158" spans="1:18">
      <c r="A158" s="21" t="s">
        <v>2322</v>
      </c>
      <c r="B158" s="10" t="s">
        <v>25</v>
      </c>
      <c r="C158" s="11" t="s">
        <v>25</v>
      </c>
      <c r="D158" s="17">
        <v>1138</v>
      </c>
      <c r="E158" s="17">
        <v>18</v>
      </c>
      <c r="F158" s="17">
        <v>296</v>
      </c>
      <c r="G158" s="17">
        <v>823</v>
      </c>
      <c r="H158" s="17">
        <v>45855</v>
      </c>
      <c r="I158" s="17">
        <v>665</v>
      </c>
      <c r="J158" s="18">
        <v>14</v>
      </c>
      <c r="K158" s="17">
        <v>80</v>
      </c>
      <c r="L158" s="17">
        <v>570</v>
      </c>
      <c r="M158" s="17">
        <v>30232</v>
      </c>
      <c r="N158" s="17">
        <v>473</v>
      </c>
      <c r="O158" s="17">
        <v>4</v>
      </c>
      <c r="P158" s="17">
        <v>216</v>
      </c>
      <c r="Q158" s="17">
        <v>253</v>
      </c>
      <c r="R158" s="17">
        <v>15623</v>
      </c>
    </row>
    <row r="159" spans="1:18">
      <c r="A159" s="21" t="s">
        <v>2323</v>
      </c>
      <c r="B159" s="10" t="s">
        <v>25</v>
      </c>
      <c r="C159" s="11" t="s">
        <v>25</v>
      </c>
      <c r="D159" s="17">
        <v>700</v>
      </c>
      <c r="E159" s="17">
        <v>5</v>
      </c>
      <c r="F159" s="17">
        <v>162</v>
      </c>
      <c r="G159" s="17">
        <v>533</v>
      </c>
      <c r="H159" s="17">
        <v>29561</v>
      </c>
      <c r="I159" s="17">
        <v>413</v>
      </c>
      <c r="J159" s="18">
        <v>1</v>
      </c>
      <c r="K159" s="17">
        <v>46</v>
      </c>
      <c r="L159" s="17">
        <v>366</v>
      </c>
      <c r="M159" s="17">
        <v>19406</v>
      </c>
      <c r="N159" s="17">
        <v>287</v>
      </c>
      <c r="O159" s="17">
        <v>4</v>
      </c>
      <c r="P159" s="17">
        <v>116</v>
      </c>
      <c r="Q159" s="17">
        <v>167</v>
      </c>
      <c r="R159" s="17">
        <v>10155</v>
      </c>
    </row>
    <row r="160" spans="1:18">
      <c r="A160" s="21" t="s">
        <v>2324</v>
      </c>
      <c r="B160" s="10" t="s">
        <v>25</v>
      </c>
      <c r="C160" s="11" t="s">
        <v>25</v>
      </c>
      <c r="D160" s="17">
        <v>908</v>
      </c>
      <c r="E160" s="17">
        <v>21</v>
      </c>
      <c r="F160" s="17">
        <v>255</v>
      </c>
      <c r="G160" s="17">
        <v>632</v>
      </c>
      <c r="H160" s="17">
        <v>35310</v>
      </c>
      <c r="I160" s="17">
        <v>473</v>
      </c>
      <c r="J160" s="17">
        <v>15</v>
      </c>
      <c r="K160" s="17">
        <v>69</v>
      </c>
      <c r="L160" s="17">
        <v>389</v>
      </c>
      <c r="M160" s="17">
        <v>20472</v>
      </c>
      <c r="N160" s="17">
        <v>435</v>
      </c>
      <c r="O160" s="17">
        <v>6</v>
      </c>
      <c r="P160" s="17">
        <v>186</v>
      </c>
      <c r="Q160" s="17">
        <v>243</v>
      </c>
      <c r="R160" s="17">
        <v>14838</v>
      </c>
    </row>
    <row r="161" spans="1:18">
      <c r="A161" s="22" t="s">
        <v>2325</v>
      </c>
      <c r="B161" s="10"/>
      <c r="C161" s="11" t="s">
        <v>25</v>
      </c>
      <c r="D161" s="18">
        <v>1630</v>
      </c>
      <c r="E161" s="18">
        <v>19</v>
      </c>
      <c r="F161" s="18">
        <v>436</v>
      </c>
      <c r="G161" s="18">
        <v>1174</v>
      </c>
      <c r="H161" s="18">
        <v>65892</v>
      </c>
      <c r="I161" s="18">
        <v>933</v>
      </c>
      <c r="J161" s="18">
        <v>11</v>
      </c>
      <c r="K161" s="18">
        <v>116</v>
      </c>
      <c r="L161" s="18">
        <v>805</v>
      </c>
      <c r="M161" s="18">
        <v>43074</v>
      </c>
      <c r="N161" s="18">
        <v>697</v>
      </c>
      <c r="O161" s="18">
        <v>8</v>
      </c>
      <c r="P161" s="18">
        <v>320</v>
      </c>
      <c r="Q161" s="18">
        <v>369</v>
      </c>
      <c r="R161" s="18">
        <v>22818</v>
      </c>
    </row>
    <row r="162" spans="1:18">
      <c r="A162" s="22" t="s">
        <v>2326</v>
      </c>
      <c r="B162" s="10" t="s">
        <v>25</v>
      </c>
      <c r="C162" s="11" t="s">
        <v>25</v>
      </c>
      <c r="D162" s="18">
        <v>50</v>
      </c>
      <c r="E162" s="18" t="s">
        <v>35</v>
      </c>
      <c r="F162" s="18">
        <v>14</v>
      </c>
      <c r="G162" s="18">
        <v>36</v>
      </c>
      <c r="H162" s="18">
        <v>2028</v>
      </c>
      <c r="I162" s="18">
        <v>25</v>
      </c>
      <c r="J162" s="18" t="s">
        <v>35</v>
      </c>
      <c r="K162" s="18">
        <v>5</v>
      </c>
      <c r="L162" s="18">
        <v>20</v>
      </c>
      <c r="M162" s="18">
        <v>1120</v>
      </c>
      <c r="N162" s="18">
        <v>25</v>
      </c>
      <c r="O162" s="18" t="s">
        <v>35</v>
      </c>
      <c r="P162" s="18">
        <v>9</v>
      </c>
      <c r="Q162" s="18">
        <v>16</v>
      </c>
      <c r="R162" s="18">
        <v>908</v>
      </c>
    </row>
    <row r="163" spans="1:18">
      <c r="A163" s="22" t="s">
        <v>2327</v>
      </c>
      <c r="B163" s="10" t="s">
        <v>25</v>
      </c>
      <c r="C163" s="11" t="s">
        <v>25</v>
      </c>
      <c r="D163" s="18">
        <v>310</v>
      </c>
      <c r="E163" s="18">
        <v>4</v>
      </c>
      <c r="F163" s="18">
        <v>62</v>
      </c>
      <c r="G163" s="18">
        <v>244</v>
      </c>
      <c r="H163" s="18">
        <v>13395</v>
      </c>
      <c r="I163" s="18">
        <v>195</v>
      </c>
      <c r="J163" s="18">
        <v>2</v>
      </c>
      <c r="K163" s="18">
        <v>16</v>
      </c>
      <c r="L163" s="18">
        <v>177</v>
      </c>
      <c r="M163" s="18">
        <v>9416</v>
      </c>
      <c r="N163" s="18">
        <v>115</v>
      </c>
      <c r="O163" s="18">
        <v>2</v>
      </c>
      <c r="P163" s="18">
        <v>46</v>
      </c>
      <c r="Q163" s="18">
        <v>67</v>
      </c>
      <c r="R163" s="18">
        <v>3979</v>
      </c>
    </row>
    <row r="164" spans="1:18">
      <c r="A164" s="22" t="s">
        <v>2328</v>
      </c>
      <c r="B164" s="10" t="s">
        <v>25</v>
      </c>
      <c r="C164" s="11" t="s">
        <v>25</v>
      </c>
      <c r="D164" s="18">
        <v>514</v>
      </c>
      <c r="E164" s="18">
        <v>4</v>
      </c>
      <c r="F164" s="18">
        <v>126</v>
      </c>
      <c r="G164" s="18">
        <v>384</v>
      </c>
      <c r="H164" s="18">
        <v>21402</v>
      </c>
      <c r="I164" s="18">
        <v>301</v>
      </c>
      <c r="J164" s="18">
        <v>4</v>
      </c>
      <c r="K164" s="18">
        <v>25</v>
      </c>
      <c r="L164" s="18">
        <v>272</v>
      </c>
      <c r="M164" s="18">
        <v>14381</v>
      </c>
      <c r="N164" s="18">
        <v>213</v>
      </c>
      <c r="O164" s="18" t="s">
        <v>35</v>
      </c>
      <c r="P164" s="18">
        <v>101</v>
      </c>
      <c r="Q164" s="18">
        <v>112</v>
      </c>
      <c r="R164" s="18">
        <v>7021</v>
      </c>
    </row>
    <row r="165" spans="1:18">
      <c r="A165" s="22" t="s">
        <v>2329</v>
      </c>
      <c r="B165" s="10" t="s">
        <v>25</v>
      </c>
      <c r="C165" s="11" t="s">
        <v>25</v>
      </c>
      <c r="D165" s="18">
        <v>756</v>
      </c>
      <c r="E165" s="18">
        <v>11</v>
      </c>
      <c r="F165" s="18">
        <v>234</v>
      </c>
      <c r="G165" s="18">
        <v>510</v>
      </c>
      <c r="H165" s="18">
        <v>29067</v>
      </c>
      <c r="I165" s="18">
        <v>412</v>
      </c>
      <c r="J165" s="18">
        <v>5</v>
      </c>
      <c r="K165" s="18">
        <v>70</v>
      </c>
      <c r="L165" s="18">
        <v>336</v>
      </c>
      <c r="M165" s="18">
        <v>18157</v>
      </c>
      <c r="N165" s="18">
        <v>344</v>
      </c>
      <c r="O165" s="18">
        <v>6</v>
      </c>
      <c r="P165" s="18">
        <v>164</v>
      </c>
      <c r="Q165" s="18">
        <v>174</v>
      </c>
      <c r="R165" s="18">
        <v>10910</v>
      </c>
    </row>
    <row r="166" spans="1:18">
      <c r="A166" s="22" t="s">
        <v>2330</v>
      </c>
      <c r="B166" s="10" t="s">
        <v>25</v>
      </c>
      <c r="C166" s="11" t="s">
        <v>25</v>
      </c>
      <c r="D166" s="18">
        <v>3141</v>
      </c>
      <c r="E166" s="18">
        <v>52</v>
      </c>
      <c r="F166" s="18">
        <v>760</v>
      </c>
      <c r="G166" s="18">
        <v>2329</v>
      </c>
      <c r="H166" s="18">
        <v>128656</v>
      </c>
      <c r="I166" s="18">
        <v>1863</v>
      </c>
      <c r="J166" s="18">
        <v>30</v>
      </c>
      <c r="K166" s="18">
        <v>207</v>
      </c>
      <c r="L166" s="18">
        <v>1626</v>
      </c>
      <c r="M166" s="18">
        <v>86582</v>
      </c>
      <c r="N166" s="18">
        <v>1278</v>
      </c>
      <c r="O166" s="18">
        <v>22</v>
      </c>
      <c r="P166" s="18">
        <v>553</v>
      </c>
      <c r="Q166" s="18">
        <v>703</v>
      </c>
      <c r="R166" s="18">
        <v>42074</v>
      </c>
    </row>
    <row r="167" spans="1:18">
      <c r="A167" s="22" t="s">
        <v>2331</v>
      </c>
      <c r="B167" s="10" t="s">
        <v>25</v>
      </c>
      <c r="C167" s="11" t="s">
        <v>25</v>
      </c>
      <c r="D167" s="18">
        <v>930</v>
      </c>
      <c r="E167" s="18">
        <v>11</v>
      </c>
      <c r="F167" s="18">
        <v>220</v>
      </c>
      <c r="G167" s="18">
        <v>699</v>
      </c>
      <c r="H167" s="18">
        <v>39226</v>
      </c>
      <c r="I167" s="18">
        <v>560</v>
      </c>
      <c r="J167" s="18">
        <v>6</v>
      </c>
      <c r="K167" s="18">
        <v>68</v>
      </c>
      <c r="L167" s="18">
        <v>486</v>
      </c>
      <c r="M167" s="18">
        <v>26560</v>
      </c>
      <c r="N167" s="18">
        <v>370</v>
      </c>
      <c r="O167" s="18">
        <v>5</v>
      </c>
      <c r="P167" s="18">
        <v>152</v>
      </c>
      <c r="Q167" s="18">
        <v>213</v>
      </c>
      <c r="R167" s="18">
        <v>12666</v>
      </c>
    </row>
    <row r="168" spans="1:18">
      <c r="A168" s="22" t="s">
        <v>2332</v>
      </c>
      <c r="B168" s="10" t="s">
        <v>25</v>
      </c>
      <c r="C168" s="11" t="s">
        <v>25</v>
      </c>
      <c r="D168" s="18">
        <v>754</v>
      </c>
      <c r="E168" s="18">
        <v>21</v>
      </c>
      <c r="F168" s="18">
        <v>201</v>
      </c>
      <c r="G168" s="18">
        <v>532</v>
      </c>
      <c r="H168" s="18">
        <v>29135</v>
      </c>
      <c r="I168" s="18">
        <v>421</v>
      </c>
      <c r="J168" s="18">
        <v>14</v>
      </c>
      <c r="K168" s="18">
        <v>54</v>
      </c>
      <c r="L168" s="18">
        <v>353</v>
      </c>
      <c r="M168" s="18">
        <v>18612</v>
      </c>
      <c r="N168" s="18">
        <v>333</v>
      </c>
      <c r="O168" s="18">
        <v>7</v>
      </c>
      <c r="P168" s="18">
        <v>147</v>
      </c>
      <c r="Q168" s="18">
        <v>179</v>
      </c>
      <c r="R168" s="18">
        <v>10523</v>
      </c>
    </row>
    <row r="169" spans="1:18">
      <c r="A169" s="22" t="s">
        <v>2333</v>
      </c>
      <c r="B169" s="10" t="s">
        <v>25</v>
      </c>
      <c r="C169" s="11" t="s">
        <v>25</v>
      </c>
      <c r="D169" s="18">
        <v>594</v>
      </c>
      <c r="E169" s="18">
        <v>11</v>
      </c>
      <c r="F169" s="18">
        <v>133</v>
      </c>
      <c r="G169" s="18">
        <v>450</v>
      </c>
      <c r="H169" s="18">
        <v>24281</v>
      </c>
      <c r="I169" s="18">
        <v>353</v>
      </c>
      <c r="J169" s="18">
        <v>7</v>
      </c>
      <c r="K169" s="18">
        <v>37</v>
      </c>
      <c r="L169" s="18">
        <v>309</v>
      </c>
      <c r="M169" s="18">
        <v>15995</v>
      </c>
      <c r="N169" s="18">
        <v>241</v>
      </c>
      <c r="O169" s="18">
        <v>4</v>
      </c>
      <c r="P169" s="18">
        <v>96</v>
      </c>
      <c r="Q169" s="18">
        <v>141</v>
      </c>
      <c r="R169" s="18">
        <v>8286</v>
      </c>
    </row>
    <row r="170" spans="1:18">
      <c r="A170" s="22" t="s">
        <v>2334</v>
      </c>
      <c r="B170" s="10" t="s">
        <v>25</v>
      </c>
      <c r="C170" s="11" t="s">
        <v>25</v>
      </c>
      <c r="D170" s="18">
        <v>863</v>
      </c>
      <c r="E170" s="18">
        <v>9</v>
      </c>
      <c r="F170" s="18">
        <v>206</v>
      </c>
      <c r="G170" s="18">
        <v>648</v>
      </c>
      <c r="H170" s="18">
        <v>36014</v>
      </c>
      <c r="I170" s="18">
        <v>529</v>
      </c>
      <c r="J170" s="18">
        <v>3</v>
      </c>
      <c r="K170" s="18">
        <v>48</v>
      </c>
      <c r="L170" s="18">
        <v>478</v>
      </c>
      <c r="M170" s="18">
        <v>25415</v>
      </c>
      <c r="N170" s="18">
        <v>334</v>
      </c>
      <c r="O170" s="18">
        <v>6</v>
      </c>
      <c r="P170" s="18">
        <v>158</v>
      </c>
      <c r="Q170" s="18">
        <v>170</v>
      </c>
      <c r="R170" s="18">
        <v>10599</v>
      </c>
    </row>
    <row r="171" spans="1:18">
      <c r="A171" s="22" t="s">
        <v>2335</v>
      </c>
      <c r="B171" s="10" t="s">
        <v>25</v>
      </c>
      <c r="C171" s="11" t="s">
        <v>25</v>
      </c>
      <c r="D171" s="18">
        <v>2570</v>
      </c>
      <c r="E171" s="18">
        <v>44</v>
      </c>
      <c r="F171" s="18">
        <v>678</v>
      </c>
      <c r="G171" s="18">
        <v>1846</v>
      </c>
      <c r="H171" s="18">
        <v>101337</v>
      </c>
      <c r="I171" s="18">
        <v>1466</v>
      </c>
      <c r="J171" s="18">
        <v>18</v>
      </c>
      <c r="K171" s="18">
        <v>208</v>
      </c>
      <c r="L171" s="18">
        <v>1239</v>
      </c>
      <c r="M171" s="18">
        <v>64811</v>
      </c>
      <c r="N171" s="18">
        <v>1104</v>
      </c>
      <c r="O171" s="18">
        <v>26</v>
      </c>
      <c r="P171" s="18">
        <v>470</v>
      </c>
      <c r="Q171" s="18">
        <v>607</v>
      </c>
      <c r="R171" s="18">
        <v>36526</v>
      </c>
    </row>
    <row r="172" spans="1:18">
      <c r="A172" s="22" t="s">
        <v>2336</v>
      </c>
      <c r="B172" s="10" t="s">
        <v>25</v>
      </c>
      <c r="C172" s="11" t="s">
        <v>25</v>
      </c>
      <c r="D172" s="18">
        <v>590</v>
      </c>
      <c r="E172" s="18">
        <v>10</v>
      </c>
      <c r="F172" s="18">
        <v>170</v>
      </c>
      <c r="G172" s="18">
        <v>410</v>
      </c>
      <c r="H172" s="18">
        <v>22869</v>
      </c>
      <c r="I172" s="18">
        <v>318</v>
      </c>
      <c r="J172" s="18">
        <v>3</v>
      </c>
      <c r="K172" s="18">
        <v>52</v>
      </c>
      <c r="L172" s="18">
        <v>263</v>
      </c>
      <c r="M172" s="18">
        <v>13783</v>
      </c>
      <c r="N172" s="18">
        <v>272</v>
      </c>
      <c r="O172" s="18">
        <v>7</v>
      </c>
      <c r="P172" s="18">
        <v>118</v>
      </c>
      <c r="Q172" s="18">
        <v>147</v>
      </c>
      <c r="R172" s="18">
        <v>9086</v>
      </c>
    </row>
    <row r="173" spans="1:18">
      <c r="A173" s="22" t="s">
        <v>2337</v>
      </c>
      <c r="B173" s="10" t="s">
        <v>25</v>
      </c>
      <c r="C173" s="11" t="s">
        <v>25</v>
      </c>
      <c r="D173" s="18">
        <v>779</v>
      </c>
      <c r="E173" s="18">
        <v>12</v>
      </c>
      <c r="F173" s="18">
        <v>201</v>
      </c>
      <c r="G173" s="18">
        <v>565</v>
      </c>
      <c r="H173" s="18">
        <v>30344</v>
      </c>
      <c r="I173" s="18">
        <v>427</v>
      </c>
      <c r="J173" s="18">
        <v>7</v>
      </c>
      <c r="K173" s="18">
        <v>52</v>
      </c>
      <c r="L173" s="18">
        <v>368</v>
      </c>
      <c r="M173" s="18">
        <v>18771</v>
      </c>
      <c r="N173" s="18">
        <v>352</v>
      </c>
      <c r="O173" s="18">
        <v>5</v>
      </c>
      <c r="P173" s="18">
        <v>149</v>
      </c>
      <c r="Q173" s="18">
        <v>197</v>
      </c>
      <c r="R173" s="18">
        <v>11573</v>
      </c>
    </row>
    <row r="174" spans="1:18">
      <c r="A174" s="22" t="s">
        <v>2338</v>
      </c>
      <c r="B174" s="10" t="s">
        <v>25</v>
      </c>
      <c r="C174" s="11" t="s">
        <v>25</v>
      </c>
      <c r="D174" s="18">
        <v>1201</v>
      </c>
      <c r="E174" s="18">
        <v>22</v>
      </c>
      <c r="F174" s="18">
        <v>307</v>
      </c>
      <c r="G174" s="18">
        <v>871</v>
      </c>
      <c r="H174" s="18">
        <v>48124</v>
      </c>
      <c r="I174" s="18">
        <v>721</v>
      </c>
      <c r="J174" s="18">
        <v>8</v>
      </c>
      <c r="K174" s="18">
        <v>104</v>
      </c>
      <c r="L174" s="18">
        <v>608</v>
      </c>
      <c r="M174" s="18">
        <v>32257</v>
      </c>
      <c r="N174" s="18">
        <v>480</v>
      </c>
      <c r="O174" s="18">
        <v>14</v>
      </c>
      <c r="P174" s="18">
        <v>203</v>
      </c>
      <c r="Q174" s="18">
        <v>263</v>
      </c>
      <c r="R174" s="18">
        <v>15867</v>
      </c>
    </row>
    <row r="175" spans="1:18">
      <c r="A175" s="22" t="s">
        <v>2339</v>
      </c>
      <c r="B175" s="10" t="s">
        <v>25</v>
      </c>
      <c r="C175" s="11" t="s">
        <v>25</v>
      </c>
      <c r="D175" s="18">
        <v>1903</v>
      </c>
      <c r="E175" s="18">
        <v>25</v>
      </c>
      <c r="F175" s="18">
        <v>419</v>
      </c>
      <c r="G175" s="18">
        <v>1456</v>
      </c>
      <c r="H175" s="18">
        <v>79328</v>
      </c>
      <c r="I175" s="18">
        <v>1185</v>
      </c>
      <c r="J175" s="18">
        <v>14</v>
      </c>
      <c r="K175" s="18">
        <v>113</v>
      </c>
      <c r="L175" s="18">
        <v>1057</v>
      </c>
      <c r="M175" s="18">
        <v>55665</v>
      </c>
      <c r="N175" s="18">
        <v>718</v>
      </c>
      <c r="O175" s="18">
        <v>11</v>
      </c>
      <c r="P175" s="18">
        <v>306</v>
      </c>
      <c r="Q175" s="18">
        <v>399</v>
      </c>
      <c r="R175" s="18">
        <v>23663</v>
      </c>
    </row>
    <row r="176" spans="1:18">
      <c r="A176" s="22" t="s">
        <v>2340</v>
      </c>
      <c r="B176" s="10" t="s">
        <v>25</v>
      </c>
      <c r="C176" s="11" t="s">
        <v>25</v>
      </c>
      <c r="D176" s="18">
        <v>392</v>
      </c>
      <c r="E176" s="18">
        <v>8</v>
      </c>
      <c r="F176" s="18">
        <v>80</v>
      </c>
      <c r="G176" s="18">
        <v>304</v>
      </c>
      <c r="H176" s="18">
        <v>16242</v>
      </c>
      <c r="I176" s="18">
        <v>236</v>
      </c>
      <c r="J176" s="18">
        <v>5</v>
      </c>
      <c r="K176" s="18">
        <v>22</v>
      </c>
      <c r="L176" s="18">
        <v>209</v>
      </c>
      <c r="M176" s="18">
        <v>10885</v>
      </c>
      <c r="N176" s="18">
        <v>156</v>
      </c>
      <c r="O176" s="18">
        <v>3</v>
      </c>
      <c r="P176" s="18">
        <v>58</v>
      </c>
      <c r="Q176" s="18">
        <v>95</v>
      </c>
      <c r="R176" s="18">
        <v>5357</v>
      </c>
    </row>
    <row r="177" spans="1:18">
      <c r="A177" s="22" t="s">
        <v>2341</v>
      </c>
      <c r="B177" s="10" t="s">
        <v>25</v>
      </c>
      <c r="C177" s="11" t="s">
        <v>25</v>
      </c>
      <c r="D177" s="18">
        <v>481</v>
      </c>
      <c r="E177" s="18">
        <v>8</v>
      </c>
      <c r="F177" s="18">
        <v>112</v>
      </c>
      <c r="G177" s="18">
        <v>361</v>
      </c>
      <c r="H177" s="18">
        <v>19422</v>
      </c>
      <c r="I177" s="18">
        <v>318</v>
      </c>
      <c r="J177" s="18">
        <v>5</v>
      </c>
      <c r="K177" s="18">
        <v>37</v>
      </c>
      <c r="L177" s="18">
        <v>276</v>
      </c>
      <c r="M177" s="18">
        <v>14224</v>
      </c>
      <c r="N177" s="18">
        <v>163</v>
      </c>
      <c r="O177" s="18">
        <v>3</v>
      </c>
      <c r="P177" s="18">
        <v>75</v>
      </c>
      <c r="Q177" s="18">
        <v>85</v>
      </c>
      <c r="R177" s="18">
        <v>5198</v>
      </c>
    </row>
    <row r="178" spans="1:18">
      <c r="A178" s="22" t="s">
        <v>2342</v>
      </c>
      <c r="B178" s="24" t="s">
        <v>25</v>
      </c>
      <c r="C178" s="25" t="s">
        <v>25</v>
      </c>
      <c r="D178" s="18">
        <v>799</v>
      </c>
      <c r="E178" s="18">
        <v>8</v>
      </c>
      <c r="F178" s="18">
        <v>174</v>
      </c>
      <c r="G178" s="18">
        <v>614</v>
      </c>
      <c r="H178" s="18">
        <v>34097</v>
      </c>
      <c r="I178" s="18">
        <v>493</v>
      </c>
      <c r="J178" s="18">
        <v>4</v>
      </c>
      <c r="K178" s="18">
        <v>42</v>
      </c>
      <c r="L178" s="18">
        <v>446</v>
      </c>
      <c r="M178" s="18">
        <v>24049</v>
      </c>
      <c r="N178" s="18">
        <v>306</v>
      </c>
      <c r="O178" s="18">
        <v>4</v>
      </c>
      <c r="P178" s="18">
        <v>132</v>
      </c>
      <c r="Q178" s="18">
        <v>168</v>
      </c>
      <c r="R178" s="18">
        <v>10048</v>
      </c>
    </row>
    <row r="179" spans="1:18">
      <c r="A179" s="22" t="s">
        <v>2343</v>
      </c>
      <c r="B179" s="24" t="s">
        <v>25</v>
      </c>
      <c r="C179" s="25" t="s">
        <v>25</v>
      </c>
      <c r="D179" s="18">
        <v>231</v>
      </c>
      <c r="E179" s="18">
        <v>1</v>
      </c>
      <c r="F179" s="18">
        <v>53</v>
      </c>
      <c r="G179" s="18">
        <v>177</v>
      </c>
      <c r="H179" s="18">
        <v>9567</v>
      </c>
      <c r="I179" s="18">
        <v>138</v>
      </c>
      <c r="J179" s="18" t="s">
        <v>35</v>
      </c>
      <c r="K179" s="18">
        <v>12</v>
      </c>
      <c r="L179" s="18">
        <v>126</v>
      </c>
      <c r="M179" s="18">
        <v>6507</v>
      </c>
      <c r="N179" s="18">
        <v>93</v>
      </c>
      <c r="O179" s="18">
        <v>1</v>
      </c>
      <c r="P179" s="18">
        <v>41</v>
      </c>
      <c r="Q179" s="18">
        <v>51</v>
      </c>
      <c r="R179" s="18">
        <v>3060</v>
      </c>
    </row>
  </sheetData>
  <mergeCells count="7">
    <mergeCell ref="A1:D1"/>
    <mergeCell ref="A3:R3"/>
    <mergeCell ref="A6:A7"/>
    <mergeCell ref="B6:C7"/>
    <mergeCell ref="D6:H6"/>
    <mergeCell ref="I6:M6"/>
    <mergeCell ref="N6:R6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35433070866141736" header="0.31496062992125984" footer="0.31496062992125984"/>
  <pageSetup paperSize="8" scale="64" fitToHeight="0" pageOrder="overThenDown" orientation="landscape" horizontalDpi="300" verticalDpi="300" r:id="rId1"/>
  <headerFooter alignWithMargins="0"/>
  <rowBreaks count="1" manualBreakCount="1">
    <brk id="97" max="17" man="1"/>
  </rowBreaks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R141"/>
  <sheetViews>
    <sheetView zoomScaleNormal="100" workbookViewId="0">
      <selection sqref="A1:D1"/>
    </sheetView>
  </sheetViews>
  <sheetFormatPr defaultRowHeight="13.5"/>
  <cols>
    <col min="1" max="1" width="25.83203125" style="12" customWidth="1"/>
    <col min="2" max="3" width="4.83203125" style="12" customWidth="1"/>
    <col min="4" max="4" width="22.1640625" style="9" customWidth="1"/>
    <col min="5" max="5" width="13.6640625" style="9" bestFit="1" customWidth="1"/>
    <col min="6" max="7" width="19.5" style="9" bestFit="1" customWidth="1"/>
    <col min="8" max="8" width="30.33203125" style="9" bestFit="1" customWidth="1"/>
    <col min="9" max="9" width="22.1640625" style="9" customWidth="1"/>
    <col min="10" max="10" width="13.6640625" style="9" bestFit="1" customWidth="1"/>
    <col min="11" max="12" width="19.5" style="9" bestFit="1" customWidth="1"/>
    <col min="13" max="13" width="30.33203125" style="9" bestFit="1" customWidth="1"/>
    <col min="14" max="14" width="22.6640625" style="9" customWidth="1"/>
    <col min="15" max="15" width="13.6640625" style="9" bestFit="1" customWidth="1"/>
    <col min="16" max="17" width="19.5" style="9" bestFit="1" customWidth="1"/>
    <col min="18" max="18" width="30.33203125" style="9" bestFit="1" customWidth="1"/>
    <col min="19" max="16384" width="9.33203125" style="9"/>
  </cols>
  <sheetData>
    <row r="1" spans="1:18" s="1" customFormat="1" ht="16.5" customHeight="1">
      <c r="A1" s="37" t="s">
        <v>0</v>
      </c>
      <c r="B1" s="37"/>
      <c r="C1" s="37"/>
      <c r="D1" s="37"/>
      <c r="E1" s="31"/>
      <c r="F1" s="31"/>
      <c r="G1" s="31"/>
      <c r="H1" s="31"/>
      <c r="I1" s="32"/>
      <c r="J1" s="32"/>
      <c r="K1" s="32"/>
      <c r="L1" s="32"/>
      <c r="M1" s="32"/>
      <c r="N1" s="32"/>
      <c r="O1" s="32"/>
      <c r="P1" s="31"/>
      <c r="Q1" s="31"/>
      <c r="R1" s="31"/>
    </row>
    <row r="2" spans="1:18" s="1" customFormat="1" ht="16.5" customHeight="1">
      <c r="D2" s="31"/>
      <c r="E2" s="31"/>
      <c r="F2" s="31"/>
      <c r="G2" s="31"/>
      <c r="H2" s="31"/>
      <c r="I2" s="32"/>
      <c r="J2" s="32"/>
      <c r="K2" s="32"/>
      <c r="L2" s="32"/>
      <c r="M2" s="32"/>
      <c r="N2" s="32"/>
      <c r="O2" s="32"/>
      <c r="P2" s="31"/>
      <c r="Q2" s="31"/>
      <c r="R2" s="31"/>
    </row>
    <row r="3" spans="1:18">
      <c r="A3" s="38" t="s">
        <v>2462</v>
      </c>
      <c r="B3" s="38"/>
      <c r="C3" s="38"/>
      <c r="D3" s="38"/>
      <c r="E3" s="38"/>
      <c r="F3" s="38"/>
      <c r="G3" s="38"/>
      <c r="H3" s="38"/>
      <c r="I3" s="38"/>
      <c r="J3" s="38"/>
      <c r="K3" s="38"/>
      <c r="L3" s="38"/>
      <c r="M3" s="38"/>
      <c r="N3" s="38"/>
      <c r="O3" s="38"/>
      <c r="P3" s="38"/>
      <c r="Q3" s="38"/>
      <c r="R3" s="38"/>
    </row>
    <row r="4" spans="1:18">
      <c r="A4" s="9"/>
      <c r="B4" s="9"/>
      <c r="C4" s="9"/>
    </row>
    <row r="6" spans="1:18" ht="13.5" customHeight="1">
      <c r="A6" s="48" t="s">
        <v>26</v>
      </c>
      <c r="B6" s="41" t="s">
        <v>27</v>
      </c>
      <c r="C6" s="42"/>
      <c r="D6" s="45" t="s">
        <v>2463</v>
      </c>
      <c r="E6" s="46"/>
      <c r="F6" s="46"/>
      <c r="G6" s="46"/>
      <c r="H6" s="47"/>
      <c r="I6" s="45" t="s">
        <v>2464</v>
      </c>
      <c r="J6" s="46"/>
      <c r="K6" s="46"/>
      <c r="L6" s="46"/>
      <c r="M6" s="47"/>
      <c r="N6" s="45" t="s">
        <v>2465</v>
      </c>
      <c r="O6" s="46"/>
      <c r="P6" s="46"/>
      <c r="Q6" s="46"/>
      <c r="R6" s="47"/>
    </row>
    <row r="7" spans="1:18" s="23" customFormat="1">
      <c r="A7" s="49"/>
      <c r="B7" s="43"/>
      <c r="C7" s="44"/>
      <c r="D7" s="29" t="s">
        <v>2466</v>
      </c>
      <c r="E7" s="29" t="s">
        <v>2467</v>
      </c>
      <c r="F7" s="29" t="s">
        <v>2468</v>
      </c>
      <c r="G7" s="29" t="s">
        <v>2469</v>
      </c>
      <c r="H7" s="29" t="s">
        <v>2470</v>
      </c>
      <c r="I7" s="29" t="s">
        <v>2471</v>
      </c>
      <c r="J7" s="29" t="s">
        <v>2467</v>
      </c>
      <c r="K7" s="29" t="s">
        <v>2468</v>
      </c>
      <c r="L7" s="29" t="s">
        <v>2469</v>
      </c>
      <c r="M7" s="29" t="s">
        <v>2470</v>
      </c>
      <c r="N7" s="29" t="s">
        <v>2471</v>
      </c>
      <c r="O7" s="29" t="s">
        <v>2467</v>
      </c>
      <c r="P7" s="29" t="s">
        <v>2468</v>
      </c>
      <c r="Q7" s="29" t="s">
        <v>2469</v>
      </c>
      <c r="R7" s="29" t="s">
        <v>2470</v>
      </c>
    </row>
    <row r="8" spans="1:18">
      <c r="A8" s="21" t="s">
        <v>2344</v>
      </c>
      <c r="B8" s="10" t="s">
        <v>25</v>
      </c>
      <c r="C8" s="11" t="s">
        <v>25</v>
      </c>
      <c r="D8" s="17">
        <v>44088</v>
      </c>
      <c r="E8" s="17">
        <v>1083</v>
      </c>
      <c r="F8" s="17">
        <v>13042</v>
      </c>
      <c r="G8" s="17">
        <v>29799</v>
      </c>
      <c r="H8" s="17">
        <v>1719505</v>
      </c>
      <c r="I8" s="17">
        <v>26711</v>
      </c>
      <c r="J8" s="17">
        <v>784</v>
      </c>
      <c r="K8" s="17">
        <v>5650</v>
      </c>
      <c r="L8" s="17">
        <v>20166</v>
      </c>
      <c r="M8" s="17">
        <v>1126423</v>
      </c>
      <c r="N8" s="17">
        <v>17377</v>
      </c>
      <c r="O8" s="17">
        <v>299</v>
      </c>
      <c r="P8" s="17">
        <v>7392</v>
      </c>
      <c r="Q8" s="17">
        <v>9633</v>
      </c>
      <c r="R8" s="17">
        <v>593082</v>
      </c>
    </row>
    <row r="9" spans="1:18">
      <c r="A9" s="30" t="s">
        <v>2345</v>
      </c>
      <c r="B9" s="10" t="s">
        <v>25</v>
      </c>
      <c r="C9" s="11" t="s">
        <v>25</v>
      </c>
      <c r="D9" s="17">
        <v>1484</v>
      </c>
      <c r="E9" s="17">
        <v>60</v>
      </c>
      <c r="F9" s="17">
        <v>396</v>
      </c>
      <c r="G9" s="17">
        <v>1021</v>
      </c>
      <c r="H9" s="17">
        <v>58999</v>
      </c>
      <c r="I9" s="17">
        <v>893</v>
      </c>
      <c r="J9" s="17">
        <v>46</v>
      </c>
      <c r="K9" s="17">
        <v>181</v>
      </c>
      <c r="L9" s="17">
        <v>660</v>
      </c>
      <c r="M9" s="17">
        <v>37428</v>
      </c>
      <c r="N9" s="17">
        <v>591</v>
      </c>
      <c r="O9" s="17">
        <v>14</v>
      </c>
      <c r="P9" s="17">
        <v>215</v>
      </c>
      <c r="Q9" s="17">
        <v>361</v>
      </c>
      <c r="R9" s="17">
        <v>21571</v>
      </c>
    </row>
    <row r="10" spans="1:18">
      <c r="A10" s="21" t="s">
        <v>2346</v>
      </c>
      <c r="B10" s="10" t="s">
        <v>25</v>
      </c>
      <c r="C10" s="11" t="s">
        <v>25</v>
      </c>
      <c r="D10" s="17">
        <v>714</v>
      </c>
      <c r="E10" s="17">
        <v>24</v>
      </c>
      <c r="F10" s="17">
        <v>199</v>
      </c>
      <c r="G10" s="17">
        <v>488</v>
      </c>
      <c r="H10" s="17">
        <v>28237</v>
      </c>
      <c r="I10" s="17">
        <v>431</v>
      </c>
      <c r="J10" s="17">
        <v>16</v>
      </c>
      <c r="K10" s="17">
        <v>87</v>
      </c>
      <c r="L10" s="17">
        <v>325</v>
      </c>
      <c r="M10" s="17">
        <v>18383</v>
      </c>
      <c r="N10" s="17">
        <v>283</v>
      </c>
      <c r="O10" s="17">
        <v>8</v>
      </c>
      <c r="P10" s="17">
        <v>112</v>
      </c>
      <c r="Q10" s="17">
        <v>163</v>
      </c>
      <c r="R10" s="17">
        <v>9854</v>
      </c>
    </row>
    <row r="11" spans="1:18">
      <c r="A11" s="21" t="s">
        <v>2347</v>
      </c>
      <c r="B11" s="10" t="s">
        <v>25</v>
      </c>
      <c r="C11" s="11" t="s">
        <v>25</v>
      </c>
      <c r="D11" s="17">
        <v>462</v>
      </c>
      <c r="E11" s="17">
        <v>21</v>
      </c>
      <c r="F11" s="17">
        <v>111</v>
      </c>
      <c r="G11" s="17">
        <v>327</v>
      </c>
      <c r="H11" s="17">
        <v>18951</v>
      </c>
      <c r="I11" s="17">
        <v>278</v>
      </c>
      <c r="J11" s="17">
        <v>17</v>
      </c>
      <c r="K11" s="17">
        <v>58</v>
      </c>
      <c r="L11" s="17">
        <v>201</v>
      </c>
      <c r="M11" s="17">
        <v>11810</v>
      </c>
      <c r="N11" s="17">
        <v>184</v>
      </c>
      <c r="O11" s="17">
        <v>4</v>
      </c>
      <c r="P11" s="17">
        <v>53</v>
      </c>
      <c r="Q11" s="17">
        <v>126</v>
      </c>
      <c r="R11" s="17">
        <v>7141</v>
      </c>
    </row>
    <row r="12" spans="1:18">
      <c r="A12" s="21" t="s">
        <v>2348</v>
      </c>
      <c r="B12" s="10" t="s">
        <v>25</v>
      </c>
      <c r="C12" s="11" t="s">
        <v>25</v>
      </c>
      <c r="D12" s="17">
        <v>308</v>
      </c>
      <c r="E12" s="17">
        <v>15</v>
      </c>
      <c r="F12" s="17">
        <v>86</v>
      </c>
      <c r="G12" s="17">
        <v>206</v>
      </c>
      <c r="H12" s="17">
        <v>11811</v>
      </c>
      <c r="I12" s="17">
        <v>184</v>
      </c>
      <c r="J12" s="17">
        <v>13</v>
      </c>
      <c r="K12" s="17">
        <v>36</v>
      </c>
      <c r="L12" s="17">
        <v>134</v>
      </c>
      <c r="M12" s="17">
        <v>7235</v>
      </c>
      <c r="N12" s="17">
        <v>124</v>
      </c>
      <c r="O12" s="17">
        <v>2</v>
      </c>
      <c r="P12" s="17">
        <v>50</v>
      </c>
      <c r="Q12" s="17">
        <v>72</v>
      </c>
      <c r="R12" s="17">
        <v>4576</v>
      </c>
    </row>
    <row r="13" spans="1:18">
      <c r="A13" s="21" t="s">
        <v>2349</v>
      </c>
      <c r="B13" s="10" t="s">
        <v>25</v>
      </c>
      <c r="C13" s="11" t="s">
        <v>25</v>
      </c>
      <c r="D13" s="17">
        <v>849</v>
      </c>
      <c r="E13" s="17">
        <v>34</v>
      </c>
      <c r="F13" s="17">
        <v>302</v>
      </c>
      <c r="G13" s="17">
        <v>513</v>
      </c>
      <c r="H13" s="17">
        <v>31375</v>
      </c>
      <c r="I13" s="17">
        <v>679</v>
      </c>
      <c r="J13" s="17">
        <v>32</v>
      </c>
      <c r="K13" s="17">
        <v>240</v>
      </c>
      <c r="L13" s="17">
        <v>407</v>
      </c>
      <c r="M13" s="17">
        <v>24866</v>
      </c>
      <c r="N13" s="17">
        <v>170</v>
      </c>
      <c r="O13" s="17">
        <v>2</v>
      </c>
      <c r="P13" s="17">
        <v>62</v>
      </c>
      <c r="Q13" s="17">
        <v>106</v>
      </c>
      <c r="R13" s="17">
        <v>6509</v>
      </c>
    </row>
    <row r="14" spans="1:18">
      <c r="A14" s="21" t="s">
        <v>2350</v>
      </c>
      <c r="B14" s="10" t="s">
        <v>25</v>
      </c>
      <c r="C14" s="11" t="s">
        <v>25</v>
      </c>
      <c r="D14" s="17">
        <v>747</v>
      </c>
      <c r="E14" s="17">
        <v>29</v>
      </c>
      <c r="F14" s="17">
        <v>271</v>
      </c>
      <c r="G14" s="17">
        <v>447</v>
      </c>
      <c r="H14" s="17">
        <v>27358</v>
      </c>
      <c r="I14" s="17">
        <v>615</v>
      </c>
      <c r="J14" s="17">
        <v>28</v>
      </c>
      <c r="K14" s="17">
        <v>221</v>
      </c>
      <c r="L14" s="17">
        <v>366</v>
      </c>
      <c r="M14" s="17">
        <v>22355</v>
      </c>
      <c r="N14" s="17">
        <v>132</v>
      </c>
      <c r="O14" s="18">
        <v>1</v>
      </c>
      <c r="P14" s="17">
        <v>50</v>
      </c>
      <c r="Q14" s="18">
        <v>81</v>
      </c>
      <c r="R14" s="17">
        <v>5003</v>
      </c>
    </row>
    <row r="15" spans="1:18">
      <c r="A15" s="21" t="s">
        <v>2351</v>
      </c>
      <c r="B15" s="10" t="s">
        <v>25</v>
      </c>
      <c r="C15" s="11" t="s">
        <v>25</v>
      </c>
      <c r="D15" s="17">
        <v>102</v>
      </c>
      <c r="E15" s="17">
        <v>5</v>
      </c>
      <c r="F15" s="18">
        <v>31</v>
      </c>
      <c r="G15" s="17">
        <v>66</v>
      </c>
      <c r="H15" s="17">
        <v>4017</v>
      </c>
      <c r="I15" s="17">
        <v>64</v>
      </c>
      <c r="J15" s="17">
        <v>4</v>
      </c>
      <c r="K15" s="18">
        <v>19</v>
      </c>
      <c r="L15" s="17">
        <v>41</v>
      </c>
      <c r="M15" s="17">
        <v>2511</v>
      </c>
      <c r="N15" s="17">
        <v>38</v>
      </c>
      <c r="O15" s="18">
        <v>1</v>
      </c>
      <c r="P15" s="18">
        <v>12</v>
      </c>
      <c r="Q15" s="17">
        <v>25</v>
      </c>
      <c r="R15" s="17">
        <v>1506</v>
      </c>
    </row>
    <row r="16" spans="1:18">
      <c r="A16" s="21" t="s">
        <v>2352</v>
      </c>
      <c r="B16" s="10" t="s">
        <v>25</v>
      </c>
      <c r="C16" s="11" t="s">
        <v>25</v>
      </c>
      <c r="D16" s="17">
        <v>3135</v>
      </c>
      <c r="E16" s="17">
        <v>187</v>
      </c>
      <c r="F16" s="18">
        <v>1606</v>
      </c>
      <c r="G16" s="18">
        <v>1330</v>
      </c>
      <c r="H16" s="18">
        <v>97137</v>
      </c>
      <c r="I16" s="18">
        <v>2911</v>
      </c>
      <c r="J16" s="18">
        <v>179</v>
      </c>
      <c r="K16" s="18">
        <v>1510</v>
      </c>
      <c r="L16" s="18">
        <v>1213</v>
      </c>
      <c r="M16" s="18">
        <v>88948</v>
      </c>
      <c r="N16" s="17">
        <v>224</v>
      </c>
      <c r="O16" s="17">
        <v>8</v>
      </c>
      <c r="P16" s="18">
        <v>96</v>
      </c>
      <c r="Q16" s="18">
        <v>117</v>
      </c>
      <c r="R16" s="18">
        <v>8189</v>
      </c>
    </row>
    <row r="17" spans="1:18">
      <c r="A17" s="21" t="s">
        <v>2353</v>
      </c>
      <c r="B17" s="10" t="s">
        <v>25</v>
      </c>
      <c r="C17" s="11" t="s">
        <v>25</v>
      </c>
      <c r="D17" s="17">
        <v>1527</v>
      </c>
      <c r="E17" s="17">
        <v>63</v>
      </c>
      <c r="F17" s="17">
        <v>805</v>
      </c>
      <c r="G17" s="17">
        <v>654</v>
      </c>
      <c r="H17" s="17">
        <v>47416</v>
      </c>
      <c r="I17" s="17">
        <v>1430</v>
      </c>
      <c r="J17" s="17">
        <v>57</v>
      </c>
      <c r="K17" s="17">
        <v>757</v>
      </c>
      <c r="L17" s="17">
        <v>613</v>
      </c>
      <c r="M17" s="17">
        <v>44130</v>
      </c>
      <c r="N17" s="17">
        <v>97</v>
      </c>
      <c r="O17" s="17">
        <v>6</v>
      </c>
      <c r="P17" s="17">
        <v>48</v>
      </c>
      <c r="Q17" s="17">
        <v>41</v>
      </c>
      <c r="R17" s="17">
        <v>3286</v>
      </c>
    </row>
    <row r="18" spans="1:18">
      <c r="A18" s="21" t="s">
        <v>2354</v>
      </c>
      <c r="B18" s="10" t="s">
        <v>25</v>
      </c>
      <c r="C18" s="11" t="s">
        <v>25</v>
      </c>
      <c r="D18" s="18">
        <v>1169</v>
      </c>
      <c r="E18" s="18">
        <v>112</v>
      </c>
      <c r="F18" s="18">
        <v>567</v>
      </c>
      <c r="G18" s="18">
        <v>485</v>
      </c>
      <c r="H18" s="18">
        <v>36684</v>
      </c>
      <c r="I18" s="18">
        <v>1113</v>
      </c>
      <c r="J18" s="18">
        <v>111</v>
      </c>
      <c r="K18" s="18">
        <v>546</v>
      </c>
      <c r="L18" s="18">
        <v>452</v>
      </c>
      <c r="M18" s="18">
        <v>34506</v>
      </c>
      <c r="N18" s="18">
        <v>56</v>
      </c>
      <c r="O18" s="18">
        <v>1</v>
      </c>
      <c r="P18" s="18">
        <v>21</v>
      </c>
      <c r="Q18" s="18">
        <v>33</v>
      </c>
      <c r="R18" s="18">
        <v>2178</v>
      </c>
    </row>
    <row r="19" spans="1:18">
      <c r="A19" s="21" t="s">
        <v>2355</v>
      </c>
      <c r="B19" s="10" t="s">
        <v>25</v>
      </c>
      <c r="C19" s="11" t="s">
        <v>25</v>
      </c>
      <c r="D19" s="17">
        <v>439</v>
      </c>
      <c r="E19" s="17">
        <v>12</v>
      </c>
      <c r="F19" s="17">
        <v>234</v>
      </c>
      <c r="G19" s="17">
        <v>191</v>
      </c>
      <c r="H19" s="17">
        <v>13037</v>
      </c>
      <c r="I19" s="17">
        <v>368</v>
      </c>
      <c r="J19" s="17">
        <v>11</v>
      </c>
      <c r="K19" s="17">
        <v>207</v>
      </c>
      <c r="L19" s="17">
        <v>148</v>
      </c>
      <c r="M19" s="17">
        <v>10312</v>
      </c>
      <c r="N19" s="17">
        <v>71</v>
      </c>
      <c r="O19" s="17">
        <v>1</v>
      </c>
      <c r="P19" s="17">
        <v>27</v>
      </c>
      <c r="Q19" s="17">
        <v>43</v>
      </c>
      <c r="R19" s="17">
        <v>2725</v>
      </c>
    </row>
    <row r="20" spans="1:18">
      <c r="A20" s="21" t="s">
        <v>2356</v>
      </c>
      <c r="B20" s="10" t="s">
        <v>25</v>
      </c>
      <c r="C20" s="11" t="s">
        <v>25</v>
      </c>
      <c r="D20" s="18">
        <v>1110</v>
      </c>
      <c r="E20" s="18">
        <v>30</v>
      </c>
      <c r="F20" s="18">
        <v>346</v>
      </c>
      <c r="G20" s="18">
        <v>723</v>
      </c>
      <c r="H20" s="18">
        <v>42207</v>
      </c>
      <c r="I20" s="18">
        <v>707</v>
      </c>
      <c r="J20" s="18">
        <v>23</v>
      </c>
      <c r="K20" s="18">
        <v>167</v>
      </c>
      <c r="L20" s="18">
        <v>509</v>
      </c>
      <c r="M20" s="18">
        <v>28583</v>
      </c>
      <c r="N20" s="18">
        <v>403</v>
      </c>
      <c r="O20" s="18">
        <v>7</v>
      </c>
      <c r="P20" s="18">
        <v>179</v>
      </c>
      <c r="Q20" s="18">
        <v>214</v>
      </c>
      <c r="R20" s="18">
        <v>13624</v>
      </c>
    </row>
    <row r="21" spans="1:18">
      <c r="A21" s="21" t="s">
        <v>2357</v>
      </c>
      <c r="B21" s="10" t="s">
        <v>25</v>
      </c>
      <c r="C21" s="11" t="s">
        <v>25</v>
      </c>
      <c r="D21" s="17">
        <v>370</v>
      </c>
      <c r="E21" s="17">
        <v>17</v>
      </c>
      <c r="F21" s="17">
        <v>122</v>
      </c>
      <c r="G21" s="17">
        <v>223</v>
      </c>
      <c r="H21" s="17">
        <v>12920</v>
      </c>
      <c r="I21" s="17">
        <v>257</v>
      </c>
      <c r="J21" s="17">
        <v>12</v>
      </c>
      <c r="K21" s="17">
        <v>67</v>
      </c>
      <c r="L21" s="17">
        <v>171</v>
      </c>
      <c r="M21" s="17">
        <v>9571</v>
      </c>
      <c r="N21" s="17">
        <v>113</v>
      </c>
      <c r="O21" s="17">
        <v>5</v>
      </c>
      <c r="P21" s="17">
        <v>55</v>
      </c>
      <c r="Q21" s="17">
        <v>52</v>
      </c>
      <c r="R21" s="17">
        <v>3349</v>
      </c>
    </row>
    <row r="22" spans="1:18">
      <c r="A22" s="21" t="s">
        <v>2358</v>
      </c>
      <c r="B22" s="10" t="s">
        <v>25</v>
      </c>
      <c r="C22" s="11" t="s">
        <v>25</v>
      </c>
      <c r="D22" s="17">
        <v>740</v>
      </c>
      <c r="E22" s="17">
        <v>13</v>
      </c>
      <c r="F22" s="17">
        <v>224</v>
      </c>
      <c r="G22" s="17">
        <v>500</v>
      </c>
      <c r="H22" s="17">
        <v>29287</v>
      </c>
      <c r="I22" s="17">
        <v>450</v>
      </c>
      <c r="J22" s="17">
        <v>11</v>
      </c>
      <c r="K22" s="17">
        <v>100</v>
      </c>
      <c r="L22" s="17">
        <v>338</v>
      </c>
      <c r="M22" s="17">
        <v>19012</v>
      </c>
      <c r="N22" s="17">
        <v>290</v>
      </c>
      <c r="O22" s="17">
        <v>2</v>
      </c>
      <c r="P22" s="17">
        <v>124</v>
      </c>
      <c r="Q22" s="17">
        <v>162</v>
      </c>
      <c r="R22" s="17">
        <v>10275</v>
      </c>
    </row>
    <row r="23" spans="1:18">
      <c r="A23" s="21" t="s">
        <v>2359</v>
      </c>
      <c r="B23" s="10" t="s">
        <v>25</v>
      </c>
      <c r="C23" s="11" t="s">
        <v>25</v>
      </c>
      <c r="D23" s="17">
        <v>891</v>
      </c>
      <c r="E23" s="18">
        <v>15</v>
      </c>
      <c r="F23" s="17">
        <v>237</v>
      </c>
      <c r="G23" s="17">
        <v>638</v>
      </c>
      <c r="H23" s="17">
        <v>36099</v>
      </c>
      <c r="I23" s="17">
        <v>498</v>
      </c>
      <c r="J23" s="18">
        <v>8</v>
      </c>
      <c r="K23" s="17">
        <v>75</v>
      </c>
      <c r="L23" s="17">
        <v>415</v>
      </c>
      <c r="M23" s="17">
        <v>22594</v>
      </c>
      <c r="N23" s="17">
        <v>393</v>
      </c>
      <c r="O23" s="18">
        <v>7</v>
      </c>
      <c r="P23" s="17">
        <v>162</v>
      </c>
      <c r="Q23" s="17">
        <v>223</v>
      </c>
      <c r="R23" s="17">
        <v>13505</v>
      </c>
    </row>
    <row r="24" spans="1:18">
      <c r="A24" s="21" t="s">
        <v>2360</v>
      </c>
      <c r="B24" s="10" t="s">
        <v>25</v>
      </c>
      <c r="C24" s="11" t="s">
        <v>25</v>
      </c>
      <c r="D24" s="17">
        <v>439</v>
      </c>
      <c r="E24" s="17">
        <v>7</v>
      </c>
      <c r="F24" s="17">
        <v>134</v>
      </c>
      <c r="G24" s="17">
        <v>297</v>
      </c>
      <c r="H24" s="17">
        <v>17224</v>
      </c>
      <c r="I24" s="17">
        <v>230</v>
      </c>
      <c r="J24" s="17">
        <v>4</v>
      </c>
      <c r="K24" s="17">
        <v>43</v>
      </c>
      <c r="L24" s="17">
        <v>183</v>
      </c>
      <c r="M24" s="17">
        <v>10098</v>
      </c>
      <c r="N24" s="17">
        <v>209</v>
      </c>
      <c r="O24" s="17">
        <v>3</v>
      </c>
      <c r="P24" s="17">
        <v>91</v>
      </c>
      <c r="Q24" s="17">
        <v>114</v>
      </c>
      <c r="R24" s="17">
        <v>7126</v>
      </c>
    </row>
    <row r="25" spans="1:18">
      <c r="A25" s="21" t="s">
        <v>2361</v>
      </c>
      <c r="B25" s="10" t="s">
        <v>25</v>
      </c>
      <c r="C25" s="11" t="s">
        <v>25</v>
      </c>
      <c r="D25" s="17">
        <v>452</v>
      </c>
      <c r="E25" s="17">
        <v>8</v>
      </c>
      <c r="F25" s="17">
        <v>103</v>
      </c>
      <c r="G25" s="17">
        <v>341</v>
      </c>
      <c r="H25" s="17">
        <v>18875</v>
      </c>
      <c r="I25" s="17">
        <v>268</v>
      </c>
      <c r="J25" s="17">
        <v>4</v>
      </c>
      <c r="K25" s="17">
        <v>32</v>
      </c>
      <c r="L25" s="17">
        <v>232</v>
      </c>
      <c r="M25" s="17">
        <v>12496</v>
      </c>
      <c r="N25" s="17">
        <v>184</v>
      </c>
      <c r="O25" s="17">
        <v>4</v>
      </c>
      <c r="P25" s="17">
        <v>71</v>
      </c>
      <c r="Q25" s="17">
        <v>109</v>
      </c>
      <c r="R25" s="17">
        <v>6379</v>
      </c>
    </row>
    <row r="26" spans="1:18">
      <c r="A26" s="21" t="s">
        <v>2362</v>
      </c>
      <c r="B26" s="10" t="s">
        <v>25</v>
      </c>
      <c r="C26" s="11" t="s">
        <v>25</v>
      </c>
      <c r="D26" s="17">
        <v>367</v>
      </c>
      <c r="E26" s="17">
        <v>14</v>
      </c>
      <c r="F26" s="17">
        <v>120</v>
      </c>
      <c r="G26" s="17">
        <v>232</v>
      </c>
      <c r="H26" s="17">
        <v>14113</v>
      </c>
      <c r="I26" s="17">
        <v>260</v>
      </c>
      <c r="J26" s="17">
        <v>11</v>
      </c>
      <c r="K26" s="17">
        <v>71</v>
      </c>
      <c r="L26" s="17">
        <v>177</v>
      </c>
      <c r="M26" s="17">
        <v>10557</v>
      </c>
      <c r="N26" s="17">
        <v>107</v>
      </c>
      <c r="O26" s="17">
        <v>3</v>
      </c>
      <c r="P26" s="17">
        <v>49</v>
      </c>
      <c r="Q26" s="17">
        <v>55</v>
      </c>
      <c r="R26" s="17">
        <v>3556</v>
      </c>
    </row>
    <row r="27" spans="1:18">
      <c r="A27" s="21" t="s">
        <v>2363</v>
      </c>
      <c r="B27" s="10" t="s">
        <v>25</v>
      </c>
      <c r="C27" s="11" t="s">
        <v>25</v>
      </c>
      <c r="D27" s="17">
        <v>211</v>
      </c>
      <c r="E27" s="17">
        <v>9</v>
      </c>
      <c r="F27" s="17">
        <v>68</v>
      </c>
      <c r="G27" s="17">
        <v>134</v>
      </c>
      <c r="H27" s="17">
        <v>8172</v>
      </c>
      <c r="I27" s="17">
        <v>158</v>
      </c>
      <c r="J27" s="17">
        <v>7</v>
      </c>
      <c r="K27" s="17">
        <v>44</v>
      </c>
      <c r="L27" s="17">
        <v>107</v>
      </c>
      <c r="M27" s="17">
        <v>6466</v>
      </c>
      <c r="N27" s="17">
        <v>53</v>
      </c>
      <c r="O27" s="17">
        <v>2</v>
      </c>
      <c r="P27" s="17">
        <v>24</v>
      </c>
      <c r="Q27" s="17">
        <v>27</v>
      </c>
      <c r="R27" s="17">
        <v>1706</v>
      </c>
    </row>
    <row r="28" spans="1:18">
      <c r="A28" s="21" t="s">
        <v>2364</v>
      </c>
      <c r="B28" s="10" t="s">
        <v>25</v>
      </c>
      <c r="C28" s="11" t="s">
        <v>25</v>
      </c>
      <c r="D28" s="17">
        <v>156</v>
      </c>
      <c r="E28" s="17">
        <v>5</v>
      </c>
      <c r="F28" s="17">
        <v>52</v>
      </c>
      <c r="G28" s="17">
        <v>98</v>
      </c>
      <c r="H28" s="17">
        <v>5941</v>
      </c>
      <c r="I28" s="17">
        <v>102</v>
      </c>
      <c r="J28" s="17">
        <v>4</v>
      </c>
      <c r="K28" s="17">
        <v>27</v>
      </c>
      <c r="L28" s="17">
        <v>70</v>
      </c>
      <c r="M28" s="17">
        <v>4091</v>
      </c>
      <c r="N28" s="17">
        <v>54</v>
      </c>
      <c r="O28" s="17">
        <v>1</v>
      </c>
      <c r="P28" s="17">
        <v>25</v>
      </c>
      <c r="Q28" s="17">
        <v>28</v>
      </c>
      <c r="R28" s="17">
        <v>1850</v>
      </c>
    </row>
    <row r="29" spans="1:18">
      <c r="A29" s="21" t="s">
        <v>2365</v>
      </c>
      <c r="B29" s="10" t="s">
        <v>25</v>
      </c>
      <c r="C29" s="11" t="s">
        <v>25</v>
      </c>
      <c r="D29" s="17">
        <v>1340</v>
      </c>
      <c r="E29" s="17">
        <v>46</v>
      </c>
      <c r="F29" s="17">
        <v>435</v>
      </c>
      <c r="G29" s="17">
        <v>850</v>
      </c>
      <c r="H29" s="17">
        <v>49791</v>
      </c>
      <c r="I29" s="17">
        <v>761</v>
      </c>
      <c r="J29" s="17">
        <v>36</v>
      </c>
      <c r="K29" s="17">
        <v>165</v>
      </c>
      <c r="L29" s="17">
        <v>555</v>
      </c>
      <c r="M29" s="17">
        <v>31126</v>
      </c>
      <c r="N29" s="17">
        <v>579</v>
      </c>
      <c r="O29" s="17">
        <v>10</v>
      </c>
      <c r="P29" s="17">
        <v>270</v>
      </c>
      <c r="Q29" s="17">
        <v>295</v>
      </c>
      <c r="R29" s="17">
        <v>18665</v>
      </c>
    </row>
    <row r="30" spans="1:18">
      <c r="A30" s="21" t="s">
        <v>2366</v>
      </c>
      <c r="B30" s="10" t="s">
        <v>25</v>
      </c>
      <c r="C30" s="11" t="s">
        <v>25</v>
      </c>
      <c r="D30" s="17">
        <v>680</v>
      </c>
      <c r="E30" s="17">
        <v>20</v>
      </c>
      <c r="F30" s="17">
        <v>252</v>
      </c>
      <c r="G30" s="17">
        <v>407</v>
      </c>
      <c r="H30" s="17">
        <v>24646</v>
      </c>
      <c r="I30" s="17">
        <v>369</v>
      </c>
      <c r="J30" s="17">
        <v>15</v>
      </c>
      <c r="K30" s="17">
        <v>87</v>
      </c>
      <c r="L30" s="17">
        <v>266</v>
      </c>
      <c r="M30" s="17">
        <v>15171</v>
      </c>
      <c r="N30" s="17">
        <v>311</v>
      </c>
      <c r="O30" s="17">
        <v>5</v>
      </c>
      <c r="P30" s="17">
        <v>165</v>
      </c>
      <c r="Q30" s="17">
        <v>141</v>
      </c>
      <c r="R30" s="17">
        <v>9475</v>
      </c>
    </row>
    <row r="31" spans="1:18">
      <c r="A31" s="21" t="s">
        <v>2367</v>
      </c>
      <c r="B31" s="10" t="s">
        <v>25</v>
      </c>
      <c r="C31" s="11" t="s">
        <v>25</v>
      </c>
      <c r="D31" s="17">
        <v>660</v>
      </c>
      <c r="E31" s="17">
        <v>26</v>
      </c>
      <c r="F31" s="17">
        <v>183</v>
      </c>
      <c r="G31" s="17">
        <v>443</v>
      </c>
      <c r="H31" s="17">
        <v>25145</v>
      </c>
      <c r="I31" s="17">
        <v>392</v>
      </c>
      <c r="J31" s="17">
        <v>21</v>
      </c>
      <c r="K31" s="17">
        <v>78</v>
      </c>
      <c r="L31" s="17">
        <v>289</v>
      </c>
      <c r="M31" s="17">
        <v>15955</v>
      </c>
      <c r="N31" s="17">
        <v>268</v>
      </c>
      <c r="O31" s="17">
        <v>5</v>
      </c>
      <c r="P31" s="17">
        <v>105</v>
      </c>
      <c r="Q31" s="17">
        <v>154</v>
      </c>
      <c r="R31" s="17">
        <v>9190</v>
      </c>
    </row>
    <row r="32" spans="1:18">
      <c r="A32" s="21" t="s">
        <v>2368</v>
      </c>
      <c r="B32" s="10" t="s">
        <v>25</v>
      </c>
      <c r="C32" s="11" t="s">
        <v>25</v>
      </c>
      <c r="D32" s="17">
        <v>2825</v>
      </c>
      <c r="E32" s="17">
        <v>64</v>
      </c>
      <c r="F32" s="17">
        <v>793</v>
      </c>
      <c r="G32" s="17">
        <v>1963</v>
      </c>
      <c r="H32" s="17">
        <v>113476</v>
      </c>
      <c r="I32" s="17">
        <v>1614</v>
      </c>
      <c r="J32" s="18">
        <v>46</v>
      </c>
      <c r="K32" s="17">
        <v>306</v>
      </c>
      <c r="L32" s="17">
        <v>1260</v>
      </c>
      <c r="M32" s="17">
        <v>70334</v>
      </c>
      <c r="N32" s="17">
        <v>1211</v>
      </c>
      <c r="O32" s="17">
        <v>18</v>
      </c>
      <c r="P32" s="17">
        <v>487</v>
      </c>
      <c r="Q32" s="17">
        <v>703</v>
      </c>
      <c r="R32" s="17">
        <v>43142</v>
      </c>
    </row>
    <row r="33" spans="1:18">
      <c r="A33" s="21" t="s">
        <v>2369</v>
      </c>
      <c r="B33" s="10" t="s">
        <v>25</v>
      </c>
      <c r="C33" s="11" t="s">
        <v>25</v>
      </c>
      <c r="D33" s="17">
        <v>1134</v>
      </c>
      <c r="E33" s="17">
        <v>30</v>
      </c>
      <c r="F33" s="17">
        <v>338</v>
      </c>
      <c r="G33" s="17">
        <v>763</v>
      </c>
      <c r="H33" s="17">
        <v>45358</v>
      </c>
      <c r="I33" s="17">
        <v>644</v>
      </c>
      <c r="J33" s="17">
        <v>22</v>
      </c>
      <c r="K33" s="17">
        <v>117</v>
      </c>
      <c r="L33" s="17">
        <v>503</v>
      </c>
      <c r="M33" s="17">
        <v>28261</v>
      </c>
      <c r="N33" s="17">
        <v>490</v>
      </c>
      <c r="O33" s="17">
        <v>8</v>
      </c>
      <c r="P33" s="17">
        <v>221</v>
      </c>
      <c r="Q33" s="17">
        <v>260</v>
      </c>
      <c r="R33" s="17">
        <v>17097</v>
      </c>
    </row>
    <row r="34" spans="1:18">
      <c r="A34" s="21" t="s">
        <v>2370</v>
      </c>
      <c r="B34" s="10" t="s">
        <v>25</v>
      </c>
      <c r="C34" s="11" t="s">
        <v>25</v>
      </c>
      <c r="D34" s="18">
        <v>773</v>
      </c>
      <c r="E34" s="18">
        <v>16</v>
      </c>
      <c r="F34" s="18">
        <v>222</v>
      </c>
      <c r="G34" s="18">
        <v>535</v>
      </c>
      <c r="H34" s="18">
        <v>30950</v>
      </c>
      <c r="I34" s="18">
        <v>444</v>
      </c>
      <c r="J34" s="18">
        <v>10</v>
      </c>
      <c r="K34" s="18">
        <v>92</v>
      </c>
      <c r="L34" s="18">
        <v>342</v>
      </c>
      <c r="M34" s="18">
        <v>19052</v>
      </c>
      <c r="N34" s="18">
        <v>329</v>
      </c>
      <c r="O34" s="18">
        <v>6</v>
      </c>
      <c r="P34" s="18">
        <v>130</v>
      </c>
      <c r="Q34" s="18">
        <v>193</v>
      </c>
      <c r="R34" s="18">
        <v>11898</v>
      </c>
    </row>
    <row r="35" spans="1:18">
      <c r="A35" s="21" t="s">
        <v>2371</v>
      </c>
      <c r="B35" s="10" t="s">
        <v>25</v>
      </c>
      <c r="C35" s="11" t="s">
        <v>25</v>
      </c>
      <c r="D35" s="17">
        <v>918</v>
      </c>
      <c r="E35" s="18">
        <v>18</v>
      </c>
      <c r="F35" s="17">
        <v>233</v>
      </c>
      <c r="G35" s="17">
        <v>665</v>
      </c>
      <c r="H35" s="17">
        <v>37168</v>
      </c>
      <c r="I35" s="17">
        <v>526</v>
      </c>
      <c r="J35" s="18">
        <v>14</v>
      </c>
      <c r="K35" s="17">
        <v>97</v>
      </c>
      <c r="L35" s="17">
        <v>415</v>
      </c>
      <c r="M35" s="17">
        <v>23021</v>
      </c>
      <c r="N35" s="17">
        <v>392</v>
      </c>
      <c r="O35" s="18">
        <v>4</v>
      </c>
      <c r="P35" s="17">
        <v>136</v>
      </c>
      <c r="Q35" s="17">
        <v>250</v>
      </c>
      <c r="R35" s="17">
        <v>14147</v>
      </c>
    </row>
    <row r="36" spans="1:18">
      <c r="A36" s="21" t="s">
        <v>2372</v>
      </c>
      <c r="B36" s="10" t="s">
        <v>25</v>
      </c>
      <c r="C36" s="11" t="s">
        <v>25</v>
      </c>
      <c r="D36" s="17">
        <v>1053</v>
      </c>
      <c r="E36" s="17">
        <v>18</v>
      </c>
      <c r="F36" s="17">
        <v>292</v>
      </c>
      <c r="G36" s="17">
        <v>741</v>
      </c>
      <c r="H36" s="17">
        <v>41841</v>
      </c>
      <c r="I36" s="17">
        <v>640</v>
      </c>
      <c r="J36" s="17">
        <v>10</v>
      </c>
      <c r="K36" s="17">
        <v>104</v>
      </c>
      <c r="L36" s="17">
        <v>525</v>
      </c>
      <c r="M36" s="17">
        <v>28168</v>
      </c>
      <c r="N36" s="17">
        <v>413</v>
      </c>
      <c r="O36" s="17">
        <v>8</v>
      </c>
      <c r="P36" s="17">
        <v>188</v>
      </c>
      <c r="Q36" s="17">
        <v>216</v>
      </c>
      <c r="R36" s="17">
        <v>13673</v>
      </c>
    </row>
    <row r="37" spans="1:18">
      <c r="A37" s="21" t="s">
        <v>2373</v>
      </c>
      <c r="B37" s="10" t="s">
        <v>25</v>
      </c>
      <c r="C37" s="11" t="s">
        <v>25</v>
      </c>
      <c r="D37" s="17">
        <v>641</v>
      </c>
      <c r="E37" s="17">
        <v>10</v>
      </c>
      <c r="F37" s="17">
        <v>186</v>
      </c>
      <c r="G37" s="17">
        <v>443</v>
      </c>
      <c r="H37" s="17">
        <v>25234</v>
      </c>
      <c r="I37" s="17">
        <v>374</v>
      </c>
      <c r="J37" s="17">
        <v>5</v>
      </c>
      <c r="K37" s="17">
        <v>69</v>
      </c>
      <c r="L37" s="17">
        <v>299</v>
      </c>
      <c r="M37" s="17">
        <v>16305</v>
      </c>
      <c r="N37" s="17">
        <v>267</v>
      </c>
      <c r="O37" s="17">
        <v>5</v>
      </c>
      <c r="P37" s="17">
        <v>117</v>
      </c>
      <c r="Q37" s="17">
        <v>144</v>
      </c>
      <c r="R37" s="17">
        <v>8929</v>
      </c>
    </row>
    <row r="38" spans="1:18">
      <c r="A38" s="21" t="s">
        <v>2374</v>
      </c>
      <c r="B38" s="10" t="s">
        <v>25</v>
      </c>
      <c r="C38" s="11" t="s">
        <v>25</v>
      </c>
      <c r="D38" s="17">
        <v>412</v>
      </c>
      <c r="E38" s="17">
        <v>8</v>
      </c>
      <c r="F38" s="17">
        <v>106</v>
      </c>
      <c r="G38" s="17">
        <v>298</v>
      </c>
      <c r="H38" s="17">
        <v>16607</v>
      </c>
      <c r="I38" s="17">
        <v>266</v>
      </c>
      <c r="J38" s="17">
        <v>5</v>
      </c>
      <c r="K38" s="17">
        <v>35</v>
      </c>
      <c r="L38" s="17">
        <v>226</v>
      </c>
      <c r="M38" s="17">
        <v>11863</v>
      </c>
      <c r="N38" s="17">
        <v>146</v>
      </c>
      <c r="O38" s="17">
        <v>3</v>
      </c>
      <c r="P38" s="17">
        <v>71</v>
      </c>
      <c r="Q38" s="17">
        <v>72</v>
      </c>
      <c r="R38" s="17">
        <v>4744</v>
      </c>
    </row>
    <row r="39" spans="1:18">
      <c r="A39" s="21" t="s">
        <v>2375</v>
      </c>
      <c r="B39" s="10" t="s">
        <v>25</v>
      </c>
      <c r="C39" s="11" t="s">
        <v>25</v>
      </c>
      <c r="D39" s="17">
        <v>882</v>
      </c>
      <c r="E39" s="17">
        <v>16</v>
      </c>
      <c r="F39" s="17">
        <v>237</v>
      </c>
      <c r="G39" s="17">
        <v>625</v>
      </c>
      <c r="H39" s="17">
        <v>34839</v>
      </c>
      <c r="I39" s="17">
        <v>487</v>
      </c>
      <c r="J39" s="17">
        <v>8</v>
      </c>
      <c r="K39" s="17">
        <v>73</v>
      </c>
      <c r="L39" s="17">
        <v>403</v>
      </c>
      <c r="M39" s="17">
        <v>21537</v>
      </c>
      <c r="N39" s="17">
        <v>395</v>
      </c>
      <c r="O39" s="17">
        <v>8</v>
      </c>
      <c r="P39" s="17">
        <v>164</v>
      </c>
      <c r="Q39" s="17">
        <v>222</v>
      </c>
      <c r="R39" s="17">
        <v>13302</v>
      </c>
    </row>
    <row r="40" spans="1:18">
      <c r="A40" s="21" t="s">
        <v>2376</v>
      </c>
      <c r="B40" s="10" t="s">
        <v>25</v>
      </c>
      <c r="C40" s="11" t="s">
        <v>25</v>
      </c>
      <c r="D40" s="17">
        <v>562</v>
      </c>
      <c r="E40" s="17">
        <v>11</v>
      </c>
      <c r="F40" s="17">
        <v>150</v>
      </c>
      <c r="G40" s="17">
        <v>401</v>
      </c>
      <c r="H40" s="17">
        <v>22134</v>
      </c>
      <c r="I40" s="17">
        <v>309</v>
      </c>
      <c r="J40" s="18">
        <v>7</v>
      </c>
      <c r="K40" s="17">
        <v>48</v>
      </c>
      <c r="L40" s="17">
        <v>254</v>
      </c>
      <c r="M40" s="17">
        <v>13583</v>
      </c>
      <c r="N40" s="17">
        <v>253</v>
      </c>
      <c r="O40" s="17">
        <v>4</v>
      </c>
      <c r="P40" s="17">
        <v>102</v>
      </c>
      <c r="Q40" s="17">
        <v>147</v>
      </c>
      <c r="R40" s="17">
        <v>8551</v>
      </c>
    </row>
    <row r="41" spans="1:18">
      <c r="A41" s="21" t="s">
        <v>2377</v>
      </c>
      <c r="B41" s="10" t="s">
        <v>25</v>
      </c>
      <c r="C41" s="11" t="s">
        <v>25</v>
      </c>
      <c r="D41" s="17">
        <v>320</v>
      </c>
      <c r="E41" s="17">
        <v>5</v>
      </c>
      <c r="F41" s="17">
        <v>87</v>
      </c>
      <c r="G41" s="17">
        <v>224</v>
      </c>
      <c r="H41" s="17">
        <v>12705</v>
      </c>
      <c r="I41" s="17">
        <v>178</v>
      </c>
      <c r="J41" s="17">
        <v>1</v>
      </c>
      <c r="K41" s="17">
        <v>25</v>
      </c>
      <c r="L41" s="17">
        <v>149</v>
      </c>
      <c r="M41" s="17">
        <v>7954</v>
      </c>
      <c r="N41" s="17">
        <v>142</v>
      </c>
      <c r="O41" s="17">
        <v>4</v>
      </c>
      <c r="P41" s="17">
        <v>62</v>
      </c>
      <c r="Q41" s="17">
        <v>75</v>
      </c>
      <c r="R41" s="17">
        <v>4751</v>
      </c>
    </row>
    <row r="42" spans="1:18">
      <c r="A42" s="21" t="s">
        <v>2378</v>
      </c>
      <c r="B42" s="10" t="s">
        <v>25</v>
      </c>
      <c r="C42" s="11" t="s">
        <v>25</v>
      </c>
      <c r="D42" s="18">
        <v>1073</v>
      </c>
      <c r="E42" s="18">
        <v>23</v>
      </c>
      <c r="F42" s="18">
        <v>275</v>
      </c>
      <c r="G42" s="18">
        <v>772</v>
      </c>
      <c r="H42" s="18">
        <v>43601</v>
      </c>
      <c r="I42" s="18">
        <v>592</v>
      </c>
      <c r="J42" s="18">
        <v>13</v>
      </c>
      <c r="K42" s="18">
        <v>94</v>
      </c>
      <c r="L42" s="18">
        <v>483</v>
      </c>
      <c r="M42" s="18">
        <v>26597</v>
      </c>
      <c r="N42" s="18">
        <v>481</v>
      </c>
      <c r="O42" s="18">
        <v>10</v>
      </c>
      <c r="P42" s="18">
        <v>181</v>
      </c>
      <c r="Q42" s="18">
        <v>289</v>
      </c>
      <c r="R42" s="18">
        <v>17004</v>
      </c>
    </row>
    <row r="43" spans="1:18">
      <c r="A43" s="21" t="s">
        <v>2379</v>
      </c>
      <c r="B43" s="10" t="s">
        <v>25</v>
      </c>
      <c r="C43" s="11" t="s">
        <v>25</v>
      </c>
      <c r="D43" s="17">
        <v>80</v>
      </c>
      <c r="E43" s="17" t="s">
        <v>35</v>
      </c>
      <c r="F43" s="17">
        <v>19</v>
      </c>
      <c r="G43" s="17">
        <v>61</v>
      </c>
      <c r="H43" s="17">
        <v>3264</v>
      </c>
      <c r="I43" s="17">
        <v>44</v>
      </c>
      <c r="J43" s="17" t="s">
        <v>35</v>
      </c>
      <c r="K43" s="17">
        <v>2</v>
      </c>
      <c r="L43" s="17">
        <v>42</v>
      </c>
      <c r="M43" s="17">
        <v>2092</v>
      </c>
      <c r="N43" s="17">
        <v>36</v>
      </c>
      <c r="O43" s="17" t="s">
        <v>35</v>
      </c>
      <c r="P43" s="17">
        <v>17</v>
      </c>
      <c r="Q43" s="17">
        <v>19</v>
      </c>
      <c r="R43" s="17">
        <v>1172</v>
      </c>
    </row>
    <row r="44" spans="1:18">
      <c r="A44" s="21" t="s">
        <v>2380</v>
      </c>
      <c r="B44" s="10" t="s">
        <v>25</v>
      </c>
      <c r="C44" s="11" t="s">
        <v>25</v>
      </c>
      <c r="D44" s="17">
        <v>376</v>
      </c>
      <c r="E44" s="18">
        <v>8</v>
      </c>
      <c r="F44" s="17">
        <v>99</v>
      </c>
      <c r="G44" s="17">
        <v>269</v>
      </c>
      <c r="H44" s="17">
        <v>15368</v>
      </c>
      <c r="I44" s="17">
        <v>212</v>
      </c>
      <c r="J44" s="18">
        <v>4</v>
      </c>
      <c r="K44" s="17">
        <v>39</v>
      </c>
      <c r="L44" s="17">
        <v>169</v>
      </c>
      <c r="M44" s="17">
        <v>9497</v>
      </c>
      <c r="N44" s="17">
        <v>164</v>
      </c>
      <c r="O44" s="18">
        <v>4</v>
      </c>
      <c r="P44" s="17">
        <v>60</v>
      </c>
      <c r="Q44" s="17">
        <v>100</v>
      </c>
      <c r="R44" s="17">
        <v>5871</v>
      </c>
    </row>
    <row r="45" spans="1:18">
      <c r="A45" s="21" t="s">
        <v>2381</v>
      </c>
      <c r="B45" s="10" t="s">
        <v>25</v>
      </c>
      <c r="C45" s="11" t="s">
        <v>25</v>
      </c>
      <c r="D45" s="17">
        <v>617</v>
      </c>
      <c r="E45" s="17">
        <v>15</v>
      </c>
      <c r="F45" s="17">
        <v>157</v>
      </c>
      <c r="G45" s="17">
        <v>442</v>
      </c>
      <c r="H45" s="17">
        <v>24969</v>
      </c>
      <c r="I45" s="17">
        <v>336</v>
      </c>
      <c r="J45" s="17">
        <v>9</v>
      </c>
      <c r="K45" s="17">
        <v>53</v>
      </c>
      <c r="L45" s="17">
        <v>272</v>
      </c>
      <c r="M45" s="17">
        <v>15008</v>
      </c>
      <c r="N45" s="17">
        <v>281</v>
      </c>
      <c r="O45" s="17">
        <v>6</v>
      </c>
      <c r="P45" s="17">
        <v>104</v>
      </c>
      <c r="Q45" s="17">
        <v>170</v>
      </c>
      <c r="R45" s="17">
        <v>9961</v>
      </c>
    </row>
    <row r="46" spans="1:18">
      <c r="A46" s="21" t="s">
        <v>2382</v>
      </c>
      <c r="B46" s="10" t="s">
        <v>25</v>
      </c>
      <c r="C46" s="11" t="s">
        <v>25</v>
      </c>
      <c r="D46" s="17">
        <v>1493</v>
      </c>
      <c r="E46" s="17">
        <v>42</v>
      </c>
      <c r="F46" s="17">
        <v>428</v>
      </c>
      <c r="G46" s="17">
        <v>1018</v>
      </c>
      <c r="H46" s="17">
        <v>58738</v>
      </c>
      <c r="I46" s="17">
        <v>852</v>
      </c>
      <c r="J46" s="17">
        <v>26</v>
      </c>
      <c r="K46" s="17">
        <v>147</v>
      </c>
      <c r="L46" s="17">
        <v>677</v>
      </c>
      <c r="M46" s="17">
        <v>37425</v>
      </c>
      <c r="N46" s="17">
        <v>641</v>
      </c>
      <c r="O46" s="17">
        <v>16</v>
      </c>
      <c r="P46" s="17">
        <v>281</v>
      </c>
      <c r="Q46" s="17">
        <v>341</v>
      </c>
      <c r="R46" s="17">
        <v>21313</v>
      </c>
    </row>
    <row r="47" spans="1:18">
      <c r="A47" s="21" t="s">
        <v>2383</v>
      </c>
      <c r="B47" s="10" t="s">
        <v>25</v>
      </c>
      <c r="C47" s="11" t="s">
        <v>25</v>
      </c>
      <c r="D47" s="17">
        <v>949</v>
      </c>
      <c r="E47" s="17">
        <v>27</v>
      </c>
      <c r="F47" s="17">
        <v>269</v>
      </c>
      <c r="G47" s="17">
        <v>649</v>
      </c>
      <c r="H47" s="17">
        <v>37300</v>
      </c>
      <c r="I47" s="17">
        <v>544</v>
      </c>
      <c r="J47" s="17">
        <v>16</v>
      </c>
      <c r="K47" s="17">
        <v>97</v>
      </c>
      <c r="L47" s="17">
        <v>429</v>
      </c>
      <c r="M47" s="17">
        <v>23662</v>
      </c>
      <c r="N47" s="17">
        <v>405</v>
      </c>
      <c r="O47" s="17">
        <v>11</v>
      </c>
      <c r="P47" s="17">
        <v>172</v>
      </c>
      <c r="Q47" s="17">
        <v>220</v>
      </c>
      <c r="R47" s="17">
        <v>13638</v>
      </c>
    </row>
    <row r="48" spans="1:18">
      <c r="A48" s="21" t="s">
        <v>2384</v>
      </c>
      <c r="B48" s="10" t="s">
        <v>25</v>
      </c>
      <c r="C48" s="11" t="s">
        <v>25</v>
      </c>
      <c r="D48" s="17">
        <v>544</v>
      </c>
      <c r="E48" s="18">
        <v>15</v>
      </c>
      <c r="F48" s="17">
        <v>159</v>
      </c>
      <c r="G48" s="17">
        <v>369</v>
      </c>
      <c r="H48" s="17">
        <v>21438</v>
      </c>
      <c r="I48" s="17">
        <v>308</v>
      </c>
      <c r="J48" s="18">
        <v>10</v>
      </c>
      <c r="K48" s="17">
        <v>50</v>
      </c>
      <c r="L48" s="17">
        <v>248</v>
      </c>
      <c r="M48" s="17">
        <v>13763</v>
      </c>
      <c r="N48" s="17">
        <v>236</v>
      </c>
      <c r="O48" s="18">
        <v>5</v>
      </c>
      <c r="P48" s="17">
        <v>109</v>
      </c>
      <c r="Q48" s="17">
        <v>121</v>
      </c>
      <c r="R48" s="17">
        <v>7675</v>
      </c>
    </row>
    <row r="49" spans="1:18">
      <c r="A49" s="21" t="s">
        <v>2385</v>
      </c>
      <c r="B49" s="10" t="s">
        <v>25</v>
      </c>
      <c r="C49" s="11" t="s">
        <v>25</v>
      </c>
      <c r="D49" s="17">
        <v>1309</v>
      </c>
      <c r="E49" s="18">
        <v>16</v>
      </c>
      <c r="F49" s="17">
        <v>365</v>
      </c>
      <c r="G49" s="17">
        <v>925</v>
      </c>
      <c r="H49" s="17">
        <v>52385</v>
      </c>
      <c r="I49" s="17">
        <v>726</v>
      </c>
      <c r="J49" s="18">
        <v>7</v>
      </c>
      <c r="K49" s="17">
        <v>107</v>
      </c>
      <c r="L49" s="17">
        <v>611</v>
      </c>
      <c r="M49" s="17">
        <v>32522</v>
      </c>
      <c r="N49" s="17">
        <v>583</v>
      </c>
      <c r="O49" s="18">
        <v>9</v>
      </c>
      <c r="P49" s="17">
        <v>258</v>
      </c>
      <c r="Q49" s="17">
        <v>314</v>
      </c>
      <c r="R49" s="17">
        <v>19863</v>
      </c>
    </row>
    <row r="50" spans="1:18">
      <c r="A50" s="21" t="s">
        <v>2386</v>
      </c>
      <c r="B50" s="10" t="s">
        <v>25</v>
      </c>
      <c r="C50" s="11" t="s">
        <v>25</v>
      </c>
      <c r="D50" s="17">
        <v>554</v>
      </c>
      <c r="E50" s="18">
        <v>3</v>
      </c>
      <c r="F50" s="17">
        <v>162</v>
      </c>
      <c r="G50" s="17">
        <v>388</v>
      </c>
      <c r="H50" s="17">
        <v>21878</v>
      </c>
      <c r="I50" s="17">
        <v>311</v>
      </c>
      <c r="J50" s="18">
        <v>2</v>
      </c>
      <c r="K50" s="17">
        <v>46</v>
      </c>
      <c r="L50" s="17">
        <v>263</v>
      </c>
      <c r="M50" s="17">
        <v>13736</v>
      </c>
      <c r="N50" s="17">
        <v>243</v>
      </c>
      <c r="O50" s="18">
        <v>1</v>
      </c>
      <c r="P50" s="17">
        <v>116</v>
      </c>
      <c r="Q50" s="17">
        <v>125</v>
      </c>
      <c r="R50" s="17">
        <v>8142</v>
      </c>
    </row>
    <row r="51" spans="1:18">
      <c r="A51" s="21" t="s">
        <v>2387</v>
      </c>
      <c r="B51" s="10" t="s">
        <v>25</v>
      </c>
      <c r="C51" s="11" t="s">
        <v>25</v>
      </c>
      <c r="D51" s="17">
        <v>755</v>
      </c>
      <c r="E51" s="17">
        <v>13</v>
      </c>
      <c r="F51" s="17">
        <v>203</v>
      </c>
      <c r="G51" s="17">
        <v>537</v>
      </c>
      <c r="H51" s="17">
        <v>30507</v>
      </c>
      <c r="I51" s="17">
        <v>415</v>
      </c>
      <c r="J51" s="18">
        <v>5</v>
      </c>
      <c r="K51" s="17">
        <v>61</v>
      </c>
      <c r="L51" s="17">
        <v>348</v>
      </c>
      <c r="M51" s="17">
        <v>18786</v>
      </c>
      <c r="N51" s="17">
        <v>340</v>
      </c>
      <c r="O51" s="17">
        <v>8</v>
      </c>
      <c r="P51" s="17">
        <v>142</v>
      </c>
      <c r="Q51" s="17">
        <v>189</v>
      </c>
      <c r="R51" s="17">
        <v>11721</v>
      </c>
    </row>
    <row r="52" spans="1:18">
      <c r="A52" s="21" t="s">
        <v>2388</v>
      </c>
      <c r="B52" s="10" t="s">
        <v>25</v>
      </c>
      <c r="C52" s="11" t="s">
        <v>25</v>
      </c>
      <c r="D52" s="17">
        <v>1343</v>
      </c>
      <c r="E52" s="17">
        <v>25</v>
      </c>
      <c r="F52" s="17">
        <v>347</v>
      </c>
      <c r="G52" s="17">
        <v>960</v>
      </c>
      <c r="H52" s="17">
        <v>54920</v>
      </c>
      <c r="I52" s="17">
        <v>740</v>
      </c>
      <c r="J52" s="18">
        <v>17</v>
      </c>
      <c r="K52" s="17">
        <v>112</v>
      </c>
      <c r="L52" s="17">
        <v>606</v>
      </c>
      <c r="M52" s="17">
        <v>33537</v>
      </c>
      <c r="N52" s="17">
        <v>603</v>
      </c>
      <c r="O52" s="17">
        <v>8</v>
      </c>
      <c r="P52" s="17">
        <v>235</v>
      </c>
      <c r="Q52" s="17">
        <v>354</v>
      </c>
      <c r="R52" s="17">
        <v>21383</v>
      </c>
    </row>
    <row r="53" spans="1:18">
      <c r="A53" s="21" t="s">
        <v>2389</v>
      </c>
      <c r="B53" s="10" t="s">
        <v>25</v>
      </c>
      <c r="C53" s="11" t="s">
        <v>25</v>
      </c>
      <c r="D53" s="17">
        <v>778</v>
      </c>
      <c r="E53" s="18">
        <v>13</v>
      </c>
      <c r="F53" s="17">
        <v>219</v>
      </c>
      <c r="G53" s="17">
        <v>545</v>
      </c>
      <c r="H53" s="17">
        <v>31631</v>
      </c>
      <c r="I53" s="17">
        <v>418</v>
      </c>
      <c r="J53" s="18">
        <v>9</v>
      </c>
      <c r="K53" s="17">
        <v>75</v>
      </c>
      <c r="L53" s="17">
        <v>334</v>
      </c>
      <c r="M53" s="17">
        <v>18890</v>
      </c>
      <c r="N53" s="17">
        <v>360</v>
      </c>
      <c r="O53" s="18">
        <v>4</v>
      </c>
      <c r="P53" s="17">
        <v>144</v>
      </c>
      <c r="Q53" s="17">
        <v>211</v>
      </c>
      <c r="R53" s="17">
        <v>12741</v>
      </c>
    </row>
    <row r="54" spans="1:18">
      <c r="A54" s="21" t="s">
        <v>2390</v>
      </c>
      <c r="B54" s="10" t="s">
        <v>25</v>
      </c>
      <c r="C54" s="11" t="s">
        <v>25</v>
      </c>
      <c r="D54" s="17">
        <v>565</v>
      </c>
      <c r="E54" s="18">
        <v>12</v>
      </c>
      <c r="F54" s="17">
        <v>128</v>
      </c>
      <c r="G54" s="17">
        <v>415</v>
      </c>
      <c r="H54" s="17">
        <v>23289</v>
      </c>
      <c r="I54" s="17">
        <v>322</v>
      </c>
      <c r="J54" s="18">
        <v>8</v>
      </c>
      <c r="K54" s="17">
        <v>37</v>
      </c>
      <c r="L54" s="17">
        <v>272</v>
      </c>
      <c r="M54" s="17">
        <v>14647</v>
      </c>
      <c r="N54" s="17">
        <v>243</v>
      </c>
      <c r="O54" s="18">
        <v>4</v>
      </c>
      <c r="P54" s="17">
        <v>91</v>
      </c>
      <c r="Q54" s="17">
        <v>143</v>
      </c>
      <c r="R54" s="17">
        <v>8642</v>
      </c>
    </row>
    <row r="55" spans="1:18">
      <c r="A55" s="21" t="s">
        <v>2391</v>
      </c>
      <c r="B55" s="10" t="s">
        <v>25</v>
      </c>
      <c r="C55" s="11" t="s">
        <v>25</v>
      </c>
      <c r="D55" s="17">
        <v>1795</v>
      </c>
      <c r="E55" s="17">
        <v>32</v>
      </c>
      <c r="F55" s="17">
        <v>480</v>
      </c>
      <c r="G55" s="17">
        <v>1279</v>
      </c>
      <c r="H55" s="17">
        <v>72475</v>
      </c>
      <c r="I55" s="17">
        <v>1025</v>
      </c>
      <c r="J55" s="17">
        <v>24</v>
      </c>
      <c r="K55" s="17">
        <v>152</v>
      </c>
      <c r="L55" s="17">
        <v>846</v>
      </c>
      <c r="M55" s="17">
        <v>45956</v>
      </c>
      <c r="N55" s="17">
        <v>770</v>
      </c>
      <c r="O55" s="17">
        <v>8</v>
      </c>
      <c r="P55" s="17">
        <v>328</v>
      </c>
      <c r="Q55" s="17">
        <v>433</v>
      </c>
      <c r="R55" s="17">
        <v>26519</v>
      </c>
    </row>
    <row r="56" spans="1:18">
      <c r="A56" s="21" t="s">
        <v>2392</v>
      </c>
      <c r="B56" s="10" t="s">
        <v>25</v>
      </c>
      <c r="C56" s="11" t="s">
        <v>25</v>
      </c>
      <c r="D56" s="17">
        <v>782</v>
      </c>
      <c r="E56" s="17">
        <v>16</v>
      </c>
      <c r="F56" s="17">
        <v>204</v>
      </c>
      <c r="G56" s="17">
        <v>560</v>
      </c>
      <c r="H56" s="17">
        <v>31870</v>
      </c>
      <c r="I56" s="17">
        <v>427</v>
      </c>
      <c r="J56" s="17">
        <v>12</v>
      </c>
      <c r="K56" s="17">
        <v>57</v>
      </c>
      <c r="L56" s="17">
        <v>356</v>
      </c>
      <c r="M56" s="17">
        <v>19381</v>
      </c>
      <c r="N56" s="17">
        <v>355</v>
      </c>
      <c r="O56" s="17">
        <v>4</v>
      </c>
      <c r="P56" s="17">
        <v>147</v>
      </c>
      <c r="Q56" s="17">
        <v>204</v>
      </c>
      <c r="R56" s="17">
        <v>12489</v>
      </c>
    </row>
    <row r="57" spans="1:18">
      <c r="A57" s="21" t="s">
        <v>2393</v>
      </c>
      <c r="B57" s="10" t="s">
        <v>25</v>
      </c>
      <c r="C57" s="11" t="s">
        <v>25</v>
      </c>
      <c r="D57" s="17">
        <v>1013</v>
      </c>
      <c r="E57" s="17">
        <v>16</v>
      </c>
      <c r="F57" s="17">
        <v>276</v>
      </c>
      <c r="G57" s="17">
        <v>719</v>
      </c>
      <c r="H57" s="17">
        <v>40605</v>
      </c>
      <c r="I57" s="17">
        <v>598</v>
      </c>
      <c r="J57" s="18">
        <v>12</v>
      </c>
      <c r="K57" s="17">
        <v>95</v>
      </c>
      <c r="L57" s="17">
        <v>490</v>
      </c>
      <c r="M57" s="17">
        <v>26575</v>
      </c>
      <c r="N57" s="17">
        <v>415</v>
      </c>
      <c r="O57" s="17">
        <v>4</v>
      </c>
      <c r="P57" s="17">
        <v>181</v>
      </c>
      <c r="Q57" s="17">
        <v>229</v>
      </c>
      <c r="R57" s="17">
        <v>14030</v>
      </c>
    </row>
    <row r="58" spans="1:18">
      <c r="A58" s="21" t="s">
        <v>2394</v>
      </c>
      <c r="B58" s="10" t="s">
        <v>25</v>
      </c>
      <c r="C58" s="11" t="s">
        <v>25</v>
      </c>
      <c r="D58" s="17">
        <v>65</v>
      </c>
      <c r="E58" s="17">
        <v>3</v>
      </c>
      <c r="F58" s="17">
        <v>14</v>
      </c>
      <c r="G58" s="17">
        <v>44</v>
      </c>
      <c r="H58" s="17">
        <v>2377</v>
      </c>
      <c r="I58" s="17">
        <v>35</v>
      </c>
      <c r="J58" s="17">
        <v>2</v>
      </c>
      <c r="K58" s="17">
        <v>2</v>
      </c>
      <c r="L58" s="17">
        <v>30</v>
      </c>
      <c r="M58" s="17">
        <v>1550</v>
      </c>
      <c r="N58" s="17">
        <v>30</v>
      </c>
      <c r="O58" s="17">
        <v>1</v>
      </c>
      <c r="P58" s="17">
        <v>12</v>
      </c>
      <c r="Q58" s="17">
        <v>14</v>
      </c>
      <c r="R58" s="17">
        <v>827</v>
      </c>
    </row>
    <row r="59" spans="1:18">
      <c r="A59" s="21" t="s">
        <v>2395</v>
      </c>
      <c r="B59" s="10" t="s">
        <v>25</v>
      </c>
      <c r="C59" s="11" t="s">
        <v>25</v>
      </c>
      <c r="D59" s="17">
        <v>42</v>
      </c>
      <c r="E59" s="17">
        <v>3</v>
      </c>
      <c r="F59" s="17">
        <v>9</v>
      </c>
      <c r="G59" s="17">
        <v>26</v>
      </c>
      <c r="H59" s="17">
        <v>1449</v>
      </c>
      <c r="I59" s="17">
        <v>22</v>
      </c>
      <c r="J59" s="17">
        <v>2</v>
      </c>
      <c r="K59" s="17">
        <v>2</v>
      </c>
      <c r="L59" s="17">
        <v>17</v>
      </c>
      <c r="M59" s="17">
        <v>931</v>
      </c>
      <c r="N59" s="17">
        <v>20</v>
      </c>
      <c r="O59" s="17">
        <v>1</v>
      </c>
      <c r="P59" s="17">
        <v>7</v>
      </c>
      <c r="Q59" s="17">
        <v>9</v>
      </c>
      <c r="R59" s="17">
        <v>518</v>
      </c>
    </row>
    <row r="60" spans="1:18">
      <c r="A60" s="21" t="s">
        <v>2396</v>
      </c>
      <c r="B60" s="10" t="s">
        <v>25</v>
      </c>
      <c r="C60" s="11" t="s">
        <v>25</v>
      </c>
      <c r="D60" s="17">
        <v>23</v>
      </c>
      <c r="E60" s="17" t="s">
        <v>35</v>
      </c>
      <c r="F60" s="17">
        <v>5</v>
      </c>
      <c r="G60" s="17">
        <v>18</v>
      </c>
      <c r="H60" s="17">
        <v>928</v>
      </c>
      <c r="I60" s="17">
        <v>13</v>
      </c>
      <c r="J60" s="17" t="s">
        <v>35</v>
      </c>
      <c r="K60" s="17" t="s">
        <v>35</v>
      </c>
      <c r="L60" s="17">
        <v>13</v>
      </c>
      <c r="M60" s="17">
        <v>619</v>
      </c>
      <c r="N60" s="17">
        <v>10</v>
      </c>
      <c r="O60" s="17" t="s">
        <v>35</v>
      </c>
      <c r="P60" s="17">
        <v>5</v>
      </c>
      <c r="Q60" s="17">
        <v>5</v>
      </c>
      <c r="R60" s="17">
        <v>309</v>
      </c>
    </row>
    <row r="61" spans="1:18">
      <c r="A61" s="21" t="s">
        <v>2397</v>
      </c>
      <c r="B61" s="10" t="s">
        <v>25</v>
      </c>
      <c r="C61" s="11" t="s">
        <v>25</v>
      </c>
      <c r="D61" s="17">
        <v>264</v>
      </c>
      <c r="E61" s="17">
        <v>7</v>
      </c>
      <c r="F61" s="17">
        <v>79</v>
      </c>
      <c r="G61" s="17">
        <v>177</v>
      </c>
      <c r="H61" s="17">
        <v>9667</v>
      </c>
      <c r="I61" s="17">
        <v>153</v>
      </c>
      <c r="J61" s="17">
        <v>4</v>
      </c>
      <c r="K61" s="17">
        <v>29</v>
      </c>
      <c r="L61" s="17">
        <v>119</v>
      </c>
      <c r="M61" s="17">
        <v>6195</v>
      </c>
      <c r="N61" s="17">
        <v>111</v>
      </c>
      <c r="O61" s="17">
        <v>3</v>
      </c>
      <c r="P61" s="17">
        <v>50</v>
      </c>
      <c r="Q61" s="17">
        <v>58</v>
      </c>
      <c r="R61" s="17">
        <v>3472</v>
      </c>
    </row>
    <row r="62" spans="1:18">
      <c r="A62" s="21" t="s">
        <v>2398</v>
      </c>
      <c r="B62" s="10" t="s">
        <v>25</v>
      </c>
      <c r="C62" s="11" t="s">
        <v>25</v>
      </c>
      <c r="D62" s="17">
        <v>38</v>
      </c>
      <c r="E62" s="17">
        <v>1</v>
      </c>
      <c r="F62" s="17">
        <v>7</v>
      </c>
      <c r="G62" s="17">
        <v>29</v>
      </c>
      <c r="H62" s="17">
        <v>1497</v>
      </c>
      <c r="I62" s="17">
        <v>23</v>
      </c>
      <c r="J62" s="17" t="s">
        <v>35</v>
      </c>
      <c r="K62" s="17">
        <v>4</v>
      </c>
      <c r="L62" s="17">
        <v>18</v>
      </c>
      <c r="M62" s="17">
        <v>973</v>
      </c>
      <c r="N62" s="17">
        <v>15</v>
      </c>
      <c r="O62" s="17">
        <v>1</v>
      </c>
      <c r="P62" s="17">
        <v>3</v>
      </c>
      <c r="Q62" s="17">
        <v>11</v>
      </c>
      <c r="R62" s="17">
        <v>524</v>
      </c>
    </row>
    <row r="63" spans="1:18">
      <c r="A63" s="21" t="s">
        <v>2399</v>
      </c>
      <c r="B63" s="10" t="s">
        <v>25</v>
      </c>
      <c r="C63" s="11" t="s">
        <v>25</v>
      </c>
      <c r="D63" s="17">
        <v>104</v>
      </c>
      <c r="E63" s="17">
        <v>6</v>
      </c>
      <c r="F63" s="17">
        <v>28</v>
      </c>
      <c r="G63" s="17">
        <v>70</v>
      </c>
      <c r="H63" s="17">
        <v>3847</v>
      </c>
      <c r="I63" s="17">
        <v>59</v>
      </c>
      <c r="J63" s="17">
        <v>4</v>
      </c>
      <c r="K63" s="17">
        <v>13</v>
      </c>
      <c r="L63" s="17">
        <v>42</v>
      </c>
      <c r="M63" s="17">
        <v>2310</v>
      </c>
      <c r="N63" s="17">
        <v>45</v>
      </c>
      <c r="O63" s="17">
        <v>2</v>
      </c>
      <c r="P63" s="17">
        <v>15</v>
      </c>
      <c r="Q63" s="17">
        <v>28</v>
      </c>
      <c r="R63" s="17">
        <v>1537</v>
      </c>
    </row>
    <row r="64" spans="1:18">
      <c r="A64" s="21" t="s">
        <v>2400</v>
      </c>
      <c r="B64" s="10" t="s">
        <v>25</v>
      </c>
      <c r="C64" s="11" t="s">
        <v>25</v>
      </c>
      <c r="D64" s="17">
        <v>122</v>
      </c>
      <c r="E64" s="17" t="s">
        <v>35</v>
      </c>
      <c r="F64" s="17">
        <v>44</v>
      </c>
      <c r="G64" s="17">
        <v>78</v>
      </c>
      <c r="H64" s="17">
        <v>4323</v>
      </c>
      <c r="I64" s="17">
        <v>71</v>
      </c>
      <c r="J64" s="17" t="s">
        <v>35</v>
      </c>
      <c r="K64" s="17">
        <v>12</v>
      </c>
      <c r="L64" s="17">
        <v>59</v>
      </c>
      <c r="M64" s="17">
        <v>2912</v>
      </c>
      <c r="N64" s="17">
        <v>51</v>
      </c>
      <c r="O64" s="18" t="s">
        <v>35</v>
      </c>
      <c r="P64" s="17">
        <v>32</v>
      </c>
      <c r="Q64" s="17">
        <v>19</v>
      </c>
      <c r="R64" s="17">
        <v>1411</v>
      </c>
    </row>
    <row r="65" spans="1:18">
      <c r="A65" s="21" t="s">
        <v>2401</v>
      </c>
      <c r="B65" s="10" t="s">
        <v>25</v>
      </c>
      <c r="C65" s="11" t="s">
        <v>25</v>
      </c>
      <c r="D65" s="17">
        <v>275</v>
      </c>
      <c r="E65" s="17">
        <v>2</v>
      </c>
      <c r="F65" s="17">
        <v>81</v>
      </c>
      <c r="G65" s="17">
        <v>190</v>
      </c>
      <c r="H65" s="17">
        <v>10552</v>
      </c>
      <c r="I65" s="17">
        <v>158</v>
      </c>
      <c r="J65" s="17">
        <v>2</v>
      </c>
      <c r="K65" s="17">
        <v>28</v>
      </c>
      <c r="L65" s="17">
        <v>127</v>
      </c>
      <c r="M65" s="17">
        <v>6702</v>
      </c>
      <c r="N65" s="17">
        <v>117</v>
      </c>
      <c r="O65" s="17" t="s">
        <v>35</v>
      </c>
      <c r="P65" s="17">
        <v>53</v>
      </c>
      <c r="Q65" s="17">
        <v>63</v>
      </c>
      <c r="R65" s="17">
        <v>3850</v>
      </c>
    </row>
    <row r="66" spans="1:18">
      <c r="A66" s="21" t="s">
        <v>2402</v>
      </c>
      <c r="B66" s="10" t="s">
        <v>25</v>
      </c>
      <c r="C66" s="11" t="s">
        <v>25</v>
      </c>
      <c r="D66" s="17">
        <v>25</v>
      </c>
      <c r="E66" s="17" t="s">
        <v>35</v>
      </c>
      <c r="F66" s="17">
        <v>5</v>
      </c>
      <c r="G66" s="17">
        <v>20</v>
      </c>
      <c r="H66" s="17">
        <v>1082</v>
      </c>
      <c r="I66" s="17">
        <v>12</v>
      </c>
      <c r="J66" s="17" t="s">
        <v>35</v>
      </c>
      <c r="K66" s="17">
        <v>1</v>
      </c>
      <c r="L66" s="17">
        <v>11</v>
      </c>
      <c r="M66" s="17">
        <v>600</v>
      </c>
      <c r="N66" s="17">
        <v>13</v>
      </c>
      <c r="O66" s="17" t="s">
        <v>35</v>
      </c>
      <c r="P66" s="17">
        <v>4</v>
      </c>
      <c r="Q66" s="17">
        <v>9</v>
      </c>
      <c r="R66" s="17">
        <v>482</v>
      </c>
    </row>
    <row r="67" spans="1:18">
      <c r="A67" s="21" t="s">
        <v>2403</v>
      </c>
      <c r="B67" s="10" t="s">
        <v>25</v>
      </c>
      <c r="C67" s="11" t="s">
        <v>25</v>
      </c>
      <c r="D67" s="17">
        <v>250</v>
      </c>
      <c r="E67" s="17">
        <v>2</v>
      </c>
      <c r="F67" s="17">
        <v>76</v>
      </c>
      <c r="G67" s="17">
        <v>170</v>
      </c>
      <c r="H67" s="17">
        <v>9470</v>
      </c>
      <c r="I67" s="17">
        <v>146</v>
      </c>
      <c r="J67" s="17">
        <v>2</v>
      </c>
      <c r="K67" s="17">
        <v>27</v>
      </c>
      <c r="L67" s="17">
        <v>116</v>
      </c>
      <c r="M67" s="17">
        <v>6102</v>
      </c>
      <c r="N67" s="17">
        <v>104</v>
      </c>
      <c r="O67" s="17" t="s">
        <v>35</v>
      </c>
      <c r="P67" s="17">
        <v>49</v>
      </c>
      <c r="Q67" s="17">
        <v>54</v>
      </c>
      <c r="R67" s="17">
        <v>3368</v>
      </c>
    </row>
    <row r="68" spans="1:18">
      <c r="A68" s="21" t="s">
        <v>2404</v>
      </c>
      <c r="B68" s="10" t="s">
        <v>25</v>
      </c>
      <c r="C68" s="11" t="s">
        <v>25</v>
      </c>
      <c r="D68" s="17">
        <v>390</v>
      </c>
      <c r="E68" s="17">
        <v>10</v>
      </c>
      <c r="F68" s="17">
        <v>127</v>
      </c>
      <c r="G68" s="17">
        <v>252</v>
      </c>
      <c r="H68" s="17">
        <v>14359</v>
      </c>
      <c r="I68" s="17">
        <v>228</v>
      </c>
      <c r="J68" s="17">
        <v>6</v>
      </c>
      <c r="K68" s="17">
        <v>50</v>
      </c>
      <c r="L68" s="17">
        <v>171</v>
      </c>
      <c r="M68" s="17">
        <v>9297</v>
      </c>
      <c r="N68" s="17">
        <v>162</v>
      </c>
      <c r="O68" s="17">
        <v>4</v>
      </c>
      <c r="P68" s="17">
        <v>77</v>
      </c>
      <c r="Q68" s="17">
        <v>81</v>
      </c>
      <c r="R68" s="17">
        <v>5062</v>
      </c>
    </row>
    <row r="69" spans="1:18">
      <c r="A69" s="21" t="s">
        <v>2405</v>
      </c>
      <c r="B69" s="10" t="s">
        <v>25</v>
      </c>
      <c r="C69" s="11" t="s">
        <v>25</v>
      </c>
      <c r="D69" s="17">
        <v>99</v>
      </c>
      <c r="E69" s="17">
        <v>1</v>
      </c>
      <c r="F69" s="17">
        <v>27</v>
      </c>
      <c r="G69" s="17">
        <v>71</v>
      </c>
      <c r="H69" s="17">
        <v>3920</v>
      </c>
      <c r="I69" s="17">
        <v>61</v>
      </c>
      <c r="J69" s="17" t="s">
        <v>35</v>
      </c>
      <c r="K69" s="17">
        <v>12</v>
      </c>
      <c r="L69" s="17">
        <v>49</v>
      </c>
      <c r="M69" s="17">
        <v>2579</v>
      </c>
      <c r="N69" s="17">
        <v>38</v>
      </c>
      <c r="O69" s="17">
        <v>1</v>
      </c>
      <c r="P69" s="17">
        <v>15</v>
      </c>
      <c r="Q69" s="17">
        <v>22</v>
      </c>
      <c r="R69" s="17">
        <v>1341</v>
      </c>
    </row>
    <row r="70" spans="1:18">
      <c r="A70" s="21" t="s">
        <v>2406</v>
      </c>
      <c r="B70" s="10" t="s">
        <v>25</v>
      </c>
      <c r="C70" s="11" t="s">
        <v>25</v>
      </c>
      <c r="D70" s="17">
        <v>76</v>
      </c>
      <c r="E70" s="17">
        <v>2</v>
      </c>
      <c r="F70" s="17">
        <v>29</v>
      </c>
      <c r="G70" s="17">
        <v>44</v>
      </c>
      <c r="H70" s="17">
        <v>2541</v>
      </c>
      <c r="I70" s="17">
        <v>47</v>
      </c>
      <c r="J70" s="17" t="s">
        <v>35</v>
      </c>
      <c r="K70" s="17">
        <v>15</v>
      </c>
      <c r="L70" s="17">
        <v>31</v>
      </c>
      <c r="M70" s="17">
        <v>1792</v>
      </c>
      <c r="N70" s="17">
        <v>29</v>
      </c>
      <c r="O70" s="17">
        <v>2</v>
      </c>
      <c r="P70" s="17">
        <v>14</v>
      </c>
      <c r="Q70" s="17">
        <v>13</v>
      </c>
      <c r="R70" s="17">
        <v>749</v>
      </c>
    </row>
    <row r="71" spans="1:18">
      <c r="A71" s="21" t="s">
        <v>2407</v>
      </c>
      <c r="B71" s="10" t="s">
        <v>25</v>
      </c>
      <c r="C71" s="11" t="s">
        <v>25</v>
      </c>
      <c r="D71" s="17">
        <v>215</v>
      </c>
      <c r="E71" s="17">
        <v>7</v>
      </c>
      <c r="F71" s="17">
        <v>71</v>
      </c>
      <c r="G71" s="17">
        <v>137</v>
      </c>
      <c r="H71" s="17">
        <v>7898</v>
      </c>
      <c r="I71" s="17">
        <v>120</v>
      </c>
      <c r="J71" s="17">
        <v>6</v>
      </c>
      <c r="K71" s="17">
        <v>23</v>
      </c>
      <c r="L71" s="17">
        <v>91</v>
      </c>
      <c r="M71" s="17">
        <v>4926</v>
      </c>
      <c r="N71" s="17">
        <v>95</v>
      </c>
      <c r="O71" s="17">
        <v>1</v>
      </c>
      <c r="P71" s="17">
        <v>48</v>
      </c>
      <c r="Q71" s="17">
        <v>46</v>
      </c>
      <c r="R71" s="17">
        <v>2972</v>
      </c>
    </row>
    <row r="72" spans="1:18">
      <c r="A72" s="21" t="s">
        <v>2408</v>
      </c>
      <c r="B72" s="10" t="s">
        <v>25</v>
      </c>
      <c r="C72" s="11" t="s">
        <v>25</v>
      </c>
      <c r="D72" s="17">
        <v>1090</v>
      </c>
      <c r="E72" s="17">
        <v>24</v>
      </c>
      <c r="F72" s="17">
        <v>334</v>
      </c>
      <c r="G72" s="17">
        <v>729</v>
      </c>
      <c r="H72" s="17">
        <v>41641</v>
      </c>
      <c r="I72" s="17">
        <v>630</v>
      </c>
      <c r="J72" s="17">
        <v>16</v>
      </c>
      <c r="K72" s="17">
        <v>134</v>
      </c>
      <c r="L72" s="17">
        <v>478</v>
      </c>
      <c r="M72" s="17">
        <v>26483</v>
      </c>
      <c r="N72" s="17">
        <v>460</v>
      </c>
      <c r="O72" s="17">
        <v>8</v>
      </c>
      <c r="P72" s="17">
        <v>200</v>
      </c>
      <c r="Q72" s="17">
        <v>251</v>
      </c>
      <c r="R72" s="17">
        <v>15158</v>
      </c>
    </row>
    <row r="73" spans="1:18">
      <c r="A73" s="21" t="s">
        <v>2409</v>
      </c>
      <c r="B73" s="10" t="s">
        <v>25</v>
      </c>
      <c r="C73" s="11" t="s">
        <v>25</v>
      </c>
      <c r="D73" s="17">
        <v>513</v>
      </c>
      <c r="E73" s="17">
        <v>14</v>
      </c>
      <c r="F73" s="17">
        <v>151</v>
      </c>
      <c r="G73" s="17">
        <v>345</v>
      </c>
      <c r="H73" s="17">
        <v>19424</v>
      </c>
      <c r="I73" s="17">
        <v>290</v>
      </c>
      <c r="J73" s="17">
        <v>10</v>
      </c>
      <c r="K73" s="17">
        <v>61</v>
      </c>
      <c r="L73" s="17">
        <v>217</v>
      </c>
      <c r="M73" s="17">
        <v>12071</v>
      </c>
      <c r="N73" s="17">
        <v>223</v>
      </c>
      <c r="O73" s="17">
        <v>4</v>
      </c>
      <c r="P73" s="17">
        <v>90</v>
      </c>
      <c r="Q73" s="17">
        <v>128</v>
      </c>
      <c r="R73" s="17">
        <v>7353</v>
      </c>
    </row>
    <row r="74" spans="1:18">
      <c r="A74" s="21" t="s">
        <v>2410</v>
      </c>
      <c r="B74" s="10" t="s">
        <v>25</v>
      </c>
      <c r="C74" s="11" t="s">
        <v>25</v>
      </c>
      <c r="D74" s="17">
        <v>182</v>
      </c>
      <c r="E74" s="17">
        <v>3</v>
      </c>
      <c r="F74" s="17">
        <v>63</v>
      </c>
      <c r="G74" s="17">
        <v>116</v>
      </c>
      <c r="H74" s="17">
        <v>6707</v>
      </c>
      <c r="I74" s="17">
        <v>110</v>
      </c>
      <c r="J74" s="17">
        <v>2</v>
      </c>
      <c r="K74" s="17">
        <v>24</v>
      </c>
      <c r="L74" s="17">
        <v>84</v>
      </c>
      <c r="M74" s="17">
        <v>4501</v>
      </c>
      <c r="N74" s="17">
        <v>72</v>
      </c>
      <c r="O74" s="17">
        <v>1</v>
      </c>
      <c r="P74" s="17">
        <v>39</v>
      </c>
      <c r="Q74" s="17">
        <v>32</v>
      </c>
      <c r="R74" s="17">
        <v>2206</v>
      </c>
    </row>
    <row r="75" spans="1:18">
      <c r="A75" s="21" t="s">
        <v>2411</v>
      </c>
      <c r="B75" s="10" t="s">
        <v>25</v>
      </c>
      <c r="C75" s="11" t="s">
        <v>25</v>
      </c>
      <c r="D75" s="17">
        <v>395</v>
      </c>
      <c r="E75" s="17">
        <v>7</v>
      </c>
      <c r="F75" s="17">
        <v>120</v>
      </c>
      <c r="G75" s="17">
        <v>268</v>
      </c>
      <c r="H75" s="17">
        <v>15510</v>
      </c>
      <c r="I75" s="17">
        <v>230</v>
      </c>
      <c r="J75" s="18">
        <v>4</v>
      </c>
      <c r="K75" s="17">
        <v>49</v>
      </c>
      <c r="L75" s="17">
        <v>177</v>
      </c>
      <c r="M75" s="17">
        <v>9911</v>
      </c>
      <c r="N75" s="17">
        <v>165</v>
      </c>
      <c r="O75" s="17">
        <v>3</v>
      </c>
      <c r="P75" s="17">
        <v>71</v>
      </c>
      <c r="Q75" s="17">
        <v>91</v>
      </c>
      <c r="R75" s="17">
        <v>5599</v>
      </c>
    </row>
    <row r="76" spans="1:18">
      <c r="A76" s="21" t="s">
        <v>2412</v>
      </c>
      <c r="B76" s="10" t="s">
        <v>25</v>
      </c>
      <c r="C76" s="11" t="s">
        <v>25</v>
      </c>
      <c r="D76" s="17">
        <v>2014</v>
      </c>
      <c r="E76" s="17">
        <v>38</v>
      </c>
      <c r="F76" s="17">
        <v>550</v>
      </c>
      <c r="G76" s="17">
        <v>1423</v>
      </c>
      <c r="H76" s="17">
        <v>81866</v>
      </c>
      <c r="I76" s="17">
        <v>1135</v>
      </c>
      <c r="J76" s="17">
        <v>26</v>
      </c>
      <c r="K76" s="17">
        <v>217</v>
      </c>
      <c r="L76" s="17">
        <v>889</v>
      </c>
      <c r="M76" s="17">
        <v>49500</v>
      </c>
      <c r="N76" s="17">
        <v>879</v>
      </c>
      <c r="O76" s="17">
        <v>12</v>
      </c>
      <c r="P76" s="17">
        <v>333</v>
      </c>
      <c r="Q76" s="17">
        <v>534</v>
      </c>
      <c r="R76" s="17">
        <v>32366</v>
      </c>
    </row>
    <row r="77" spans="1:18">
      <c r="A77" s="21" t="s">
        <v>2413</v>
      </c>
      <c r="B77" s="10" t="s">
        <v>25</v>
      </c>
      <c r="C77" s="11" t="s">
        <v>25</v>
      </c>
      <c r="D77" s="17">
        <v>829</v>
      </c>
      <c r="E77" s="17">
        <v>18</v>
      </c>
      <c r="F77" s="17">
        <v>240</v>
      </c>
      <c r="G77" s="17">
        <v>569</v>
      </c>
      <c r="H77" s="17">
        <v>32615</v>
      </c>
      <c r="I77" s="17">
        <v>481</v>
      </c>
      <c r="J77" s="17">
        <v>12</v>
      </c>
      <c r="K77" s="17">
        <v>108</v>
      </c>
      <c r="L77" s="17">
        <v>359</v>
      </c>
      <c r="M77" s="17">
        <v>19989</v>
      </c>
      <c r="N77" s="17">
        <v>348</v>
      </c>
      <c r="O77" s="17">
        <v>6</v>
      </c>
      <c r="P77" s="17">
        <v>132</v>
      </c>
      <c r="Q77" s="17">
        <v>210</v>
      </c>
      <c r="R77" s="17">
        <v>12626</v>
      </c>
    </row>
    <row r="78" spans="1:18">
      <c r="A78" s="21" t="s">
        <v>2414</v>
      </c>
      <c r="B78" s="10" t="s">
        <v>25</v>
      </c>
      <c r="C78" s="11" t="s">
        <v>25</v>
      </c>
      <c r="D78" s="17">
        <v>535</v>
      </c>
      <c r="E78" s="17">
        <v>12</v>
      </c>
      <c r="F78" s="17">
        <v>142</v>
      </c>
      <c r="G78" s="17">
        <v>380</v>
      </c>
      <c r="H78" s="17">
        <v>21745</v>
      </c>
      <c r="I78" s="17">
        <v>312</v>
      </c>
      <c r="J78" s="17">
        <v>10</v>
      </c>
      <c r="K78" s="17">
        <v>59</v>
      </c>
      <c r="L78" s="17">
        <v>242</v>
      </c>
      <c r="M78" s="17">
        <v>13394</v>
      </c>
      <c r="N78" s="17">
        <v>223</v>
      </c>
      <c r="O78" s="17">
        <v>2</v>
      </c>
      <c r="P78" s="17">
        <v>83</v>
      </c>
      <c r="Q78" s="17">
        <v>138</v>
      </c>
      <c r="R78" s="17">
        <v>8351</v>
      </c>
    </row>
    <row r="79" spans="1:18">
      <c r="A79" s="21" t="s">
        <v>2415</v>
      </c>
      <c r="B79" s="10" t="s">
        <v>25</v>
      </c>
      <c r="C79" s="11" t="s">
        <v>25</v>
      </c>
      <c r="D79" s="17">
        <v>650</v>
      </c>
      <c r="E79" s="17">
        <v>8</v>
      </c>
      <c r="F79" s="17">
        <v>168</v>
      </c>
      <c r="G79" s="17">
        <v>474</v>
      </c>
      <c r="H79" s="17">
        <v>27506</v>
      </c>
      <c r="I79" s="17">
        <v>342</v>
      </c>
      <c r="J79" s="17">
        <v>4</v>
      </c>
      <c r="K79" s="17">
        <v>50</v>
      </c>
      <c r="L79" s="17">
        <v>288</v>
      </c>
      <c r="M79" s="17">
        <v>16117</v>
      </c>
      <c r="N79" s="17">
        <v>308</v>
      </c>
      <c r="O79" s="17">
        <v>4</v>
      </c>
      <c r="P79" s="17">
        <v>118</v>
      </c>
      <c r="Q79" s="17">
        <v>186</v>
      </c>
      <c r="R79" s="17">
        <v>11389</v>
      </c>
    </row>
    <row r="80" spans="1:18">
      <c r="A80" s="21" t="s">
        <v>2416</v>
      </c>
      <c r="B80" s="10" t="s">
        <v>25</v>
      </c>
      <c r="C80" s="11" t="s">
        <v>25</v>
      </c>
      <c r="D80" s="17">
        <v>1188</v>
      </c>
      <c r="E80" s="17">
        <v>16</v>
      </c>
      <c r="F80" s="17">
        <v>333</v>
      </c>
      <c r="G80" s="17">
        <v>839</v>
      </c>
      <c r="H80" s="17">
        <v>47487</v>
      </c>
      <c r="I80" s="17">
        <v>672</v>
      </c>
      <c r="J80" s="17">
        <v>12</v>
      </c>
      <c r="K80" s="17">
        <v>117</v>
      </c>
      <c r="L80" s="17">
        <v>543</v>
      </c>
      <c r="M80" s="17">
        <v>29704</v>
      </c>
      <c r="N80" s="17">
        <v>516</v>
      </c>
      <c r="O80" s="18">
        <v>4</v>
      </c>
      <c r="P80" s="17">
        <v>216</v>
      </c>
      <c r="Q80" s="17">
        <v>296</v>
      </c>
      <c r="R80" s="17">
        <v>17783</v>
      </c>
    </row>
    <row r="81" spans="1:18">
      <c r="A81" s="21" t="s">
        <v>2417</v>
      </c>
      <c r="B81" s="10" t="s">
        <v>25</v>
      </c>
      <c r="C81" s="11" t="s">
        <v>25</v>
      </c>
      <c r="D81" s="17">
        <v>491</v>
      </c>
      <c r="E81" s="17">
        <v>5</v>
      </c>
      <c r="F81" s="17">
        <v>146</v>
      </c>
      <c r="G81" s="17">
        <v>340</v>
      </c>
      <c r="H81" s="17">
        <v>19715</v>
      </c>
      <c r="I81" s="17">
        <v>271</v>
      </c>
      <c r="J81" s="17">
        <v>3</v>
      </c>
      <c r="K81" s="17">
        <v>50</v>
      </c>
      <c r="L81" s="17">
        <v>218</v>
      </c>
      <c r="M81" s="17">
        <v>12060</v>
      </c>
      <c r="N81" s="17">
        <v>220</v>
      </c>
      <c r="O81" s="18">
        <v>2</v>
      </c>
      <c r="P81" s="17">
        <v>96</v>
      </c>
      <c r="Q81" s="17">
        <v>122</v>
      </c>
      <c r="R81" s="17">
        <v>7655</v>
      </c>
    </row>
    <row r="82" spans="1:18">
      <c r="A82" s="21" t="s">
        <v>2418</v>
      </c>
      <c r="B82" s="10" t="s">
        <v>25</v>
      </c>
      <c r="C82" s="11" t="s">
        <v>25</v>
      </c>
      <c r="D82" s="17">
        <v>285</v>
      </c>
      <c r="E82" s="18">
        <v>7</v>
      </c>
      <c r="F82" s="17">
        <v>78</v>
      </c>
      <c r="G82" s="17">
        <v>200</v>
      </c>
      <c r="H82" s="17">
        <v>11021</v>
      </c>
      <c r="I82" s="17">
        <v>163</v>
      </c>
      <c r="J82" s="18">
        <v>6</v>
      </c>
      <c r="K82" s="17">
        <v>34</v>
      </c>
      <c r="L82" s="17">
        <v>123</v>
      </c>
      <c r="M82" s="17">
        <v>6781</v>
      </c>
      <c r="N82" s="17">
        <v>122</v>
      </c>
      <c r="O82" s="18">
        <v>1</v>
      </c>
      <c r="P82" s="17">
        <v>44</v>
      </c>
      <c r="Q82" s="17">
        <v>77</v>
      </c>
      <c r="R82" s="17">
        <v>4240</v>
      </c>
    </row>
    <row r="83" spans="1:18">
      <c r="A83" s="21" t="s">
        <v>2419</v>
      </c>
      <c r="B83" s="10" t="s">
        <v>25</v>
      </c>
      <c r="C83" s="11" t="s">
        <v>25</v>
      </c>
      <c r="D83" s="17">
        <v>412</v>
      </c>
      <c r="E83" s="18">
        <v>4</v>
      </c>
      <c r="F83" s="17">
        <v>109</v>
      </c>
      <c r="G83" s="17">
        <v>299</v>
      </c>
      <c r="H83" s="17">
        <v>16751</v>
      </c>
      <c r="I83" s="17">
        <v>238</v>
      </c>
      <c r="J83" s="18">
        <v>3</v>
      </c>
      <c r="K83" s="17">
        <v>33</v>
      </c>
      <c r="L83" s="17">
        <v>202</v>
      </c>
      <c r="M83" s="17">
        <v>10863</v>
      </c>
      <c r="N83" s="17">
        <v>174</v>
      </c>
      <c r="O83" s="18">
        <v>1</v>
      </c>
      <c r="P83" s="17">
        <v>76</v>
      </c>
      <c r="Q83" s="17">
        <v>97</v>
      </c>
      <c r="R83" s="17">
        <v>5888</v>
      </c>
    </row>
    <row r="84" spans="1:18">
      <c r="A84" s="21" t="s">
        <v>2420</v>
      </c>
      <c r="B84" s="10" t="s">
        <v>25</v>
      </c>
      <c r="C84" s="11" t="s">
        <v>25</v>
      </c>
      <c r="D84" s="18">
        <v>1334</v>
      </c>
      <c r="E84" s="18">
        <v>26</v>
      </c>
      <c r="F84" s="18">
        <v>422</v>
      </c>
      <c r="G84" s="18">
        <v>881</v>
      </c>
      <c r="H84" s="18">
        <v>51206</v>
      </c>
      <c r="I84" s="18">
        <v>744</v>
      </c>
      <c r="J84" s="18">
        <v>17</v>
      </c>
      <c r="K84" s="18">
        <v>151</v>
      </c>
      <c r="L84" s="18">
        <v>571</v>
      </c>
      <c r="M84" s="18">
        <v>31594</v>
      </c>
      <c r="N84" s="18">
        <v>590</v>
      </c>
      <c r="O84" s="18">
        <v>9</v>
      </c>
      <c r="P84" s="18">
        <v>271</v>
      </c>
      <c r="Q84" s="18">
        <v>310</v>
      </c>
      <c r="R84" s="18">
        <v>19612</v>
      </c>
    </row>
    <row r="85" spans="1:18">
      <c r="A85" s="21" t="s">
        <v>2421</v>
      </c>
      <c r="B85" s="10" t="s">
        <v>25</v>
      </c>
      <c r="C85" s="11" t="s">
        <v>25</v>
      </c>
      <c r="D85" s="18">
        <v>575</v>
      </c>
      <c r="E85" s="18">
        <v>12</v>
      </c>
      <c r="F85" s="18">
        <v>169</v>
      </c>
      <c r="G85" s="18">
        <v>389</v>
      </c>
      <c r="H85" s="18">
        <v>22138</v>
      </c>
      <c r="I85" s="18">
        <v>310</v>
      </c>
      <c r="J85" s="18">
        <v>6</v>
      </c>
      <c r="K85" s="18">
        <v>55</v>
      </c>
      <c r="L85" s="18">
        <v>244</v>
      </c>
      <c r="M85" s="18">
        <v>13244</v>
      </c>
      <c r="N85" s="18">
        <v>265</v>
      </c>
      <c r="O85" s="18">
        <v>6</v>
      </c>
      <c r="P85" s="18">
        <v>114</v>
      </c>
      <c r="Q85" s="18">
        <v>145</v>
      </c>
      <c r="R85" s="18">
        <v>8894</v>
      </c>
    </row>
    <row r="86" spans="1:18">
      <c r="A86" s="21" t="s">
        <v>2422</v>
      </c>
      <c r="B86" s="10" t="s">
        <v>25</v>
      </c>
      <c r="C86" s="11" t="s">
        <v>25</v>
      </c>
      <c r="D86" s="18">
        <v>315</v>
      </c>
      <c r="E86" s="18">
        <v>3</v>
      </c>
      <c r="F86" s="18">
        <v>112</v>
      </c>
      <c r="G86" s="18">
        <v>200</v>
      </c>
      <c r="H86" s="18">
        <v>11969</v>
      </c>
      <c r="I86" s="18">
        <v>176</v>
      </c>
      <c r="J86" s="18">
        <v>3</v>
      </c>
      <c r="K86" s="18">
        <v>43</v>
      </c>
      <c r="L86" s="18">
        <v>130</v>
      </c>
      <c r="M86" s="18">
        <v>7391</v>
      </c>
      <c r="N86" s="18">
        <v>139</v>
      </c>
      <c r="O86" s="18" t="s">
        <v>35</v>
      </c>
      <c r="P86" s="18">
        <v>69</v>
      </c>
      <c r="Q86" s="18">
        <v>70</v>
      </c>
      <c r="R86" s="18">
        <v>4578</v>
      </c>
    </row>
    <row r="87" spans="1:18">
      <c r="A87" s="21" t="s">
        <v>2423</v>
      </c>
      <c r="B87" s="10" t="s">
        <v>25</v>
      </c>
      <c r="C87" s="11" t="s">
        <v>25</v>
      </c>
      <c r="D87" s="17">
        <v>444</v>
      </c>
      <c r="E87" s="17">
        <v>11</v>
      </c>
      <c r="F87" s="17">
        <v>141</v>
      </c>
      <c r="G87" s="17">
        <v>292</v>
      </c>
      <c r="H87" s="17">
        <v>17099</v>
      </c>
      <c r="I87" s="17">
        <v>258</v>
      </c>
      <c r="J87" s="17">
        <v>8</v>
      </c>
      <c r="K87" s="17">
        <v>53</v>
      </c>
      <c r="L87" s="17">
        <v>197</v>
      </c>
      <c r="M87" s="17">
        <v>10959</v>
      </c>
      <c r="N87" s="17">
        <v>186</v>
      </c>
      <c r="O87" s="17">
        <v>3</v>
      </c>
      <c r="P87" s="17">
        <v>88</v>
      </c>
      <c r="Q87" s="17">
        <v>95</v>
      </c>
      <c r="R87" s="17">
        <v>6140</v>
      </c>
    </row>
    <row r="88" spans="1:18">
      <c r="A88" s="21" t="s">
        <v>2424</v>
      </c>
      <c r="B88" s="10" t="s">
        <v>25</v>
      </c>
      <c r="C88" s="11" t="s">
        <v>25</v>
      </c>
      <c r="D88" s="17">
        <v>1808</v>
      </c>
      <c r="E88" s="17">
        <v>34</v>
      </c>
      <c r="F88" s="17">
        <v>487</v>
      </c>
      <c r="G88" s="17">
        <v>1285</v>
      </c>
      <c r="H88" s="17">
        <v>72715</v>
      </c>
      <c r="I88" s="17">
        <v>1018</v>
      </c>
      <c r="J88" s="17">
        <v>22</v>
      </c>
      <c r="K88" s="17">
        <v>147</v>
      </c>
      <c r="L88" s="17">
        <v>848</v>
      </c>
      <c r="M88" s="17">
        <v>45805</v>
      </c>
      <c r="N88" s="17">
        <v>790</v>
      </c>
      <c r="O88" s="17">
        <v>12</v>
      </c>
      <c r="P88" s="17">
        <v>340</v>
      </c>
      <c r="Q88" s="17">
        <v>437</v>
      </c>
      <c r="R88" s="17">
        <v>26910</v>
      </c>
    </row>
    <row r="89" spans="1:18">
      <c r="A89" s="21" t="s">
        <v>2425</v>
      </c>
      <c r="B89" s="10" t="s">
        <v>25</v>
      </c>
      <c r="C89" s="11" t="s">
        <v>25</v>
      </c>
      <c r="D89" s="17">
        <v>530</v>
      </c>
      <c r="E89" s="17">
        <v>7</v>
      </c>
      <c r="F89" s="17">
        <v>153</v>
      </c>
      <c r="G89" s="17">
        <v>369</v>
      </c>
      <c r="H89" s="17">
        <v>21426</v>
      </c>
      <c r="I89" s="17">
        <v>305</v>
      </c>
      <c r="J89" s="17">
        <v>6</v>
      </c>
      <c r="K89" s="17">
        <v>53</v>
      </c>
      <c r="L89" s="17">
        <v>245</v>
      </c>
      <c r="M89" s="17">
        <v>13529</v>
      </c>
      <c r="N89" s="17">
        <v>225</v>
      </c>
      <c r="O89" s="17">
        <v>1</v>
      </c>
      <c r="P89" s="17">
        <v>100</v>
      </c>
      <c r="Q89" s="17">
        <v>124</v>
      </c>
      <c r="R89" s="17">
        <v>7897</v>
      </c>
    </row>
    <row r="90" spans="1:18">
      <c r="A90" s="21" t="s">
        <v>2426</v>
      </c>
      <c r="B90" s="10" t="s">
        <v>25</v>
      </c>
      <c r="C90" s="11" t="s">
        <v>25</v>
      </c>
      <c r="D90" s="17">
        <v>615</v>
      </c>
      <c r="E90" s="17">
        <v>8</v>
      </c>
      <c r="F90" s="17">
        <v>162</v>
      </c>
      <c r="G90" s="17">
        <v>445</v>
      </c>
      <c r="H90" s="17">
        <v>24826</v>
      </c>
      <c r="I90" s="17">
        <v>347</v>
      </c>
      <c r="J90" s="17">
        <v>5</v>
      </c>
      <c r="K90" s="17">
        <v>47</v>
      </c>
      <c r="L90" s="17">
        <v>295</v>
      </c>
      <c r="M90" s="17">
        <v>15846</v>
      </c>
      <c r="N90" s="17">
        <v>268</v>
      </c>
      <c r="O90" s="17">
        <v>3</v>
      </c>
      <c r="P90" s="17">
        <v>115</v>
      </c>
      <c r="Q90" s="17">
        <v>150</v>
      </c>
      <c r="R90" s="17">
        <v>8980</v>
      </c>
    </row>
    <row r="91" spans="1:18">
      <c r="A91" s="21" t="s">
        <v>2427</v>
      </c>
      <c r="B91" s="10" t="s">
        <v>25</v>
      </c>
      <c r="C91" s="11" t="s">
        <v>25</v>
      </c>
      <c r="D91" s="17">
        <v>663</v>
      </c>
      <c r="E91" s="17">
        <v>19</v>
      </c>
      <c r="F91" s="17">
        <v>172</v>
      </c>
      <c r="G91" s="17">
        <v>471</v>
      </c>
      <c r="H91" s="17">
        <v>26463</v>
      </c>
      <c r="I91" s="17">
        <v>366</v>
      </c>
      <c r="J91" s="17">
        <v>11</v>
      </c>
      <c r="K91" s="17">
        <v>47</v>
      </c>
      <c r="L91" s="17">
        <v>308</v>
      </c>
      <c r="M91" s="17">
        <v>16430</v>
      </c>
      <c r="N91" s="17">
        <v>297</v>
      </c>
      <c r="O91" s="18">
        <v>8</v>
      </c>
      <c r="P91" s="17">
        <v>125</v>
      </c>
      <c r="Q91" s="17">
        <v>163</v>
      </c>
      <c r="R91" s="17">
        <v>10033</v>
      </c>
    </row>
    <row r="92" spans="1:18">
      <c r="A92" s="21" t="s">
        <v>2428</v>
      </c>
      <c r="B92" s="10" t="s">
        <v>25</v>
      </c>
      <c r="C92" s="11" t="s">
        <v>25</v>
      </c>
      <c r="D92" s="17">
        <v>1757</v>
      </c>
      <c r="E92" s="17">
        <v>29</v>
      </c>
      <c r="F92" s="17">
        <v>446</v>
      </c>
      <c r="G92" s="17">
        <v>1282</v>
      </c>
      <c r="H92" s="17">
        <v>72304</v>
      </c>
      <c r="I92" s="17">
        <v>989</v>
      </c>
      <c r="J92" s="17">
        <v>20</v>
      </c>
      <c r="K92" s="17">
        <v>122</v>
      </c>
      <c r="L92" s="17">
        <v>847</v>
      </c>
      <c r="M92" s="17">
        <v>45632</v>
      </c>
      <c r="N92" s="17">
        <v>768</v>
      </c>
      <c r="O92" s="17">
        <v>9</v>
      </c>
      <c r="P92" s="17">
        <v>324</v>
      </c>
      <c r="Q92" s="17">
        <v>435</v>
      </c>
      <c r="R92" s="17">
        <v>26672</v>
      </c>
    </row>
    <row r="93" spans="1:18">
      <c r="A93" s="21" t="s">
        <v>2429</v>
      </c>
      <c r="B93" s="10" t="s">
        <v>25</v>
      </c>
      <c r="C93" s="11" t="s">
        <v>25</v>
      </c>
      <c r="D93" s="17">
        <v>494</v>
      </c>
      <c r="E93" s="17">
        <v>8</v>
      </c>
      <c r="F93" s="17">
        <v>139</v>
      </c>
      <c r="G93" s="17">
        <v>347</v>
      </c>
      <c r="H93" s="17">
        <v>19870</v>
      </c>
      <c r="I93" s="17">
        <v>279</v>
      </c>
      <c r="J93" s="17">
        <v>6</v>
      </c>
      <c r="K93" s="17">
        <v>36</v>
      </c>
      <c r="L93" s="17">
        <v>237</v>
      </c>
      <c r="M93" s="17">
        <v>12744</v>
      </c>
      <c r="N93" s="17">
        <v>215</v>
      </c>
      <c r="O93" s="17">
        <v>2</v>
      </c>
      <c r="P93" s="17">
        <v>103</v>
      </c>
      <c r="Q93" s="17">
        <v>110</v>
      </c>
      <c r="R93" s="17">
        <v>7126</v>
      </c>
    </row>
    <row r="94" spans="1:18">
      <c r="A94" s="21" t="s">
        <v>2430</v>
      </c>
      <c r="B94" s="10" t="s">
        <v>25</v>
      </c>
      <c r="C94" s="11" t="s">
        <v>25</v>
      </c>
      <c r="D94" s="17">
        <v>395</v>
      </c>
      <c r="E94" s="17">
        <v>6</v>
      </c>
      <c r="F94" s="17">
        <v>110</v>
      </c>
      <c r="G94" s="17">
        <v>279</v>
      </c>
      <c r="H94" s="17">
        <v>16060</v>
      </c>
      <c r="I94" s="17">
        <v>215</v>
      </c>
      <c r="J94" s="17">
        <v>4</v>
      </c>
      <c r="K94" s="17">
        <v>30</v>
      </c>
      <c r="L94" s="17">
        <v>181</v>
      </c>
      <c r="M94" s="17">
        <v>9921</v>
      </c>
      <c r="N94" s="17">
        <v>180</v>
      </c>
      <c r="O94" s="17">
        <v>2</v>
      </c>
      <c r="P94" s="17">
        <v>80</v>
      </c>
      <c r="Q94" s="17">
        <v>98</v>
      </c>
      <c r="R94" s="17">
        <v>6139</v>
      </c>
    </row>
    <row r="95" spans="1:18">
      <c r="A95" s="21" t="s">
        <v>2431</v>
      </c>
      <c r="B95" s="10" t="s">
        <v>25</v>
      </c>
      <c r="C95" s="11" t="s">
        <v>25</v>
      </c>
      <c r="D95" s="17">
        <v>868</v>
      </c>
      <c r="E95" s="17">
        <v>15</v>
      </c>
      <c r="F95" s="17">
        <v>197</v>
      </c>
      <c r="G95" s="17">
        <v>656</v>
      </c>
      <c r="H95" s="17">
        <v>36374</v>
      </c>
      <c r="I95" s="17">
        <v>495</v>
      </c>
      <c r="J95" s="17">
        <v>10</v>
      </c>
      <c r="K95" s="17">
        <v>56</v>
      </c>
      <c r="L95" s="17">
        <v>429</v>
      </c>
      <c r="M95" s="17">
        <v>22967</v>
      </c>
      <c r="N95" s="17">
        <v>373</v>
      </c>
      <c r="O95" s="17">
        <v>5</v>
      </c>
      <c r="P95" s="17">
        <v>141</v>
      </c>
      <c r="Q95" s="17">
        <v>227</v>
      </c>
      <c r="R95" s="17">
        <v>13407</v>
      </c>
    </row>
    <row r="96" spans="1:18">
      <c r="A96" s="21" t="s">
        <v>2432</v>
      </c>
      <c r="B96" s="10" t="s">
        <v>25</v>
      </c>
      <c r="C96" s="11" t="s">
        <v>25</v>
      </c>
      <c r="D96" s="17">
        <v>1118</v>
      </c>
      <c r="E96" s="17">
        <v>28</v>
      </c>
      <c r="F96" s="17">
        <v>268</v>
      </c>
      <c r="G96" s="17">
        <v>820</v>
      </c>
      <c r="H96" s="17">
        <v>45734</v>
      </c>
      <c r="I96" s="17">
        <v>650</v>
      </c>
      <c r="J96" s="17">
        <v>18</v>
      </c>
      <c r="K96" s="17">
        <v>85</v>
      </c>
      <c r="L96" s="17">
        <v>546</v>
      </c>
      <c r="M96" s="17">
        <v>29224</v>
      </c>
      <c r="N96" s="17">
        <v>468</v>
      </c>
      <c r="O96" s="17">
        <v>10</v>
      </c>
      <c r="P96" s="17">
        <v>183</v>
      </c>
      <c r="Q96" s="17">
        <v>274</v>
      </c>
      <c r="R96" s="17">
        <v>16510</v>
      </c>
    </row>
    <row r="97" spans="1:18">
      <c r="A97" s="21" t="s">
        <v>2433</v>
      </c>
      <c r="B97" s="10" t="s">
        <v>25</v>
      </c>
      <c r="C97" s="11" t="s">
        <v>25</v>
      </c>
      <c r="D97" s="17">
        <v>618</v>
      </c>
      <c r="E97" s="17">
        <v>15</v>
      </c>
      <c r="F97" s="17">
        <v>139</v>
      </c>
      <c r="G97" s="17">
        <v>462</v>
      </c>
      <c r="H97" s="17">
        <v>25781</v>
      </c>
      <c r="I97" s="17">
        <v>356</v>
      </c>
      <c r="J97" s="17">
        <v>7</v>
      </c>
      <c r="K97" s="17">
        <v>43</v>
      </c>
      <c r="L97" s="17">
        <v>305</v>
      </c>
      <c r="M97" s="17">
        <v>16492</v>
      </c>
      <c r="N97" s="17">
        <v>262</v>
      </c>
      <c r="O97" s="17">
        <v>8</v>
      </c>
      <c r="P97" s="17">
        <v>96</v>
      </c>
      <c r="Q97" s="17">
        <v>157</v>
      </c>
      <c r="R97" s="17">
        <v>9289</v>
      </c>
    </row>
    <row r="98" spans="1:18">
      <c r="A98" s="21" t="s">
        <v>2434</v>
      </c>
      <c r="B98" s="10" t="s">
        <v>25</v>
      </c>
      <c r="C98" s="11" t="s">
        <v>25</v>
      </c>
      <c r="D98" s="17">
        <v>500</v>
      </c>
      <c r="E98" s="17">
        <v>13</v>
      </c>
      <c r="F98" s="17">
        <v>129</v>
      </c>
      <c r="G98" s="17">
        <v>358</v>
      </c>
      <c r="H98" s="17">
        <v>19953</v>
      </c>
      <c r="I98" s="17">
        <v>294</v>
      </c>
      <c r="J98" s="17">
        <v>11</v>
      </c>
      <c r="K98" s="17">
        <v>42</v>
      </c>
      <c r="L98" s="17">
        <v>241</v>
      </c>
      <c r="M98" s="17">
        <v>12732</v>
      </c>
      <c r="N98" s="17">
        <v>206</v>
      </c>
      <c r="O98" s="17">
        <v>2</v>
      </c>
      <c r="P98" s="17">
        <v>87</v>
      </c>
      <c r="Q98" s="17">
        <v>117</v>
      </c>
      <c r="R98" s="17">
        <v>7221</v>
      </c>
    </row>
    <row r="99" spans="1:18">
      <c r="A99" s="21" t="s">
        <v>2435</v>
      </c>
      <c r="B99" s="10" t="s">
        <v>25</v>
      </c>
      <c r="C99" s="11" t="s">
        <v>25</v>
      </c>
      <c r="D99" s="17">
        <v>2144</v>
      </c>
      <c r="E99" s="17">
        <v>32</v>
      </c>
      <c r="F99" s="17">
        <v>625</v>
      </c>
      <c r="G99" s="17">
        <v>1472</v>
      </c>
      <c r="H99" s="17">
        <v>85930</v>
      </c>
      <c r="I99" s="17">
        <v>1201</v>
      </c>
      <c r="J99" s="17">
        <v>18</v>
      </c>
      <c r="K99" s="17">
        <v>186</v>
      </c>
      <c r="L99" s="17">
        <v>983</v>
      </c>
      <c r="M99" s="17">
        <v>54091</v>
      </c>
      <c r="N99" s="17">
        <v>943</v>
      </c>
      <c r="O99" s="17">
        <v>14</v>
      </c>
      <c r="P99" s="17">
        <v>439</v>
      </c>
      <c r="Q99" s="17">
        <v>489</v>
      </c>
      <c r="R99" s="17">
        <v>31839</v>
      </c>
    </row>
    <row r="100" spans="1:18">
      <c r="A100" s="21" t="s">
        <v>2436</v>
      </c>
      <c r="B100" s="10" t="s">
        <v>25</v>
      </c>
      <c r="C100" s="11" t="s">
        <v>25</v>
      </c>
      <c r="D100" s="17">
        <v>770</v>
      </c>
      <c r="E100" s="17">
        <v>11</v>
      </c>
      <c r="F100" s="17">
        <v>246</v>
      </c>
      <c r="G100" s="17">
        <v>501</v>
      </c>
      <c r="H100" s="17">
        <v>29776</v>
      </c>
      <c r="I100" s="17">
        <v>425</v>
      </c>
      <c r="J100" s="17">
        <v>6</v>
      </c>
      <c r="K100" s="17">
        <v>85</v>
      </c>
      <c r="L100" s="17">
        <v>323</v>
      </c>
      <c r="M100" s="17">
        <v>18146</v>
      </c>
      <c r="N100" s="17">
        <v>345</v>
      </c>
      <c r="O100" s="17">
        <v>5</v>
      </c>
      <c r="P100" s="17">
        <v>161</v>
      </c>
      <c r="Q100" s="17">
        <v>178</v>
      </c>
      <c r="R100" s="17">
        <v>11630</v>
      </c>
    </row>
    <row r="101" spans="1:18">
      <c r="A101" s="21" t="s">
        <v>2437</v>
      </c>
      <c r="B101" s="10" t="s">
        <v>25</v>
      </c>
      <c r="C101" s="11" t="s">
        <v>25</v>
      </c>
      <c r="D101" s="17">
        <v>1374</v>
      </c>
      <c r="E101" s="17">
        <v>21</v>
      </c>
      <c r="F101" s="17">
        <v>379</v>
      </c>
      <c r="G101" s="17">
        <v>971</v>
      </c>
      <c r="H101" s="17">
        <v>56154</v>
      </c>
      <c r="I101" s="17">
        <v>776</v>
      </c>
      <c r="J101" s="17">
        <v>12</v>
      </c>
      <c r="K101" s="17">
        <v>101</v>
      </c>
      <c r="L101" s="17">
        <v>660</v>
      </c>
      <c r="M101" s="17">
        <v>35945</v>
      </c>
      <c r="N101" s="17">
        <v>598</v>
      </c>
      <c r="O101" s="17">
        <v>9</v>
      </c>
      <c r="P101" s="17">
        <v>278</v>
      </c>
      <c r="Q101" s="17">
        <v>311</v>
      </c>
      <c r="R101" s="17">
        <v>20209</v>
      </c>
    </row>
    <row r="102" spans="1:18">
      <c r="A102" s="21" t="s">
        <v>2438</v>
      </c>
      <c r="B102" s="10" t="s">
        <v>25</v>
      </c>
      <c r="C102" s="11" t="s">
        <v>25</v>
      </c>
      <c r="D102" s="17">
        <v>1626</v>
      </c>
      <c r="E102" s="18">
        <v>28</v>
      </c>
      <c r="F102" s="17">
        <v>422</v>
      </c>
      <c r="G102" s="17">
        <v>1172</v>
      </c>
      <c r="H102" s="17">
        <v>65574</v>
      </c>
      <c r="I102" s="17">
        <v>935</v>
      </c>
      <c r="J102" s="18">
        <v>19</v>
      </c>
      <c r="K102" s="17">
        <v>138</v>
      </c>
      <c r="L102" s="17">
        <v>776</v>
      </c>
      <c r="M102" s="17">
        <v>42054</v>
      </c>
      <c r="N102" s="17">
        <v>691</v>
      </c>
      <c r="O102" s="18">
        <v>9</v>
      </c>
      <c r="P102" s="17">
        <v>284</v>
      </c>
      <c r="Q102" s="17">
        <v>396</v>
      </c>
      <c r="R102" s="17">
        <v>23520</v>
      </c>
    </row>
    <row r="103" spans="1:18">
      <c r="A103" s="21" t="s">
        <v>2439</v>
      </c>
      <c r="B103" s="10" t="s">
        <v>25</v>
      </c>
      <c r="C103" s="11" t="s">
        <v>25</v>
      </c>
      <c r="D103" s="17">
        <v>756</v>
      </c>
      <c r="E103" s="17">
        <v>18</v>
      </c>
      <c r="F103" s="17">
        <v>195</v>
      </c>
      <c r="G103" s="17">
        <v>539</v>
      </c>
      <c r="H103" s="17">
        <v>30266</v>
      </c>
      <c r="I103" s="17">
        <v>439</v>
      </c>
      <c r="J103" s="17">
        <v>12</v>
      </c>
      <c r="K103" s="17">
        <v>59</v>
      </c>
      <c r="L103" s="17">
        <v>366</v>
      </c>
      <c r="M103" s="17">
        <v>19810</v>
      </c>
      <c r="N103" s="17">
        <v>317</v>
      </c>
      <c r="O103" s="17">
        <v>6</v>
      </c>
      <c r="P103" s="17">
        <v>136</v>
      </c>
      <c r="Q103" s="17">
        <v>173</v>
      </c>
      <c r="R103" s="17">
        <v>10456</v>
      </c>
    </row>
    <row r="104" spans="1:18">
      <c r="A104" s="21" t="s">
        <v>2440</v>
      </c>
      <c r="B104" s="10" t="s">
        <v>25</v>
      </c>
      <c r="C104" s="11" t="s">
        <v>25</v>
      </c>
      <c r="D104" s="17">
        <v>870</v>
      </c>
      <c r="E104" s="17">
        <v>10</v>
      </c>
      <c r="F104" s="17">
        <v>227</v>
      </c>
      <c r="G104" s="17">
        <v>633</v>
      </c>
      <c r="H104" s="17">
        <v>35308</v>
      </c>
      <c r="I104" s="17">
        <v>496</v>
      </c>
      <c r="J104" s="17">
        <v>7</v>
      </c>
      <c r="K104" s="17">
        <v>79</v>
      </c>
      <c r="L104" s="17">
        <v>410</v>
      </c>
      <c r="M104" s="17">
        <v>22244</v>
      </c>
      <c r="N104" s="17">
        <v>374</v>
      </c>
      <c r="O104" s="17">
        <v>3</v>
      </c>
      <c r="P104" s="17">
        <v>148</v>
      </c>
      <c r="Q104" s="17">
        <v>223</v>
      </c>
      <c r="R104" s="17">
        <v>13064</v>
      </c>
    </row>
    <row r="105" spans="1:18">
      <c r="A105" s="21" t="s">
        <v>2441</v>
      </c>
      <c r="B105" s="10" t="s">
        <v>25</v>
      </c>
      <c r="C105" s="11" t="s">
        <v>25</v>
      </c>
      <c r="D105" s="17">
        <v>1985</v>
      </c>
      <c r="E105" s="17">
        <v>34</v>
      </c>
      <c r="F105" s="17">
        <v>492</v>
      </c>
      <c r="G105" s="17">
        <v>1451</v>
      </c>
      <c r="H105" s="17">
        <v>80989</v>
      </c>
      <c r="I105" s="17">
        <v>1144</v>
      </c>
      <c r="J105" s="17">
        <v>22</v>
      </c>
      <c r="K105" s="17">
        <v>146</v>
      </c>
      <c r="L105" s="17">
        <v>970</v>
      </c>
      <c r="M105" s="17">
        <v>52049</v>
      </c>
      <c r="N105" s="17">
        <v>841</v>
      </c>
      <c r="O105" s="17">
        <v>12</v>
      </c>
      <c r="P105" s="17">
        <v>346</v>
      </c>
      <c r="Q105" s="17">
        <v>481</v>
      </c>
      <c r="R105" s="17">
        <v>28940</v>
      </c>
    </row>
    <row r="106" spans="1:18">
      <c r="A106" s="21" t="s">
        <v>2442</v>
      </c>
      <c r="B106" s="10" t="s">
        <v>25</v>
      </c>
      <c r="C106" s="11" t="s">
        <v>25</v>
      </c>
      <c r="D106" s="17">
        <v>1203</v>
      </c>
      <c r="E106" s="17">
        <v>18</v>
      </c>
      <c r="F106" s="17">
        <v>290</v>
      </c>
      <c r="G106" s="17">
        <v>889</v>
      </c>
      <c r="H106" s="17">
        <v>49578</v>
      </c>
      <c r="I106" s="17">
        <v>693</v>
      </c>
      <c r="J106" s="17">
        <v>13</v>
      </c>
      <c r="K106" s="17">
        <v>86</v>
      </c>
      <c r="L106" s="17">
        <v>589</v>
      </c>
      <c r="M106" s="17">
        <v>31536</v>
      </c>
      <c r="N106" s="17">
        <v>510</v>
      </c>
      <c r="O106" s="17">
        <v>5</v>
      </c>
      <c r="P106" s="17">
        <v>204</v>
      </c>
      <c r="Q106" s="17">
        <v>300</v>
      </c>
      <c r="R106" s="17">
        <v>18042</v>
      </c>
    </row>
    <row r="107" spans="1:18">
      <c r="A107" s="21" t="s">
        <v>2443</v>
      </c>
      <c r="B107" s="10" t="s">
        <v>25</v>
      </c>
      <c r="C107" s="11" t="s">
        <v>25</v>
      </c>
      <c r="D107" s="17">
        <v>782</v>
      </c>
      <c r="E107" s="17">
        <v>16</v>
      </c>
      <c r="F107" s="17">
        <v>202</v>
      </c>
      <c r="G107" s="17">
        <v>562</v>
      </c>
      <c r="H107" s="17">
        <v>31411</v>
      </c>
      <c r="I107" s="17">
        <v>451</v>
      </c>
      <c r="J107" s="17">
        <v>9</v>
      </c>
      <c r="K107" s="17">
        <v>60</v>
      </c>
      <c r="L107" s="17">
        <v>381</v>
      </c>
      <c r="M107" s="17">
        <v>20513</v>
      </c>
      <c r="N107" s="17">
        <v>331</v>
      </c>
      <c r="O107" s="17">
        <v>7</v>
      </c>
      <c r="P107" s="17">
        <v>142</v>
      </c>
      <c r="Q107" s="17">
        <v>181</v>
      </c>
      <c r="R107" s="17">
        <v>10898</v>
      </c>
    </row>
    <row r="108" spans="1:18">
      <c r="A108" s="21" t="s">
        <v>2444</v>
      </c>
      <c r="B108" s="10" t="s">
        <v>25</v>
      </c>
      <c r="C108" s="11" t="s">
        <v>25</v>
      </c>
      <c r="D108" s="17">
        <v>1348</v>
      </c>
      <c r="E108" s="17">
        <v>45</v>
      </c>
      <c r="F108" s="17">
        <v>382</v>
      </c>
      <c r="G108" s="17">
        <v>908</v>
      </c>
      <c r="H108" s="17">
        <v>50810</v>
      </c>
      <c r="I108" s="17">
        <v>847</v>
      </c>
      <c r="J108" s="17">
        <v>29</v>
      </c>
      <c r="K108" s="17">
        <v>170</v>
      </c>
      <c r="L108" s="17">
        <v>639</v>
      </c>
      <c r="M108" s="17">
        <v>34442</v>
      </c>
      <c r="N108" s="17">
        <v>501</v>
      </c>
      <c r="O108" s="17">
        <v>16</v>
      </c>
      <c r="P108" s="17">
        <v>212</v>
      </c>
      <c r="Q108" s="17">
        <v>269</v>
      </c>
      <c r="R108" s="17">
        <v>16368</v>
      </c>
    </row>
    <row r="109" spans="1:18">
      <c r="A109" s="21" t="s">
        <v>2445</v>
      </c>
      <c r="B109" s="10" t="s">
        <v>25</v>
      </c>
      <c r="C109" s="11" t="s">
        <v>25</v>
      </c>
      <c r="D109" s="17">
        <v>83</v>
      </c>
      <c r="E109" s="17">
        <v>8</v>
      </c>
      <c r="F109" s="17">
        <v>23</v>
      </c>
      <c r="G109" s="17">
        <v>48</v>
      </c>
      <c r="H109" s="17">
        <v>2815</v>
      </c>
      <c r="I109" s="17">
        <v>53</v>
      </c>
      <c r="J109" s="17">
        <v>4</v>
      </c>
      <c r="K109" s="17">
        <v>11</v>
      </c>
      <c r="L109" s="17">
        <v>35</v>
      </c>
      <c r="M109" s="17">
        <v>1911</v>
      </c>
      <c r="N109" s="17">
        <v>30</v>
      </c>
      <c r="O109" s="17">
        <v>4</v>
      </c>
      <c r="P109" s="17">
        <v>12</v>
      </c>
      <c r="Q109" s="17">
        <v>13</v>
      </c>
      <c r="R109" s="17">
        <v>904</v>
      </c>
    </row>
    <row r="110" spans="1:18">
      <c r="A110" s="21" t="s">
        <v>2446</v>
      </c>
      <c r="B110" s="10" t="s">
        <v>25</v>
      </c>
      <c r="C110" s="11" t="s">
        <v>25</v>
      </c>
      <c r="D110" s="17">
        <v>130</v>
      </c>
      <c r="E110" s="17">
        <v>11</v>
      </c>
      <c r="F110" s="17">
        <v>41</v>
      </c>
      <c r="G110" s="17">
        <v>78</v>
      </c>
      <c r="H110" s="17">
        <v>4508</v>
      </c>
      <c r="I110" s="17">
        <v>73</v>
      </c>
      <c r="J110" s="17">
        <v>9</v>
      </c>
      <c r="K110" s="17">
        <v>14</v>
      </c>
      <c r="L110" s="17">
        <v>50</v>
      </c>
      <c r="M110" s="17">
        <v>2822</v>
      </c>
      <c r="N110" s="17">
        <v>57</v>
      </c>
      <c r="O110" s="17">
        <v>2</v>
      </c>
      <c r="P110" s="17">
        <v>27</v>
      </c>
      <c r="Q110" s="17">
        <v>28</v>
      </c>
      <c r="R110" s="17">
        <v>1686</v>
      </c>
    </row>
    <row r="111" spans="1:18">
      <c r="A111" s="21" t="s">
        <v>2447</v>
      </c>
      <c r="B111" s="10" t="s">
        <v>25</v>
      </c>
      <c r="C111" s="11" t="s">
        <v>25</v>
      </c>
      <c r="D111" s="17">
        <v>288</v>
      </c>
      <c r="E111" s="17">
        <v>12</v>
      </c>
      <c r="F111" s="17">
        <v>77</v>
      </c>
      <c r="G111" s="17">
        <v>197</v>
      </c>
      <c r="H111" s="17">
        <v>10605</v>
      </c>
      <c r="I111" s="17">
        <v>159</v>
      </c>
      <c r="J111" s="17">
        <v>5</v>
      </c>
      <c r="K111" s="17">
        <v>32</v>
      </c>
      <c r="L111" s="17">
        <v>121</v>
      </c>
      <c r="M111" s="17">
        <v>6393</v>
      </c>
      <c r="N111" s="17">
        <v>129</v>
      </c>
      <c r="O111" s="17">
        <v>7</v>
      </c>
      <c r="P111" s="17">
        <v>45</v>
      </c>
      <c r="Q111" s="17">
        <v>76</v>
      </c>
      <c r="R111" s="17">
        <v>4212</v>
      </c>
    </row>
    <row r="112" spans="1:18">
      <c r="A112" s="21" t="s">
        <v>2448</v>
      </c>
      <c r="B112" s="10" t="s">
        <v>25</v>
      </c>
      <c r="C112" s="11" t="s">
        <v>25</v>
      </c>
      <c r="D112" s="17">
        <v>847</v>
      </c>
      <c r="E112" s="17">
        <v>14</v>
      </c>
      <c r="F112" s="17">
        <v>241</v>
      </c>
      <c r="G112" s="17">
        <v>585</v>
      </c>
      <c r="H112" s="17">
        <v>32882</v>
      </c>
      <c r="I112" s="17">
        <v>562</v>
      </c>
      <c r="J112" s="17">
        <v>11</v>
      </c>
      <c r="K112" s="17">
        <v>113</v>
      </c>
      <c r="L112" s="17">
        <v>433</v>
      </c>
      <c r="M112" s="17">
        <v>23316</v>
      </c>
      <c r="N112" s="17">
        <v>285</v>
      </c>
      <c r="O112" s="17">
        <v>3</v>
      </c>
      <c r="P112" s="17">
        <v>128</v>
      </c>
      <c r="Q112" s="17">
        <v>152</v>
      </c>
      <c r="R112" s="17">
        <v>9566</v>
      </c>
    </row>
    <row r="113" spans="1:18">
      <c r="A113" s="21" t="s">
        <v>2449</v>
      </c>
      <c r="B113" s="10" t="s">
        <v>25</v>
      </c>
      <c r="C113" s="11" t="s">
        <v>25</v>
      </c>
      <c r="D113" s="17">
        <v>1145</v>
      </c>
      <c r="E113" s="17">
        <v>13</v>
      </c>
      <c r="F113" s="17">
        <v>309</v>
      </c>
      <c r="G113" s="17">
        <v>821</v>
      </c>
      <c r="H113" s="17">
        <v>45875</v>
      </c>
      <c r="I113" s="17">
        <v>660</v>
      </c>
      <c r="J113" s="17">
        <v>8</v>
      </c>
      <c r="K113" s="17">
        <v>95</v>
      </c>
      <c r="L113" s="17">
        <v>555</v>
      </c>
      <c r="M113" s="17">
        <v>29685</v>
      </c>
      <c r="N113" s="17">
        <v>485</v>
      </c>
      <c r="O113" s="17">
        <v>5</v>
      </c>
      <c r="P113" s="17">
        <v>214</v>
      </c>
      <c r="Q113" s="17">
        <v>266</v>
      </c>
      <c r="R113" s="17">
        <v>16190</v>
      </c>
    </row>
    <row r="114" spans="1:18">
      <c r="A114" s="21" t="s">
        <v>2450</v>
      </c>
      <c r="B114" s="10" t="s">
        <v>25</v>
      </c>
      <c r="C114" s="11" t="s">
        <v>25</v>
      </c>
      <c r="D114" s="18">
        <v>369</v>
      </c>
      <c r="E114" s="18" t="s">
        <v>35</v>
      </c>
      <c r="F114" s="18">
        <v>108</v>
      </c>
      <c r="G114" s="18">
        <v>261</v>
      </c>
      <c r="H114" s="18">
        <v>14530</v>
      </c>
      <c r="I114" s="18">
        <v>219</v>
      </c>
      <c r="J114" s="18" t="s">
        <v>35</v>
      </c>
      <c r="K114" s="18">
        <v>36</v>
      </c>
      <c r="L114" s="18">
        <v>183</v>
      </c>
      <c r="M114" s="18">
        <v>9654</v>
      </c>
      <c r="N114" s="18">
        <v>150</v>
      </c>
      <c r="O114" s="18" t="s">
        <v>35</v>
      </c>
      <c r="P114" s="18">
        <v>72</v>
      </c>
      <c r="Q114" s="18">
        <v>78</v>
      </c>
      <c r="R114" s="18">
        <v>4876</v>
      </c>
    </row>
    <row r="115" spans="1:18">
      <c r="A115" s="21" t="s">
        <v>2451</v>
      </c>
      <c r="B115" s="10" t="s">
        <v>25</v>
      </c>
      <c r="C115" s="11" t="s">
        <v>25</v>
      </c>
      <c r="D115" s="18">
        <v>141</v>
      </c>
      <c r="E115" s="18">
        <v>3</v>
      </c>
      <c r="F115" s="18">
        <v>32</v>
      </c>
      <c r="G115" s="18">
        <v>106</v>
      </c>
      <c r="H115" s="18">
        <v>5724</v>
      </c>
      <c r="I115" s="18">
        <v>81</v>
      </c>
      <c r="J115" s="18">
        <v>3</v>
      </c>
      <c r="K115" s="18">
        <v>12</v>
      </c>
      <c r="L115" s="18">
        <v>66</v>
      </c>
      <c r="M115" s="18">
        <v>3602</v>
      </c>
      <c r="N115" s="18">
        <v>60</v>
      </c>
      <c r="O115" s="18" t="s">
        <v>35</v>
      </c>
      <c r="P115" s="18">
        <v>20</v>
      </c>
      <c r="Q115" s="18">
        <v>40</v>
      </c>
      <c r="R115" s="18">
        <v>2122</v>
      </c>
    </row>
    <row r="116" spans="1:18">
      <c r="A116" s="21" t="s">
        <v>2452</v>
      </c>
      <c r="B116" s="10" t="s">
        <v>25</v>
      </c>
      <c r="C116" s="11" t="s">
        <v>25</v>
      </c>
      <c r="D116" s="17">
        <v>635</v>
      </c>
      <c r="E116" s="17">
        <v>10</v>
      </c>
      <c r="F116" s="17">
        <v>169</v>
      </c>
      <c r="G116" s="17">
        <v>454</v>
      </c>
      <c r="H116" s="17">
        <v>25621</v>
      </c>
      <c r="I116" s="17">
        <v>360</v>
      </c>
      <c r="J116" s="17">
        <v>5</v>
      </c>
      <c r="K116" s="17">
        <v>47</v>
      </c>
      <c r="L116" s="17">
        <v>306</v>
      </c>
      <c r="M116" s="17">
        <v>16429</v>
      </c>
      <c r="N116" s="17">
        <v>275</v>
      </c>
      <c r="O116" s="17">
        <v>5</v>
      </c>
      <c r="P116" s="17">
        <v>122</v>
      </c>
      <c r="Q116" s="17">
        <v>148</v>
      </c>
      <c r="R116" s="17">
        <v>9192</v>
      </c>
    </row>
    <row r="117" spans="1:18">
      <c r="A117" s="21" t="s">
        <v>2453</v>
      </c>
      <c r="B117" s="10" t="s">
        <v>25</v>
      </c>
      <c r="C117" s="11" t="s">
        <v>25</v>
      </c>
      <c r="D117" s="17">
        <v>3588</v>
      </c>
      <c r="E117" s="18">
        <v>92</v>
      </c>
      <c r="F117" s="17">
        <v>1012</v>
      </c>
      <c r="G117" s="17">
        <v>2463</v>
      </c>
      <c r="H117" s="17">
        <v>138423</v>
      </c>
      <c r="I117" s="17">
        <v>2127</v>
      </c>
      <c r="J117" s="18">
        <v>57</v>
      </c>
      <c r="K117" s="17">
        <v>329</v>
      </c>
      <c r="L117" s="17">
        <v>1727</v>
      </c>
      <c r="M117" s="17">
        <v>92238</v>
      </c>
      <c r="N117" s="17">
        <v>1461</v>
      </c>
      <c r="O117" s="18">
        <v>35</v>
      </c>
      <c r="P117" s="17">
        <v>683</v>
      </c>
      <c r="Q117" s="17">
        <v>736</v>
      </c>
      <c r="R117" s="17">
        <v>46185</v>
      </c>
    </row>
    <row r="118" spans="1:18">
      <c r="A118" s="21" t="s">
        <v>2454</v>
      </c>
      <c r="B118" s="10" t="s">
        <v>25</v>
      </c>
      <c r="C118" s="11" t="s">
        <v>25</v>
      </c>
      <c r="D118" s="17">
        <v>236</v>
      </c>
      <c r="E118" s="17">
        <v>7</v>
      </c>
      <c r="F118" s="17">
        <v>73</v>
      </c>
      <c r="G118" s="17">
        <v>155</v>
      </c>
      <c r="H118" s="17">
        <v>8824</v>
      </c>
      <c r="I118" s="17">
        <v>151</v>
      </c>
      <c r="J118" s="18">
        <v>5</v>
      </c>
      <c r="K118" s="17">
        <v>24</v>
      </c>
      <c r="L118" s="17">
        <v>121</v>
      </c>
      <c r="M118" s="17">
        <v>6379</v>
      </c>
      <c r="N118" s="17">
        <v>85</v>
      </c>
      <c r="O118" s="17">
        <v>2</v>
      </c>
      <c r="P118" s="17">
        <v>49</v>
      </c>
      <c r="Q118" s="17">
        <v>34</v>
      </c>
      <c r="R118" s="17">
        <v>2445</v>
      </c>
    </row>
    <row r="119" spans="1:18">
      <c r="A119" s="21" t="s">
        <v>2455</v>
      </c>
      <c r="B119" s="10" t="s">
        <v>25</v>
      </c>
      <c r="C119" s="11" t="s">
        <v>25</v>
      </c>
      <c r="D119" s="17">
        <v>448</v>
      </c>
      <c r="E119" s="18">
        <v>8</v>
      </c>
      <c r="F119" s="17">
        <v>126</v>
      </c>
      <c r="G119" s="17">
        <v>311</v>
      </c>
      <c r="H119" s="17">
        <v>17157</v>
      </c>
      <c r="I119" s="17">
        <v>272</v>
      </c>
      <c r="J119" s="18">
        <v>5</v>
      </c>
      <c r="K119" s="17">
        <v>43</v>
      </c>
      <c r="L119" s="17">
        <v>221</v>
      </c>
      <c r="M119" s="17">
        <v>11461</v>
      </c>
      <c r="N119" s="17">
        <v>176</v>
      </c>
      <c r="O119" s="18">
        <v>3</v>
      </c>
      <c r="P119" s="17">
        <v>83</v>
      </c>
      <c r="Q119" s="17">
        <v>90</v>
      </c>
      <c r="R119" s="17">
        <v>5696</v>
      </c>
    </row>
    <row r="120" spans="1:18">
      <c r="A120" s="21" t="s">
        <v>2456</v>
      </c>
      <c r="B120" s="10" t="s">
        <v>25</v>
      </c>
      <c r="C120" s="11" t="s">
        <v>25</v>
      </c>
      <c r="D120" s="17">
        <v>562</v>
      </c>
      <c r="E120" s="17">
        <v>21</v>
      </c>
      <c r="F120" s="17">
        <v>162</v>
      </c>
      <c r="G120" s="17">
        <v>377</v>
      </c>
      <c r="H120" s="17">
        <v>20757</v>
      </c>
      <c r="I120" s="17">
        <v>328</v>
      </c>
      <c r="J120" s="17">
        <v>14</v>
      </c>
      <c r="K120" s="17">
        <v>63</v>
      </c>
      <c r="L120" s="17">
        <v>250</v>
      </c>
      <c r="M120" s="17">
        <v>13401</v>
      </c>
      <c r="N120" s="17">
        <v>234</v>
      </c>
      <c r="O120" s="17">
        <v>7</v>
      </c>
      <c r="P120" s="17">
        <v>99</v>
      </c>
      <c r="Q120" s="17">
        <v>127</v>
      </c>
      <c r="R120" s="17">
        <v>7356</v>
      </c>
    </row>
    <row r="121" spans="1:18">
      <c r="A121" s="21" t="s">
        <v>2457</v>
      </c>
      <c r="B121" s="10" t="s">
        <v>25</v>
      </c>
      <c r="C121" s="11" t="s">
        <v>25</v>
      </c>
      <c r="D121" s="17">
        <v>661</v>
      </c>
      <c r="E121" s="17">
        <v>11</v>
      </c>
      <c r="F121" s="17">
        <v>185</v>
      </c>
      <c r="G121" s="17">
        <v>462</v>
      </c>
      <c r="H121" s="17">
        <v>25402</v>
      </c>
      <c r="I121" s="17">
        <v>392</v>
      </c>
      <c r="J121" s="17">
        <v>8</v>
      </c>
      <c r="K121" s="17">
        <v>48</v>
      </c>
      <c r="L121" s="17">
        <v>333</v>
      </c>
      <c r="M121" s="17">
        <v>17145</v>
      </c>
      <c r="N121" s="17">
        <v>269</v>
      </c>
      <c r="O121" s="17">
        <v>3</v>
      </c>
      <c r="P121" s="17">
        <v>137</v>
      </c>
      <c r="Q121" s="17">
        <v>129</v>
      </c>
      <c r="R121" s="17">
        <v>8257</v>
      </c>
    </row>
    <row r="122" spans="1:18">
      <c r="A122" s="21" t="s">
        <v>2458</v>
      </c>
      <c r="B122" s="10" t="s">
        <v>25</v>
      </c>
      <c r="C122" s="11" t="s">
        <v>25</v>
      </c>
      <c r="D122" s="17">
        <v>122</v>
      </c>
      <c r="E122" s="17">
        <v>4</v>
      </c>
      <c r="F122" s="17">
        <v>30</v>
      </c>
      <c r="G122" s="17">
        <v>87</v>
      </c>
      <c r="H122" s="17">
        <v>4967</v>
      </c>
      <c r="I122" s="17">
        <v>71</v>
      </c>
      <c r="J122" s="17">
        <v>1</v>
      </c>
      <c r="K122" s="17">
        <v>10</v>
      </c>
      <c r="L122" s="17">
        <v>59</v>
      </c>
      <c r="M122" s="17">
        <v>3391</v>
      </c>
      <c r="N122" s="17">
        <v>51</v>
      </c>
      <c r="O122" s="17">
        <v>3</v>
      </c>
      <c r="P122" s="17">
        <v>20</v>
      </c>
      <c r="Q122" s="17">
        <v>28</v>
      </c>
      <c r="R122" s="17">
        <v>1576</v>
      </c>
    </row>
    <row r="123" spans="1:18">
      <c r="A123" s="21" t="s">
        <v>2459</v>
      </c>
      <c r="B123" s="10" t="s">
        <v>25</v>
      </c>
      <c r="C123" s="11" t="s">
        <v>25</v>
      </c>
      <c r="D123" s="17">
        <v>369</v>
      </c>
      <c r="E123" s="17">
        <v>14</v>
      </c>
      <c r="F123" s="17">
        <v>104</v>
      </c>
      <c r="G123" s="17">
        <v>249</v>
      </c>
      <c r="H123" s="17">
        <v>14405</v>
      </c>
      <c r="I123" s="17">
        <v>230</v>
      </c>
      <c r="J123" s="17">
        <v>9</v>
      </c>
      <c r="K123" s="17">
        <v>37</v>
      </c>
      <c r="L123" s="17">
        <v>182</v>
      </c>
      <c r="M123" s="17">
        <v>10034</v>
      </c>
      <c r="N123" s="17">
        <v>139</v>
      </c>
      <c r="O123" s="17">
        <v>5</v>
      </c>
      <c r="P123" s="17">
        <v>67</v>
      </c>
      <c r="Q123" s="17">
        <v>67</v>
      </c>
      <c r="R123" s="17">
        <v>4371</v>
      </c>
    </row>
    <row r="124" spans="1:18">
      <c r="A124" s="21" t="s">
        <v>2460</v>
      </c>
      <c r="B124" s="10" t="s">
        <v>25</v>
      </c>
      <c r="C124" s="11" t="s">
        <v>25</v>
      </c>
      <c r="D124" s="17">
        <v>1190</v>
      </c>
      <c r="E124" s="17">
        <v>27</v>
      </c>
      <c r="F124" s="17">
        <v>332</v>
      </c>
      <c r="G124" s="17">
        <v>822</v>
      </c>
      <c r="H124" s="17">
        <v>46911</v>
      </c>
      <c r="I124" s="17">
        <v>683</v>
      </c>
      <c r="J124" s="17">
        <v>15</v>
      </c>
      <c r="K124" s="17">
        <v>104</v>
      </c>
      <c r="L124" s="17">
        <v>561</v>
      </c>
      <c r="M124" s="17">
        <v>30427</v>
      </c>
      <c r="N124" s="17">
        <v>507</v>
      </c>
      <c r="O124" s="17">
        <v>12</v>
      </c>
      <c r="P124" s="17">
        <v>228</v>
      </c>
      <c r="Q124" s="17">
        <v>261</v>
      </c>
      <c r="R124" s="17">
        <v>16484</v>
      </c>
    </row>
    <row r="125" spans="1:18">
      <c r="B125" s="28"/>
      <c r="C125" s="28"/>
    </row>
    <row r="126" spans="1:18">
      <c r="B126" s="28"/>
      <c r="C126" s="28"/>
    </row>
    <row r="127" spans="1:18">
      <c r="B127" s="28"/>
      <c r="C127" s="28"/>
    </row>
    <row r="128" spans="1:18">
      <c r="B128" s="28"/>
      <c r="C128" s="28"/>
    </row>
    <row r="129" spans="2:3">
      <c r="B129" s="28"/>
      <c r="C129" s="28"/>
    </row>
    <row r="130" spans="2:3">
      <c r="B130" s="28"/>
      <c r="C130" s="28"/>
    </row>
    <row r="131" spans="2:3">
      <c r="B131" s="28"/>
      <c r="C131" s="28"/>
    </row>
    <row r="132" spans="2:3">
      <c r="B132" s="28"/>
      <c r="C132" s="28"/>
    </row>
    <row r="133" spans="2:3">
      <c r="B133" s="28"/>
      <c r="C133" s="28"/>
    </row>
    <row r="134" spans="2:3">
      <c r="B134" s="28"/>
      <c r="C134" s="28"/>
    </row>
    <row r="135" spans="2:3">
      <c r="B135" s="28"/>
      <c r="C135" s="28"/>
    </row>
    <row r="136" spans="2:3">
      <c r="B136" s="28"/>
      <c r="C136" s="28"/>
    </row>
    <row r="137" spans="2:3">
      <c r="B137" s="28"/>
      <c r="C137" s="28"/>
    </row>
    <row r="138" spans="2:3">
      <c r="B138" s="28"/>
      <c r="C138" s="28"/>
    </row>
    <row r="139" spans="2:3">
      <c r="B139" s="28"/>
      <c r="C139" s="28"/>
    </row>
    <row r="140" spans="2:3">
      <c r="B140" s="28"/>
      <c r="C140" s="28"/>
    </row>
    <row r="141" spans="2:3">
      <c r="B141" s="28"/>
      <c r="C141" s="28"/>
    </row>
  </sheetData>
  <mergeCells count="7">
    <mergeCell ref="A3:R3"/>
    <mergeCell ref="A1:D1"/>
    <mergeCell ref="A6:A7"/>
    <mergeCell ref="B6:C7"/>
    <mergeCell ref="D6:H6"/>
    <mergeCell ref="I6:M6"/>
    <mergeCell ref="N6:R6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65" fitToHeight="0" pageOrder="overThenDown" orientation="landscape" horizontalDpi="300" verticalDpi="300" r:id="rId1"/>
  <headerFooter alignWithMargins="0"/>
  <rowBreaks count="1" manualBreakCount="1">
    <brk id="91" max="17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R86"/>
  <sheetViews>
    <sheetView zoomScaleNormal="100" workbookViewId="0">
      <selection activeCell="H16" sqref="H16"/>
    </sheetView>
  </sheetViews>
  <sheetFormatPr defaultRowHeight="13.5"/>
  <cols>
    <col min="1" max="1" width="25.83203125" style="12" customWidth="1"/>
    <col min="2" max="3" width="4.83203125" style="12" customWidth="1"/>
    <col min="4" max="4" width="22.1640625" style="9" customWidth="1"/>
    <col min="5" max="5" width="13.6640625" style="9" bestFit="1" customWidth="1"/>
    <col min="6" max="7" width="19.5" style="9" bestFit="1" customWidth="1"/>
    <col min="8" max="8" width="30.33203125" style="9" bestFit="1" customWidth="1"/>
    <col min="9" max="9" width="22.1640625" style="9" customWidth="1"/>
    <col min="10" max="10" width="13.6640625" style="9" bestFit="1" customWidth="1"/>
    <col min="11" max="12" width="19.5" style="9" bestFit="1" customWidth="1"/>
    <col min="13" max="13" width="30.33203125" style="9" bestFit="1" customWidth="1"/>
    <col min="14" max="14" width="22.6640625" style="9" customWidth="1"/>
    <col min="15" max="15" width="13.6640625" style="9" bestFit="1" customWidth="1"/>
    <col min="16" max="17" width="19.5" style="9" bestFit="1" customWidth="1"/>
    <col min="18" max="18" width="30.33203125" style="9" bestFit="1" customWidth="1"/>
    <col min="19" max="16384" width="9.33203125" style="9"/>
  </cols>
  <sheetData>
    <row r="1" spans="1:18" s="1" customFormat="1" ht="16.5" customHeight="1">
      <c r="A1" s="37" t="s">
        <v>0</v>
      </c>
      <c r="B1" s="37"/>
      <c r="C1" s="37"/>
      <c r="D1" s="37"/>
      <c r="I1" s="2"/>
      <c r="J1" s="2"/>
      <c r="K1" s="2"/>
      <c r="L1" s="2"/>
      <c r="M1" s="2"/>
      <c r="N1" s="2"/>
      <c r="O1" s="2"/>
    </row>
    <row r="2" spans="1:18" s="1" customFormat="1" ht="16.5" customHeight="1">
      <c r="I2" s="2"/>
      <c r="J2" s="2"/>
      <c r="K2" s="2"/>
      <c r="L2" s="2"/>
      <c r="M2" s="2"/>
      <c r="N2" s="2"/>
      <c r="O2" s="2"/>
    </row>
    <row r="3" spans="1:18">
      <c r="A3" s="38" t="s">
        <v>2462</v>
      </c>
      <c r="B3" s="38"/>
      <c r="C3" s="38"/>
      <c r="D3" s="38"/>
      <c r="E3" s="38"/>
      <c r="F3" s="38"/>
      <c r="G3" s="38"/>
      <c r="H3" s="38"/>
      <c r="I3" s="38"/>
      <c r="J3" s="38"/>
      <c r="K3" s="38"/>
      <c r="L3" s="38"/>
      <c r="M3" s="38"/>
      <c r="N3" s="38"/>
      <c r="O3" s="38"/>
      <c r="P3" s="38"/>
      <c r="Q3" s="38"/>
      <c r="R3" s="38"/>
    </row>
    <row r="4" spans="1:18">
      <c r="A4" s="9"/>
      <c r="B4" s="9"/>
      <c r="C4" s="9"/>
    </row>
    <row r="6" spans="1:18" ht="13.5" customHeight="1">
      <c r="A6" s="48" t="s">
        <v>26</v>
      </c>
      <c r="B6" s="41" t="s">
        <v>27</v>
      </c>
      <c r="C6" s="42"/>
      <c r="D6" s="45" t="s">
        <v>2463</v>
      </c>
      <c r="E6" s="46"/>
      <c r="F6" s="46"/>
      <c r="G6" s="46"/>
      <c r="H6" s="47"/>
      <c r="I6" s="45" t="s">
        <v>2464</v>
      </c>
      <c r="J6" s="46"/>
      <c r="K6" s="46"/>
      <c r="L6" s="46"/>
      <c r="M6" s="47"/>
      <c r="N6" s="45" t="s">
        <v>2465</v>
      </c>
      <c r="O6" s="46"/>
      <c r="P6" s="46"/>
      <c r="Q6" s="46"/>
      <c r="R6" s="47"/>
    </row>
    <row r="7" spans="1:18" s="23" customFormat="1">
      <c r="A7" s="49"/>
      <c r="B7" s="43"/>
      <c r="C7" s="44"/>
      <c r="D7" s="29" t="s">
        <v>2466</v>
      </c>
      <c r="E7" s="29" t="s">
        <v>2467</v>
      </c>
      <c r="F7" s="29" t="s">
        <v>2468</v>
      </c>
      <c r="G7" s="29" t="s">
        <v>2469</v>
      </c>
      <c r="H7" s="29" t="s">
        <v>2470</v>
      </c>
      <c r="I7" s="29" t="s">
        <v>2471</v>
      </c>
      <c r="J7" s="29" t="s">
        <v>2467</v>
      </c>
      <c r="K7" s="29" t="s">
        <v>2468</v>
      </c>
      <c r="L7" s="29" t="s">
        <v>2469</v>
      </c>
      <c r="M7" s="29" t="s">
        <v>2470</v>
      </c>
      <c r="N7" s="29" t="s">
        <v>2471</v>
      </c>
      <c r="O7" s="29" t="s">
        <v>2467</v>
      </c>
      <c r="P7" s="29" t="s">
        <v>2468</v>
      </c>
      <c r="Q7" s="29" t="s">
        <v>2469</v>
      </c>
      <c r="R7" s="29" t="s">
        <v>2470</v>
      </c>
    </row>
    <row r="8" spans="1:18" s="15" customFormat="1">
      <c r="A8" s="20" t="s">
        <v>187</v>
      </c>
      <c r="B8" s="13" t="s">
        <v>25</v>
      </c>
      <c r="C8" s="14" t="s">
        <v>25</v>
      </c>
      <c r="D8" s="16">
        <v>45500</v>
      </c>
      <c r="E8" s="16">
        <v>698</v>
      </c>
      <c r="F8" s="16">
        <v>11163</v>
      </c>
      <c r="G8" s="16">
        <v>33472</v>
      </c>
      <c r="H8" s="16">
        <v>1857277</v>
      </c>
      <c r="I8" s="16">
        <v>25513</v>
      </c>
      <c r="J8" s="16">
        <v>393</v>
      </c>
      <c r="K8" s="16">
        <v>3272</v>
      </c>
      <c r="L8" s="16">
        <v>21734</v>
      </c>
      <c r="M8" s="16">
        <v>1169832</v>
      </c>
      <c r="N8" s="16">
        <v>19987</v>
      </c>
      <c r="O8" s="16">
        <v>305</v>
      </c>
      <c r="P8" s="16">
        <v>7891</v>
      </c>
      <c r="Q8" s="16">
        <v>11738</v>
      </c>
      <c r="R8" s="16">
        <v>687445</v>
      </c>
    </row>
    <row r="9" spans="1:18">
      <c r="A9" s="30" t="s">
        <v>188</v>
      </c>
      <c r="B9" s="10" t="s">
        <v>25</v>
      </c>
      <c r="C9" s="11" t="s">
        <v>25</v>
      </c>
      <c r="D9" s="17">
        <v>811</v>
      </c>
      <c r="E9" s="17">
        <v>10</v>
      </c>
      <c r="F9" s="17">
        <v>137</v>
      </c>
      <c r="G9" s="17">
        <v>663</v>
      </c>
      <c r="H9" s="17">
        <v>36402</v>
      </c>
      <c r="I9" s="17">
        <v>441</v>
      </c>
      <c r="J9" s="17">
        <v>6</v>
      </c>
      <c r="K9" s="17">
        <v>34</v>
      </c>
      <c r="L9" s="17">
        <v>400</v>
      </c>
      <c r="M9" s="17">
        <v>21918</v>
      </c>
      <c r="N9" s="17">
        <v>370</v>
      </c>
      <c r="O9" s="17">
        <v>4</v>
      </c>
      <c r="P9" s="17">
        <v>103</v>
      </c>
      <c r="Q9" s="17">
        <v>263</v>
      </c>
      <c r="R9" s="17">
        <v>14484</v>
      </c>
    </row>
    <row r="10" spans="1:18">
      <c r="A10" s="21" t="s">
        <v>189</v>
      </c>
      <c r="B10" s="10" t="s">
        <v>25</v>
      </c>
      <c r="C10" s="11" t="s">
        <v>25</v>
      </c>
      <c r="D10" s="17">
        <v>517</v>
      </c>
      <c r="E10" s="17">
        <v>8</v>
      </c>
      <c r="F10" s="17">
        <v>82</v>
      </c>
      <c r="G10" s="17">
        <v>426</v>
      </c>
      <c r="H10" s="17">
        <v>23648</v>
      </c>
      <c r="I10" s="17">
        <v>294</v>
      </c>
      <c r="J10" s="17">
        <v>5</v>
      </c>
      <c r="K10" s="17">
        <v>20</v>
      </c>
      <c r="L10" s="17">
        <v>268</v>
      </c>
      <c r="M10" s="17">
        <v>14948</v>
      </c>
      <c r="N10" s="17">
        <v>223</v>
      </c>
      <c r="O10" s="17">
        <v>3</v>
      </c>
      <c r="P10" s="17">
        <v>62</v>
      </c>
      <c r="Q10" s="17">
        <v>158</v>
      </c>
      <c r="R10" s="17">
        <v>8700</v>
      </c>
    </row>
    <row r="11" spans="1:18">
      <c r="A11" s="21" t="s">
        <v>190</v>
      </c>
      <c r="B11" s="10" t="s">
        <v>25</v>
      </c>
      <c r="C11" s="11" t="s">
        <v>25</v>
      </c>
      <c r="D11" s="17">
        <v>294</v>
      </c>
      <c r="E11" s="17">
        <v>2</v>
      </c>
      <c r="F11" s="17">
        <v>55</v>
      </c>
      <c r="G11" s="17">
        <v>237</v>
      </c>
      <c r="H11" s="17">
        <v>12754</v>
      </c>
      <c r="I11" s="17">
        <v>147</v>
      </c>
      <c r="J11" s="17">
        <v>1</v>
      </c>
      <c r="K11" s="17">
        <v>14</v>
      </c>
      <c r="L11" s="17">
        <v>132</v>
      </c>
      <c r="M11" s="17">
        <v>6970</v>
      </c>
      <c r="N11" s="17">
        <v>147</v>
      </c>
      <c r="O11" s="17">
        <v>1</v>
      </c>
      <c r="P11" s="17">
        <v>41</v>
      </c>
      <c r="Q11" s="17">
        <v>105</v>
      </c>
      <c r="R11" s="17">
        <v>5784</v>
      </c>
    </row>
    <row r="12" spans="1:18">
      <c r="A12" s="21" t="s">
        <v>191</v>
      </c>
      <c r="B12" s="10" t="s">
        <v>25</v>
      </c>
      <c r="C12" s="11" t="s">
        <v>25</v>
      </c>
      <c r="D12" s="17">
        <v>604</v>
      </c>
      <c r="E12" s="17">
        <v>12</v>
      </c>
      <c r="F12" s="17">
        <v>137</v>
      </c>
      <c r="G12" s="17">
        <v>452</v>
      </c>
      <c r="H12" s="17">
        <v>25492</v>
      </c>
      <c r="I12" s="17">
        <v>325</v>
      </c>
      <c r="J12" s="17">
        <v>8</v>
      </c>
      <c r="K12" s="17">
        <v>41</v>
      </c>
      <c r="L12" s="17">
        <v>273</v>
      </c>
      <c r="M12" s="17">
        <v>15392</v>
      </c>
      <c r="N12" s="17">
        <v>279</v>
      </c>
      <c r="O12" s="17">
        <v>4</v>
      </c>
      <c r="P12" s="17">
        <v>96</v>
      </c>
      <c r="Q12" s="17">
        <v>179</v>
      </c>
      <c r="R12" s="17">
        <v>10100</v>
      </c>
    </row>
    <row r="13" spans="1:18">
      <c r="A13" s="21" t="s">
        <v>192</v>
      </c>
      <c r="B13" s="10" t="s">
        <v>25</v>
      </c>
      <c r="C13" s="11" t="s">
        <v>25</v>
      </c>
      <c r="D13" s="17">
        <v>1990</v>
      </c>
      <c r="E13" s="17">
        <v>44</v>
      </c>
      <c r="F13" s="17">
        <v>452</v>
      </c>
      <c r="G13" s="17">
        <v>1466</v>
      </c>
      <c r="H13" s="17">
        <v>82584</v>
      </c>
      <c r="I13" s="17">
        <v>1060</v>
      </c>
      <c r="J13" s="17">
        <v>27</v>
      </c>
      <c r="K13" s="17">
        <v>136</v>
      </c>
      <c r="L13" s="17">
        <v>880</v>
      </c>
      <c r="M13" s="17">
        <v>48875</v>
      </c>
      <c r="N13" s="17">
        <v>930</v>
      </c>
      <c r="O13" s="17">
        <v>17</v>
      </c>
      <c r="P13" s="17">
        <v>316</v>
      </c>
      <c r="Q13" s="17">
        <v>586</v>
      </c>
      <c r="R13" s="17">
        <v>33709</v>
      </c>
    </row>
    <row r="14" spans="1:18">
      <c r="A14" s="21" t="s">
        <v>193</v>
      </c>
      <c r="B14" s="10" t="s">
        <v>25</v>
      </c>
      <c r="C14" s="11" t="s">
        <v>25</v>
      </c>
      <c r="D14" s="17">
        <v>571</v>
      </c>
      <c r="E14" s="17">
        <v>11</v>
      </c>
      <c r="F14" s="17">
        <v>118</v>
      </c>
      <c r="G14" s="17">
        <v>442</v>
      </c>
      <c r="H14" s="17">
        <v>24367</v>
      </c>
      <c r="I14" s="17">
        <v>304</v>
      </c>
      <c r="J14" s="17">
        <v>5</v>
      </c>
      <c r="K14" s="17">
        <v>36</v>
      </c>
      <c r="L14" s="17">
        <v>263</v>
      </c>
      <c r="M14" s="17">
        <v>14479</v>
      </c>
      <c r="N14" s="17">
        <v>267</v>
      </c>
      <c r="O14" s="18">
        <v>6</v>
      </c>
      <c r="P14" s="17">
        <v>82</v>
      </c>
      <c r="Q14" s="18">
        <v>179</v>
      </c>
      <c r="R14" s="17">
        <v>9888</v>
      </c>
    </row>
    <row r="15" spans="1:18">
      <c r="A15" s="21" t="s">
        <v>194</v>
      </c>
      <c r="B15" s="10" t="s">
        <v>25</v>
      </c>
      <c r="C15" s="11" t="s">
        <v>25</v>
      </c>
      <c r="D15" s="17">
        <v>76</v>
      </c>
      <c r="E15" s="17">
        <v>1</v>
      </c>
      <c r="F15" s="18">
        <v>15</v>
      </c>
      <c r="G15" s="17">
        <v>60</v>
      </c>
      <c r="H15" s="17">
        <v>3282</v>
      </c>
      <c r="I15" s="17">
        <v>39</v>
      </c>
      <c r="J15" s="17" t="s">
        <v>35</v>
      </c>
      <c r="K15" s="18">
        <v>3</v>
      </c>
      <c r="L15" s="17">
        <v>36</v>
      </c>
      <c r="M15" s="17">
        <v>1978</v>
      </c>
      <c r="N15" s="17">
        <v>37</v>
      </c>
      <c r="O15" s="18">
        <v>1</v>
      </c>
      <c r="P15" s="18">
        <v>12</v>
      </c>
      <c r="Q15" s="17">
        <v>24</v>
      </c>
      <c r="R15" s="17">
        <v>1304</v>
      </c>
    </row>
    <row r="16" spans="1:18">
      <c r="A16" s="21" t="s">
        <v>195</v>
      </c>
      <c r="B16" s="10" t="s">
        <v>25</v>
      </c>
      <c r="C16" s="11" t="s">
        <v>25</v>
      </c>
      <c r="D16" s="17">
        <v>233</v>
      </c>
      <c r="E16" s="17">
        <v>5</v>
      </c>
      <c r="F16" s="18">
        <v>47</v>
      </c>
      <c r="G16" s="18">
        <v>181</v>
      </c>
      <c r="H16" s="18">
        <v>9949</v>
      </c>
      <c r="I16" s="18">
        <v>117</v>
      </c>
      <c r="J16" s="18">
        <v>4</v>
      </c>
      <c r="K16" s="18">
        <v>16</v>
      </c>
      <c r="L16" s="18">
        <v>97</v>
      </c>
      <c r="M16" s="18">
        <v>5404</v>
      </c>
      <c r="N16" s="17">
        <v>116</v>
      </c>
      <c r="O16" s="17">
        <v>1</v>
      </c>
      <c r="P16" s="18">
        <v>31</v>
      </c>
      <c r="Q16" s="18">
        <v>84</v>
      </c>
      <c r="R16" s="18">
        <v>4545</v>
      </c>
    </row>
    <row r="17" spans="1:18">
      <c r="A17" s="21" t="s">
        <v>196</v>
      </c>
      <c r="B17" s="10" t="s">
        <v>25</v>
      </c>
      <c r="C17" s="11" t="s">
        <v>25</v>
      </c>
      <c r="D17" s="17">
        <v>579</v>
      </c>
      <c r="E17" s="17">
        <v>13</v>
      </c>
      <c r="F17" s="17">
        <v>143</v>
      </c>
      <c r="G17" s="17">
        <v>421</v>
      </c>
      <c r="H17" s="17">
        <v>23574</v>
      </c>
      <c r="I17" s="17">
        <v>319</v>
      </c>
      <c r="J17" s="17">
        <v>11</v>
      </c>
      <c r="K17" s="17">
        <v>44</v>
      </c>
      <c r="L17" s="17">
        <v>263</v>
      </c>
      <c r="M17" s="17">
        <v>14269</v>
      </c>
      <c r="N17" s="17">
        <v>260</v>
      </c>
      <c r="O17" s="17">
        <v>2</v>
      </c>
      <c r="P17" s="17">
        <v>99</v>
      </c>
      <c r="Q17" s="17">
        <v>158</v>
      </c>
      <c r="R17" s="17">
        <v>9305</v>
      </c>
    </row>
    <row r="18" spans="1:18">
      <c r="A18" s="21" t="s">
        <v>197</v>
      </c>
      <c r="B18" s="10" t="s">
        <v>25</v>
      </c>
      <c r="C18" s="11" t="s">
        <v>25</v>
      </c>
      <c r="D18" s="18">
        <v>531</v>
      </c>
      <c r="E18" s="18">
        <v>14</v>
      </c>
      <c r="F18" s="18">
        <v>129</v>
      </c>
      <c r="G18" s="18">
        <v>362</v>
      </c>
      <c r="H18" s="18">
        <v>21412</v>
      </c>
      <c r="I18" s="18">
        <v>281</v>
      </c>
      <c r="J18" s="18">
        <v>7</v>
      </c>
      <c r="K18" s="18">
        <v>37</v>
      </c>
      <c r="L18" s="18">
        <v>221</v>
      </c>
      <c r="M18" s="18">
        <v>12745</v>
      </c>
      <c r="N18" s="18">
        <v>250</v>
      </c>
      <c r="O18" s="18">
        <v>7</v>
      </c>
      <c r="P18" s="18">
        <v>92</v>
      </c>
      <c r="Q18" s="18">
        <v>141</v>
      </c>
      <c r="R18" s="18">
        <v>8667</v>
      </c>
    </row>
    <row r="19" spans="1:18">
      <c r="A19" s="21" t="s">
        <v>198</v>
      </c>
      <c r="B19" s="10" t="s">
        <v>25</v>
      </c>
      <c r="C19" s="11" t="s">
        <v>25</v>
      </c>
      <c r="D19" s="17">
        <v>4136</v>
      </c>
      <c r="E19" s="17">
        <v>50</v>
      </c>
      <c r="F19" s="17">
        <v>1003</v>
      </c>
      <c r="G19" s="17">
        <v>3065</v>
      </c>
      <c r="H19" s="17">
        <v>171517</v>
      </c>
      <c r="I19" s="17">
        <v>2289</v>
      </c>
      <c r="J19" s="17">
        <v>32</v>
      </c>
      <c r="K19" s="17">
        <v>332</v>
      </c>
      <c r="L19" s="17">
        <v>1912</v>
      </c>
      <c r="M19" s="17">
        <v>105044</v>
      </c>
      <c r="N19" s="17">
        <v>1847</v>
      </c>
      <c r="O19" s="17">
        <v>18</v>
      </c>
      <c r="P19" s="17">
        <v>671</v>
      </c>
      <c r="Q19" s="17">
        <v>1153</v>
      </c>
      <c r="R19" s="17">
        <v>66473</v>
      </c>
    </row>
    <row r="20" spans="1:18">
      <c r="A20" s="21" t="s">
        <v>199</v>
      </c>
      <c r="B20" s="10" t="s">
        <v>25</v>
      </c>
      <c r="C20" s="11" t="s">
        <v>25</v>
      </c>
      <c r="D20" s="18">
        <v>303</v>
      </c>
      <c r="E20" s="18">
        <v>5</v>
      </c>
      <c r="F20" s="18">
        <v>68</v>
      </c>
      <c r="G20" s="18">
        <v>230</v>
      </c>
      <c r="H20" s="18">
        <v>12979</v>
      </c>
      <c r="I20" s="18">
        <v>163</v>
      </c>
      <c r="J20" s="18">
        <v>3</v>
      </c>
      <c r="K20" s="18">
        <v>30</v>
      </c>
      <c r="L20" s="18">
        <v>130</v>
      </c>
      <c r="M20" s="18">
        <v>7623</v>
      </c>
      <c r="N20" s="18">
        <v>140</v>
      </c>
      <c r="O20" s="18">
        <v>2</v>
      </c>
      <c r="P20" s="18">
        <v>38</v>
      </c>
      <c r="Q20" s="18">
        <v>100</v>
      </c>
      <c r="R20" s="18">
        <v>5356</v>
      </c>
    </row>
    <row r="21" spans="1:18">
      <c r="A21" s="21" t="s">
        <v>200</v>
      </c>
      <c r="B21" s="10" t="s">
        <v>25</v>
      </c>
      <c r="C21" s="11" t="s">
        <v>25</v>
      </c>
      <c r="D21" s="17">
        <v>765</v>
      </c>
      <c r="E21" s="17">
        <v>4</v>
      </c>
      <c r="F21" s="17">
        <v>188</v>
      </c>
      <c r="G21" s="17">
        <v>563</v>
      </c>
      <c r="H21" s="17">
        <v>31661</v>
      </c>
      <c r="I21" s="17">
        <v>464</v>
      </c>
      <c r="J21" s="17">
        <v>3</v>
      </c>
      <c r="K21" s="17">
        <v>80</v>
      </c>
      <c r="L21" s="17">
        <v>372</v>
      </c>
      <c r="M21" s="17">
        <v>20717</v>
      </c>
      <c r="N21" s="17">
        <v>301</v>
      </c>
      <c r="O21" s="17">
        <v>1</v>
      </c>
      <c r="P21" s="17">
        <v>108</v>
      </c>
      <c r="Q21" s="17">
        <v>191</v>
      </c>
      <c r="R21" s="17">
        <v>10944</v>
      </c>
    </row>
    <row r="22" spans="1:18">
      <c r="A22" s="21" t="s">
        <v>201</v>
      </c>
      <c r="B22" s="10" t="s">
        <v>25</v>
      </c>
      <c r="C22" s="11" t="s">
        <v>25</v>
      </c>
      <c r="D22" s="17">
        <v>531</v>
      </c>
      <c r="E22" s="17">
        <v>7</v>
      </c>
      <c r="F22" s="17">
        <v>151</v>
      </c>
      <c r="G22" s="17">
        <v>372</v>
      </c>
      <c r="H22" s="17">
        <v>21686</v>
      </c>
      <c r="I22" s="17">
        <v>312</v>
      </c>
      <c r="J22" s="17">
        <v>4</v>
      </c>
      <c r="K22" s="17">
        <v>54</v>
      </c>
      <c r="L22" s="17">
        <v>253</v>
      </c>
      <c r="M22" s="17">
        <v>14044</v>
      </c>
      <c r="N22" s="17">
        <v>219</v>
      </c>
      <c r="O22" s="17">
        <v>3</v>
      </c>
      <c r="P22" s="17">
        <v>97</v>
      </c>
      <c r="Q22" s="17">
        <v>119</v>
      </c>
      <c r="R22" s="17">
        <v>7642</v>
      </c>
    </row>
    <row r="23" spans="1:18">
      <c r="A23" s="21" t="s">
        <v>202</v>
      </c>
      <c r="B23" s="10" t="s">
        <v>25</v>
      </c>
      <c r="C23" s="11" t="s">
        <v>25</v>
      </c>
      <c r="D23" s="17">
        <v>1091</v>
      </c>
      <c r="E23" s="18">
        <v>16</v>
      </c>
      <c r="F23" s="17">
        <v>250</v>
      </c>
      <c r="G23" s="17">
        <v>823</v>
      </c>
      <c r="H23" s="17">
        <v>46159</v>
      </c>
      <c r="I23" s="17">
        <v>590</v>
      </c>
      <c r="J23" s="18">
        <v>12</v>
      </c>
      <c r="K23" s="17">
        <v>73</v>
      </c>
      <c r="L23" s="17">
        <v>504</v>
      </c>
      <c r="M23" s="17">
        <v>27700</v>
      </c>
      <c r="N23" s="17">
        <v>501</v>
      </c>
      <c r="O23" s="18">
        <v>4</v>
      </c>
      <c r="P23" s="17">
        <v>177</v>
      </c>
      <c r="Q23" s="17">
        <v>319</v>
      </c>
      <c r="R23" s="17">
        <v>18459</v>
      </c>
    </row>
    <row r="24" spans="1:18">
      <c r="A24" s="21" t="s">
        <v>203</v>
      </c>
      <c r="B24" s="10" t="s">
        <v>25</v>
      </c>
      <c r="C24" s="11" t="s">
        <v>25</v>
      </c>
      <c r="D24" s="17">
        <v>1446</v>
      </c>
      <c r="E24" s="17">
        <v>18</v>
      </c>
      <c r="F24" s="17">
        <v>346</v>
      </c>
      <c r="G24" s="17">
        <v>1077</v>
      </c>
      <c r="H24" s="17">
        <v>59032</v>
      </c>
      <c r="I24" s="17">
        <v>760</v>
      </c>
      <c r="J24" s="17">
        <v>10</v>
      </c>
      <c r="K24" s="17">
        <v>95</v>
      </c>
      <c r="L24" s="17">
        <v>653</v>
      </c>
      <c r="M24" s="17">
        <v>34960</v>
      </c>
      <c r="N24" s="17">
        <v>686</v>
      </c>
      <c r="O24" s="17">
        <v>8</v>
      </c>
      <c r="P24" s="17">
        <v>251</v>
      </c>
      <c r="Q24" s="17">
        <v>424</v>
      </c>
      <c r="R24" s="17">
        <v>24072</v>
      </c>
    </row>
    <row r="25" spans="1:18">
      <c r="A25" s="21" t="s">
        <v>204</v>
      </c>
      <c r="B25" s="10" t="s">
        <v>25</v>
      </c>
      <c r="C25" s="11" t="s">
        <v>25</v>
      </c>
      <c r="D25" s="17">
        <v>3899</v>
      </c>
      <c r="E25" s="17">
        <v>75</v>
      </c>
      <c r="F25" s="17">
        <v>935</v>
      </c>
      <c r="G25" s="17">
        <v>2882</v>
      </c>
      <c r="H25" s="17">
        <v>157927</v>
      </c>
      <c r="I25" s="17">
        <v>2155</v>
      </c>
      <c r="J25" s="17">
        <v>35</v>
      </c>
      <c r="K25" s="17">
        <v>271</v>
      </c>
      <c r="L25" s="17">
        <v>1844</v>
      </c>
      <c r="M25" s="17">
        <v>98575</v>
      </c>
      <c r="N25" s="17">
        <v>1744</v>
      </c>
      <c r="O25" s="17">
        <v>40</v>
      </c>
      <c r="P25" s="17">
        <v>664</v>
      </c>
      <c r="Q25" s="17">
        <v>1038</v>
      </c>
      <c r="R25" s="17">
        <v>59352</v>
      </c>
    </row>
    <row r="26" spans="1:18">
      <c r="A26" s="21" t="s">
        <v>205</v>
      </c>
      <c r="B26" s="10" t="s">
        <v>25</v>
      </c>
      <c r="C26" s="11" t="s">
        <v>25</v>
      </c>
      <c r="D26" s="17">
        <v>1667</v>
      </c>
      <c r="E26" s="17">
        <v>32</v>
      </c>
      <c r="F26" s="17">
        <v>370</v>
      </c>
      <c r="G26" s="17">
        <v>1262</v>
      </c>
      <c r="H26" s="17">
        <v>68218</v>
      </c>
      <c r="I26" s="17">
        <v>924</v>
      </c>
      <c r="J26" s="17">
        <v>14</v>
      </c>
      <c r="K26" s="17">
        <v>99</v>
      </c>
      <c r="L26" s="17">
        <v>809</v>
      </c>
      <c r="M26" s="17">
        <v>42922</v>
      </c>
      <c r="N26" s="17">
        <v>743</v>
      </c>
      <c r="O26" s="17">
        <v>18</v>
      </c>
      <c r="P26" s="17">
        <v>271</v>
      </c>
      <c r="Q26" s="17">
        <v>453</v>
      </c>
      <c r="R26" s="17">
        <v>25296</v>
      </c>
    </row>
    <row r="27" spans="1:18">
      <c r="A27" s="21" t="s">
        <v>206</v>
      </c>
      <c r="B27" s="10" t="s">
        <v>25</v>
      </c>
      <c r="C27" s="11" t="s">
        <v>25</v>
      </c>
      <c r="D27" s="17">
        <v>2232</v>
      </c>
      <c r="E27" s="17">
        <v>43</v>
      </c>
      <c r="F27" s="17">
        <v>565</v>
      </c>
      <c r="G27" s="17">
        <v>1620</v>
      </c>
      <c r="H27" s="17">
        <v>89709</v>
      </c>
      <c r="I27" s="17">
        <v>1231</v>
      </c>
      <c r="J27" s="17">
        <v>21</v>
      </c>
      <c r="K27" s="17">
        <v>172</v>
      </c>
      <c r="L27" s="17">
        <v>1035</v>
      </c>
      <c r="M27" s="17">
        <v>55653</v>
      </c>
      <c r="N27" s="17">
        <v>1001</v>
      </c>
      <c r="O27" s="17">
        <v>22</v>
      </c>
      <c r="P27" s="17">
        <v>393</v>
      </c>
      <c r="Q27" s="17">
        <v>585</v>
      </c>
      <c r="R27" s="17">
        <v>34056</v>
      </c>
    </row>
    <row r="28" spans="1:18">
      <c r="A28" s="21" t="s">
        <v>207</v>
      </c>
      <c r="B28" s="10" t="s">
        <v>25</v>
      </c>
      <c r="C28" s="11" t="s">
        <v>25</v>
      </c>
      <c r="D28" s="17">
        <v>2749</v>
      </c>
      <c r="E28" s="17">
        <v>54</v>
      </c>
      <c r="F28" s="17">
        <v>704</v>
      </c>
      <c r="G28" s="17">
        <v>1981</v>
      </c>
      <c r="H28" s="17">
        <v>111449</v>
      </c>
      <c r="I28" s="17">
        <v>1583</v>
      </c>
      <c r="J28" s="17">
        <v>35</v>
      </c>
      <c r="K28" s="17">
        <v>229</v>
      </c>
      <c r="L28" s="17">
        <v>1312</v>
      </c>
      <c r="M28" s="17">
        <v>71315</v>
      </c>
      <c r="N28" s="17">
        <v>1166</v>
      </c>
      <c r="O28" s="17">
        <v>19</v>
      </c>
      <c r="P28" s="17">
        <v>475</v>
      </c>
      <c r="Q28" s="17">
        <v>669</v>
      </c>
      <c r="R28" s="17">
        <v>40134</v>
      </c>
    </row>
    <row r="29" spans="1:18">
      <c r="A29" s="21" t="s">
        <v>208</v>
      </c>
      <c r="B29" s="10" t="s">
        <v>25</v>
      </c>
      <c r="C29" s="11" t="s">
        <v>25</v>
      </c>
      <c r="D29" s="17">
        <v>539</v>
      </c>
      <c r="E29" s="17">
        <v>14</v>
      </c>
      <c r="F29" s="17">
        <v>139</v>
      </c>
      <c r="G29" s="17">
        <v>385</v>
      </c>
      <c r="H29" s="17">
        <v>21353</v>
      </c>
      <c r="I29" s="17">
        <v>309</v>
      </c>
      <c r="J29" s="17">
        <v>11</v>
      </c>
      <c r="K29" s="17">
        <v>41</v>
      </c>
      <c r="L29" s="17">
        <v>256</v>
      </c>
      <c r="M29" s="17">
        <v>13588</v>
      </c>
      <c r="N29" s="17">
        <v>230</v>
      </c>
      <c r="O29" s="17">
        <v>3</v>
      </c>
      <c r="P29" s="17">
        <v>98</v>
      </c>
      <c r="Q29" s="17">
        <v>129</v>
      </c>
      <c r="R29" s="17">
        <v>7765</v>
      </c>
    </row>
    <row r="30" spans="1:18">
      <c r="A30" s="21" t="s">
        <v>209</v>
      </c>
      <c r="B30" s="10" t="s">
        <v>25</v>
      </c>
      <c r="C30" s="11" t="s">
        <v>25</v>
      </c>
      <c r="D30" s="17">
        <v>903</v>
      </c>
      <c r="E30" s="17">
        <v>26</v>
      </c>
      <c r="F30" s="17">
        <v>235</v>
      </c>
      <c r="G30" s="17">
        <v>638</v>
      </c>
      <c r="H30" s="17">
        <v>35808</v>
      </c>
      <c r="I30" s="17">
        <v>520</v>
      </c>
      <c r="J30" s="17">
        <v>15</v>
      </c>
      <c r="K30" s="17">
        <v>87</v>
      </c>
      <c r="L30" s="17">
        <v>416</v>
      </c>
      <c r="M30" s="17">
        <v>22772</v>
      </c>
      <c r="N30" s="17">
        <v>383</v>
      </c>
      <c r="O30" s="17">
        <v>11</v>
      </c>
      <c r="P30" s="17">
        <v>148</v>
      </c>
      <c r="Q30" s="17">
        <v>222</v>
      </c>
      <c r="R30" s="17">
        <v>13036</v>
      </c>
    </row>
    <row r="31" spans="1:18">
      <c r="A31" s="21" t="s">
        <v>210</v>
      </c>
      <c r="B31" s="10" t="s">
        <v>25</v>
      </c>
      <c r="C31" s="11" t="s">
        <v>25</v>
      </c>
      <c r="D31" s="17">
        <v>1307</v>
      </c>
      <c r="E31" s="17">
        <v>14</v>
      </c>
      <c r="F31" s="17">
        <v>330</v>
      </c>
      <c r="G31" s="17">
        <v>958</v>
      </c>
      <c r="H31" s="17">
        <v>54288</v>
      </c>
      <c r="I31" s="17">
        <v>754</v>
      </c>
      <c r="J31" s="17">
        <v>9</v>
      </c>
      <c r="K31" s="17">
        <v>101</v>
      </c>
      <c r="L31" s="17">
        <v>640</v>
      </c>
      <c r="M31" s="17">
        <v>34955</v>
      </c>
      <c r="N31" s="17">
        <v>553</v>
      </c>
      <c r="O31" s="17">
        <v>5</v>
      </c>
      <c r="P31" s="17">
        <v>229</v>
      </c>
      <c r="Q31" s="17">
        <v>318</v>
      </c>
      <c r="R31" s="17">
        <v>19333</v>
      </c>
    </row>
    <row r="32" spans="1:18">
      <c r="A32" s="21" t="s">
        <v>211</v>
      </c>
      <c r="B32" s="10" t="s">
        <v>25</v>
      </c>
      <c r="C32" s="11" t="s">
        <v>25</v>
      </c>
      <c r="D32" s="17">
        <v>3701</v>
      </c>
      <c r="E32" s="17">
        <v>60</v>
      </c>
      <c r="F32" s="17">
        <v>847</v>
      </c>
      <c r="G32" s="17">
        <v>2789</v>
      </c>
      <c r="H32" s="17">
        <v>153766</v>
      </c>
      <c r="I32" s="17">
        <v>2083</v>
      </c>
      <c r="J32" s="18">
        <v>35</v>
      </c>
      <c r="K32" s="17">
        <v>282</v>
      </c>
      <c r="L32" s="17">
        <v>1761</v>
      </c>
      <c r="M32" s="17">
        <v>95006</v>
      </c>
      <c r="N32" s="17">
        <v>1618</v>
      </c>
      <c r="O32" s="17">
        <v>25</v>
      </c>
      <c r="P32" s="17">
        <v>565</v>
      </c>
      <c r="Q32" s="17">
        <v>1028</v>
      </c>
      <c r="R32" s="17">
        <v>58760</v>
      </c>
    </row>
    <row r="33" spans="1:18">
      <c r="A33" s="21" t="s">
        <v>212</v>
      </c>
      <c r="B33" s="10" t="s">
        <v>25</v>
      </c>
      <c r="C33" s="11" t="s">
        <v>25</v>
      </c>
      <c r="D33" s="17">
        <v>680</v>
      </c>
      <c r="E33" s="17">
        <v>11</v>
      </c>
      <c r="F33" s="17">
        <v>153</v>
      </c>
      <c r="G33" s="17">
        <v>516</v>
      </c>
      <c r="H33" s="17">
        <v>28472</v>
      </c>
      <c r="I33" s="17">
        <v>382</v>
      </c>
      <c r="J33" s="17">
        <v>6</v>
      </c>
      <c r="K33" s="17">
        <v>45</v>
      </c>
      <c r="L33" s="17">
        <v>331</v>
      </c>
      <c r="M33" s="17">
        <v>17711</v>
      </c>
      <c r="N33" s="17">
        <v>298</v>
      </c>
      <c r="O33" s="17">
        <v>5</v>
      </c>
      <c r="P33" s="17">
        <v>108</v>
      </c>
      <c r="Q33" s="17">
        <v>185</v>
      </c>
      <c r="R33" s="17">
        <v>10761</v>
      </c>
    </row>
    <row r="34" spans="1:18">
      <c r="A34" s="21" t="s">
        <v>213</v>
      </c>
      <c r="B34" s="10" t="s">
        <v>25</v>
      </c>
      <c r="C34" s="11" t="s">
        <v>25</v>
      </c>
      <c r="D34" s="18">
        <v>453</v>
      </c>
      <c r="E34" s="18">
        <v>4</v>
      </c>
      <c r="F34" s="18">
        <v>78</v>
      </c>
      <c r="G34" s="18">
        <v>371</v>
      </c>
      <c r="H34" s="18">
        <v>19650</v>
      </c>
      <c r="I34" s="18">
        <v>236</v>
      </c>
      <c r="J34" s="18">
        <v>3</v>
      </c>
      <c r="K34" s="18">
        <v>34</v>
      </c>
      <c r="L34" s="18">
        <v>199</v>
      </c>
      <c r="M34" s="18">
        <v>10819</v>
      </c>
      <c r="N34" s="18">
        <v>217</v>
      </c>
      <c r="O34" s="18">
        <v>1</v>
      </c>
      <c r="P34" s="18">
        <v>44</v>
      </c>
      <c r="Q34" s="18">
        <v>172</v>
      </c>
      <c r="R34" s="18">
        <v>8831</v>
      </c>
    </row>
    <row r="35" spans="1:18">
      <c r="A35" s="21" t="s">
        <v>214</v>
      </c>
      <c r="B35" s="10" t="s">
        <v>25</v>
      </c>
      <c r="C35" s="11" t="s">
        <v>25</v>
      </c>
      <c r="D35" s="17">
        <v>1035</v>
      </c>
      <c r="E35" s="18">
        <v>15</v>
      </c>
      <c r="F35" s="17">
        <v>251</v>
      </c>
      <c r="G35" s="17">
        <v>768</v>
      </c>
      <c r="H35" s="17">
        <v>43157</v>
      </c>
      <c r="I35" s="17">
        <v>585</v>
      </c>
      <c r="J35" s="18">
        <v>11</v>
      </c>
      <c r="K35" s="17">
        <v>85</v>
      </c>
      <c r="L35" s="17">
        <v>488</v>
      </c>
      <c r="M35" s="17">
        <v>26611</v>
      </c>
      <c r="N35" s="17">
        <v>450</v>
      </c>
      <c r="O35" s="18">
        <v>4</v>
      </c>
      <c r="P35" s="17">
        <v>166</v>
      </c>
      <c r="Q35" s="17">
        <v>280</v>
      </c>
      <c r="R35" s="17">
        <v>16546</v>
      </c>
    </row>
    <row r="36" spans="1:18">
      <c r="A36" s="21" t="s">
        <v>215</v>
      </c>
      <c r="B36" s="10" t="s">
        <v>25</v>
      </c>
      <c r="C36" s="11" t="s">
        <v>25</v>
      </c>
      <c r="D36" s="17">
        <v>928</v>
      </c>
      <c r="E36" s="17">
        <v>19</v>
      </c>
      <c r="F36" s="17">
        <v>227</v>
      </c>
      <c r="G36" s="17">
        <v>678</v>
      </c>
      <c r="H36" s="17">
        <v>37256</v>
      </c>
      <c r="I36" s="17">
        <v>557</v>
      </c>
      <c r="J36" s="17">
        <v>11</v>
      </c>
      <c r="K36" s="17">
        <v>78</v>
      </c>
      <c r="L36" s="17">
        <v>464</v>
      </c>
      <c r="M36" s="17">
        <v>24722</v>
      </c>
      <c r="N36" s="17">
        <v>371</v>
      </c>
      <c r="O36" s="17">
        <v>8</v>
      </c>
      <c r="P36" s="17">
        <v>149</v>
      </c>
      <c r="Q36" s="17">
        <v>214</v>
      </c>
      <c r="R36" s="17">
        <v>12534</v>
      </c>
    </row>
    <row r="37" spans="1:18">
      <c r="A37" s="21" t="s">
        <v>216</v>
      </c>
      <c r="B37" s="10" t="s">
        <v>25</v>
      </c>
      <c r="C37" s="11" t="s">
        <v>25</v>
      </c>
      <c r="D37" s="17">
        <v>605</v>
      </c>
      <c r="E37" s="17">
        <v>11</v>
      </c>
      <c r="F37" s="17">
        <v>138</v>
      </c>
      <c r="G37" s="17">
        <v>456</v>
      </c>
      <c r="H37" s="17">
        <v>25231</v>
      </c>
      <c r="I37" s="17">
        <v>323</v>
      </c>
      <c r="J37" s="17">
        <v>4</v>
      </c>
      <c r="K37" s="17">
        <v>40</v>
      </c>
      <c r="L37" s="17">
        <v>279</v>
      </c>
      <c r="M37" s="17">
        <v>15143</v>
      </c>
      <c r="N37" s="17">
        <v>282</v>
      </c>
      <c r="O37" s="17">
        <v>7</v>
      </c>
      <c r="P37" s="17">
        <v>98</v>
      </c>
      <c r="Q37" s="17">
        <v>177</v>
      </c>
      <c r="R37" s="17">
        <v>10088</v>
      </c>
    </row>
    <row r="38" spans="1:18">
      <c r="A38" s="21" t="s">
        <v>217</v>
      </c>
      <c r="B38" s="10" t="s">
        <v>25</v>
      </c>
      <c r="C38" s="11" t="s">
        <v>25</v>
      </c>
      <c r="D38" s="17">
        <v>3266</v>
      </c>
      <c r="E38" s="17">
        <v>51</v>
      </c>
      <c r="F38" s="17">
        <v>731</v>
      </c>
      <c r="G38" s="17">
        <v>2477</v>
      </c>
      <c r="H38" s="17">
        <v>135677</v>
      </c>
      <c r="I38" s="17">
        <v>1802</v>
      </c>
      <c r="J38" s="17">
        <v>33</v>
      </c>
      <c r="K38" s="17">
        <v>207</v>
      </c>
      <c r="L38" s="17">
        <v>1558</v>
      </c>
      <c r="M38" s="17">
        <v>83225</v>
      </c>
      <c r="N38" s="17">
        <v>1464</v>
      </c>
      <c r="O38" s="17">
        <v>18</v>
      </c>
      <c r="P38" s="17">
        <v>524</v>
      </c>
      <c r="Q38" s="17">
        <v>919</v>
      </c>
      <c r="R38" s="17">
        <v>52452</v>
      </c>
    </row>
    <row r="39" spans="1:18">
      <c r="A39" s="21" t="s">
        <v>218</v>
      </c>
      <c r="B39" s="10" t="s">
        <v>25</v>
      </c>
      <c r="C39" s="11" t="s">
        <v>25</v>
      </c>
      <c r="D39" s="17">
        <v>1135</v>
      </c>
      <c r="E39" s="17">
        <v>19</v>
      </c>
      <c r="F39" s="17">
        <v>249</v>
      </c>
      <c r="G39" s="17">
        <v>866</v>
      </c>
      <c r="H39" s="17">
        <v>47218</v>
      </c>
      <c r="I39" s="17">
        <v>615</v>
      </c>
      <c r="J39" s="17">
        <v>14</v>
      </c>
      <c r="K39" s="17">
        <v>75</v>
      </c>
      <c r="L39" s="17">
        <v>526</v>
      </c>
      <c r="M39" s="17">
        <v>27843</v>
      </c>
      <c r="N39" s="17">
        <v>520</v>
      </c>
      <c r="O39" s="17">
        <v>5</v>
      </c>
      <c r="P39" s="17">
        <v>174</v>
      </c>
      <c r="Q39" s="17">
        <v>340</v>
      </c>
      <c r="R39" s="17">
        <v>19375</v>
      </c>
    </row>
    <row r="40" spans="1:18">
      <c r="A40" s="21" t="s">
        <v>219</v>
      </c>
      <c r="B40" s="10" t="s">
        <v>25</v>
      </c>
      <c r="C40" s="11" t="s">
        <v>25</v>
      </c>
      <c r="D40" s="17">
        <v>2131</v>
      </c>
      <c r="E40" s="17">
        <v>32</v>
      </c>
      <c r="F40" s="17">
        <v>482</v>
      </c>
      <c r="G40" s="17">
        <v>1611</v>
      </c>
      <c r="H40" s="17">
        <v>88459</v>
      </c>
      <c r="I40" s="17">
        <v>1187</v>
      </c>
      <c r="J40" s="18">
        <v>19</v>
      </c>
      <c r="K40" s="17">
        <v>132</v>
      </c>
      <c r="L40" s="17">
        <v>1032</v>
      </c>
      <c r="M40" s="17">
        <v>55382</v>
      </c>
      <c r="N40" s="17">
        <v>944</v>
      </c>
      <c r="O40" s="17">
        <v>13</v>
      </c>
      <c r="P40" s="17">
        <v>350</v>
      </c>
      <c r="Q40" s="17">
        <v>579</v>
      </c>
      <c r="R40" s="17">
        <v>33077</v>
      </c>
    </row>
    <row r="41" spans="1:18">
      <c r="A41" s="21" t="s">
        <v>220</v>
      </c>
      <c r="B41" s="10" t="s">
        <v>25</v>
      </c>
      <c r="C41" s="11" t="s">
        <v>25</v>
      </c>
      <c r="D41" s="17">
        <v>709</v>
      </c>
      <c r="E41" s="17">
        <v>11</v>
      </c>
      <c r="F41" s="17">
        <v>185</v>
      </c>
      <c r="G41" s="17">
        <v>512</v>
      </c>
      <c r="H41" s="17">
        <v>28559</v>
      </c>
      <c r="I41" s="17">
        <v>389</v>
      </c>
      <c r="J41" s="17">
        <v>10</v>
      </c>
      <c r="K41" s="17">
        <v>57</v>
      </c>
      <c r="L41" s="17">
        <v>322</v>
      </c>
      <c r="M41" s="17">
        <v>17367</v>
      </c>
      <c r="N41" s="17">
        <v>320</v>
      </c>
      <c r="O41" s="17">
        <v>1</v>
      </c>
      <c r="P41" s="17">
        <v>128</v>
      </c>
      <c r="Q41" s="17">
        <v>190</v>
      </c>
      <c r="R41" s="17">
        <v>11192</v>
      </c>
    </row>
    <row r="42" spans="1:18">
      <c r="A42" s="21" t="s">
        <v>221</v>
      </c>
      <c r="B42" s="10" t="s">
        <v>25</v>
      </c>
      <c r="C42" s="11" t="s">
        <v>25</v>
      </c>
      <c r="D42" s="18">
        <v>484</v>
      </c>
      <c r="E42" s="18">
        <v>6</v>
      </c>
      <c r="F42" s="18">
        <v>130</v>
      </c>
      <c r="G42" s="18">
        <v>347</v>
      </c>
      <c r="H42" s="18">
        <v>19663</v>
      </c>
      <c r="I42" s="18">
        <v>251</v>
      </c>
      <c r="J42" s="18">
        <v>5</v>
      </c>
      <c r="K42" s="18">
        <v>42</v>
      </c>
      <c r="L42" s="18">
        <v>204</v>
      </c>
      <c r="M42" s="18">
        <v>11390</v>
      </c>
      <c r="N42" s="18">
        <v>233</v>
      </c>
      <c r="O42" s="18">
        <v>1</v>
      </c>
      <c r="P42" s="18">
        <v>88</v>
      </c>
      <c r="Q42" s="18">
        <v>143</v>
      </c>
      <c r="R42" s="18">
        <v>8273</v>
      </c>
    </row>
    <row r="43" spans="1:18">
      <c r="A43" s="21" t="s">
        <v>222</v>
      </c>
      <c r="B43" s="10" t="s">
        <v>25</v>
      </c>
      <c r="C43" s="11" t="s">
        <v>25</v>
      </c>
      <c r="D43" s="17">
        <v>225</v>
      </c>
      <c r="E43" s="17">
        <v>5</v>
      </c>
      <c r="F43" s="17">
        <v>55</v>
      </c>
      <c r="G43" s="17">
        <v>165</v>
      </c>
      <c r="H43" s="17">
        <v>8896</v>
      </c>
      <c r="I43" s="17">
        <v>138</v>
      </c>
      <c r="J43" s="17">
        <v>5</v>
      </c>
      <c r="K43" s="17">
        <v>15</v>
      </c>
      <c r="L43" s="17">
        <v>118</v>
      </c>
      <c r="M43" s="17">
        <v>5977</v>
      </c>
      <c r="N43" s="17">
        <v>87</v>
      </c>
      <c r="O43" s="17" t="s">
        <v>35</v>
      </c>
      <c r="P43" s="17">
        <v>40</v>
      </c>
      <c r="Q43" s="17">
        <v>47</v>
      </c>
      <c r="R43" s="17">
        <v>2919</v>
      </c>
    </row>
    <row r="44" spans="1:18">
      <c r="A44" s="21" t="s">
        <v>223</v>
      </c>
      <c r="B44" s="10" t="s">
        <v>25</v>
      </c>
      <c r="C44" s="11" t="s">
        <v>25</v>
      </c>
      <c r="D44" s="17">
        <v>2354</v>
      </c>
      <c r="E44" s="18">
        <v>32</v>
      </c>
      <c r="F44" s="17">
        <v>535</v>
      </c>
      <c r="G44" s="17">
        <v>1769</v>
      </c>
      <c r="H44" s="17">
        <v>99481</v>
      </c>
      <c r="I44" s="17">
        <v>1319</v>
      </c>
      <c r="J44" s="18">
        <v>17</v>
      </c>
      <c r="K44" s="17">
        <v>156</v>
      </c>
      <c r="L44" s="17">
        <v>1138</v>
      </c>
      <c r="M44" s="17">
        <v>62545</v>
      </c>
      <c r="N44" s="17">
        <v>1035</v>
      </c>
      <c r="O44" s="18">
        <v>15</v>
      </c>
      <c r="P44" s="17">
        <v>379</v>
      </c>
      <c r="Q44" s="17">
        <v>631</v>
      </c>
      <c r="R44" s="17">
        <v>36936</v>
      </c>
    </row>
    <row r="45" spans="1:18">
      <c r="A45" s="21" t="s">
        <v>224</v>
      </c>
      <c r="B45" s="10" t="s">
        <v>25</v>
      </c>
      <c r="C45" s="11" t="s">
        <v>25</v>
      </c>
      <c r="D45" s="17">
        <v>1175</v>
      </c>
      <c r="E45" s="17">
        <v>16</v>
      </c>
      <c r="F45" s="17">
        <v>266</v>
      </c>
      <c r="G45" s="17">
        <v>880</v>
      </c>
      <c r="H45" s="17">
        <v>49199</v>
      </c>
      <c r="I45" s="17">
        <v>631</v>
      </c>
      <c r="J45" s="17">
        <v>7</v>
      </c>
      <c r="K45" s="17">
        <v>76</v>
      </c>
      <c r="L45" s="17">
        <v>543</v>
      </c>
      <c r="M45" s="17">
        <v>29536</v>
      </c>
      <c r="N45" s="17">
        <v>544</v>
      </c>
      <c r="O45" s="17">
        <v>9</v>
      </c>
      <c r="P45" s="17">
        <v>190</v>
      </c>
      <c r="Q45" s="17">
        <v>337</v>
      </c>
      <c r="R45" s="17">
        <v>19663</v>
      </c>
    </row>
    <row r="46" spans="1:18">
      <c r="A46" s="21" t="s">
        <v>225</v>
      </c>
      <c r="B46" s="10" t="s">
        <v>25</v>
      </c>
      <c r="C46" s="11" t="s">
        <v>25</v>
      </c>
      <c r="D46" s="17">
        <v>529</v>
      </c>
      <c r="E46" s="17">
        <v>8</v>
      </c>
      <c r="F46" s="17">
        <v>107</v>
      </c>
      <c r="G46" s="17">
        <v>410</v>
      </c>
      <c r="H46" s="17">
        <v>23234</v>
      </c>
      <c r="I46" s="17">
        <v>308</v>
      </c>
      <c r="J46" s="17">
        <v>6</v>
      </c>
      <c r="K46" s="17">
        <v>36</v>
      </c>
      <c r="L46" s="17">
        <v>264</v>
      </c>
      <c r="M46" s="17">
        <v>15051</v>
      </c>
      <c r="N46" s="17">
        <v>221</v>
      </c>
      <c r="O46" s="17">
        <v>2</v>
      </c>
      <c r="P46" s="17">
        <v>71</v>
      </c>
      <c r="Q46" s="17">
        <v>146</v>
      </c>
      <c r="R46" s="17">
        <v>8183</v>
      </c>
    </row>
    <row r="47" spans="1:18">
      <c r="A47" s="21" t="s">
        <v>226</v>
      </c>
      <c r="B47" s="10" t="s">
        <v>25</v>
      </c>
      <c r="C47" s="11" t="s">
        <v>25</v>
      </c>
      <c r="D47" s="17">
        <v>650</v>
      </c>
      <c r="E47" s="17">
        <v>8</v>
      </c>
      <c r="F47" s="17">
        <v>162</v>
      </c>
      <c r="G47" s="17">
        <v>479</v>
      </c>
      <c r="H47" s="17">
        <v>27048</v>
      </c>
      <c r="I47" s="17">
        <v>380</v>
      </c>
      <c r="J47" s="17">
        <v>4</v>
      </c>
      <c r="K47" s="17">
        <v>44</v>
      </c>
      <c r="L47" s="17">
        <v>331</v>
      </c>
      <c r="M47" s="17">
        <v>17958</v>
      </c>
      <c r="N47" s="17">
        <v>270</v>
      </c>
      <c r="O47" s="17">
        <v>4</v>
      </c>
      <c r="P47" s="17">
        <v>118</v>
      </c>
      <c r="Q47" s="17">
        <v>148</v>
      </c>
      <c r="R47" s="17">
        <v>9090</v>
      </c>
    </row>
    <row r="48" spans="1:18">
      <c r="A48" s="21" t="s">
        <v>227</v>
      </c>
      <c r="B48" s="10" t="s">
        <v>25</v>
      </c>
      <c r="C48" s="11" t="s">
        <v>25</v>
      </c>
      <c r="D48" s="17">
        <v>1456</v>
      </c>
      <c r="E48" s="18">
        <v>26</v>
      </c>
      <c r="F48" s="17">
        <v>439</v>
      </c>
      <c r="G48" s="17">
        <v>986</v>
      </c>
      <c r="H48" s="17">
        <v>56422</v>
      </c>
      <c r="I48" s="17">
        <v>793</v>
      </c>
      <c r="J48" s="18">
        <v>13</v>
      </c>
      <c r="K48" s="17">
        <v>141</v>
      </c>
      <c r="L48" s="17">
        <v>637</v>
      </c>
      <c r="M48" s="17">
        <v>35221</v>
      </c>
      <c r="N48" s="17">
        <v>663</v>
      </c>
      <c r="O48" s="18">
        <v>13</v>
      </c>
      <c r="P48" s="17">
        <v>298</v>
      </c>
      <c r="Q48" s="17">
        <v>349</v>
      </c>
      <c r="R48" s="17">
        <v>21201</v>
      </c>
    </row>
    <row r="49" spans="1:18">
      <c r="A49" s="21" t="s">
        <v>228</v>
      </c>
      <c r="B49" s="10" t="s">
        <v>25</v>
      </c>
      <c r="C49" s="11" t="s">
        <v>25</v>
      </c>
      <c r="D49" s="17">
        <v>639</v>
      </c>
      <c r="E49" s="18">
        <v>13</v>
      </c>
      <c r="F49" s="17">
        <v>199</v>
      </c>
      <c r="G49" s="17">
        <v>425</v>
      </c>
      <c r="H49" s="17">
        <v>24618</v>
      </c>
      <c r="I49" s="17">
        <v>339</v>
      </c>
      <c r="J49" s="18">
        <v>5</v>
      </c>
      <c r="K49" s="17">
        <v>64</v>
      </c>
      <c r="L49" s="17">
        <v>269</v>
      </c>
      <c r="M49" s="17">
        <v>14959</v>
      </c>
      <c r="N49" s="17">
        <v>300</v>
      </c>
      <c r="O49" s="18">
        <v>8</v>
      </c>
      <c r="P49" s="17">
        <v>135</v>
      </c>
      <c r="Q49" s="17">
        <v>156</v>
      </c>
      <c r="R49" s="17">
        <v>9659</v>
      </c>
    </row>
    <row r="50" spans="1:18">
      <c r="A50" s="21" t="s">
        <v>229</v>
      </c>
      <c r="B50" s="10" t="s">
        <v>25</v>
      </c>
      <c r="C50" s="11" t="s">
        <v>25</v>
      </c>
      <c r="D50" s="17">
        <v>817</v>
      </c>
      <c r="E50" s="18">
        <v>13</v>
      </c>
      <c r="F50" s="17">
        <v>240</v>
      </c>
      <c r="G50" s="17">
        <v>561</v>
      </c>
      <c r="H50" s="17">
        <v>31804</v>
      </c>
      <c r="I50" s="17">
        <v>454</v>
      </c>
      <c r="J50" s="18">
        <v>8</v>
      </c>
      <c r="K50" s="17">
        <v>77</v>
      </c>
      <c r="L50" s="17">
        <v>368</v>
      </c>
      <c r="M50" s="17">
        <v>20262</v>
      </c>
      <c r="N50" s="17">
        <v>363</v>
      </c>
      <c r="O50" s="18">
        <v>5</v>
      </c>
      <c r="P50" s="17">
        <v>163</v>
      </c>
      <c r="Q50" s="17">
        <v>193</v>
      </c>
      <c r="R50" s="17">
        <v>11542</v>
      </c>
    </row>
    <row r="51" spans="1:18">
      <c r="A51" s="21" t="s">
        <v>230</v>
      </c>
      <c r="B51" s="10" t="s">
        <v>25</v>
      </c>
      <c r="C51" s="11" t="s">
        <v>25</v>
      </c>
      <c r="D51" s="17">
        <v>2893</v>
      </c>
      <c r="E51" s="17">
        <v>41</v>
      </c>
      <c r="F51" s="17">
        <v>731</v>
      </c>
      <c r="G51" s="17">
        <v>2110</v>
      </c>
      <c r="H51" s="17">
        <v>116709</v>
      </c>
      <c r="I51" s="17">
        <v>1605</v>
      </c>
      <c r="J51" s="18">
        <v>25</v>
      </c>
      <c r="K51" s="17">
        <v>240</v>
      </c>
      <c r="L51" s="17">
        <v>1333</v>
      </c>
      <c r="M51" s="17">
        <v>71853</v>
      </c>
      <c r="N51" s="17">
        <v>1288</v>
      </c>
      <c r="O51" s="17">
        <v>16</v>
      </c>
      <c r="P51" s="17">
        <v>491</v>
      </c>
      <c r="Q51" s="17">
        <v>777</v>
      </c>
      <c r="R51" s="17">
        <v>44856</v>
      </c>
    </row>
    <row r="52" spans="1:18">
      <c r="A52" s="21" t="s">
        <v>231</v>
      </c>
      <c r="B52" s="10" t="s">
        <v>25</v>
      </c>
      <c r="C52" s="11" t="s">
        <v>25</v>
      </c>
      <c r="D52" s="17">
        <v>1071</v>
      </c>
      <c r="E52" s="17">
        <v>14</v>
      </c>
      <c r="F52" s="17">
        <v>264</v>
      </c>
      <c r="G52" s="17">
        <v>785</v>
      </c>
      <c r="H52" s="17">
        <v>43184</v>
      </c>
      <c r="I52" s="17">
        <v>576</v>
      </c>
      <c r="J52" s="18">
        <v>7</v>
      </c>
      <c r="K52" s="17">
        <v>80</v>
      </c>
      <c r="L52" s="17">
        <v>483</v>
      </c>
      <c r="M52" s="17">
        <v>25658</v>
      </c>
      <c r="N52" s="17">
        <v>495</v>
      </c>
      <c r="O52" s="17">
        <v>7</v>
      </c>
      <c r="P52" s="17">
        <v>184</v>
      </c>
      <c r="Q52" s="17">
        <v>302</v>
      </c>
      <c r="R52" s="17">
        <v>17526</v>
      </c>
    </row>
    <row r="53" spans="1:18">
      <c r="A53" s="21" t="s">
        <v>232</v>
      </c>
      <c r="B53" s="10" t="s">
        <v>25</v>
      </c>
      <c r="C53" s="11" t="s">
        <v>25</v>
      </c>
      <c r="D53" s="17">
        <v>988</v>
      </c>
      <c r="E53" s="18">
        <v>16</v>
      </c>
      <c r="F53" s="17">
        <v>243</v>
      </c>
      <c r="G53" s="17">
        <v>728</v>
      </c>
      <c r="H53" s="17">
        <v>39926</v>
      </c>
      <c r="I53" s="17">
        <v>544</v>
      </c>
      <c r="J53" s="18">
        <v>10</v>
      </c>
      <c r="K53" s="17">
        <v>78</v>
      </c>
      <c r="L53" s="17">
        <v>456</v>
      </c>
      <c r="M53" s="17">
        <v>24557</v>
      </c>
      <c r="N53" s="17">
        <v>444</v>
      </c>
      <c r="O53" s="18">
        <v>6</v>
      </c>
      <c r="P53" s="17">
        <v>165</v>
      </c>
      <c r="Q53" s="17">
        <v>272</v>
      </c>
      <c r="R53" s="17">
        <v>15369</v>
      </c>
    </row>
    <row r="54" spans="1:18">
      <c r="A54" s="21" t="s">
        <v>233</v>
      </c>
      <c r="B54" s="10" t="s">
        <v>25</v>
      </c>
      <c r="C54" s="11" t="s">
        <v>25</v>
      </c>
      <c r="D54" s="17">
        <v>418</v>
      </c>
      <c r="E54" s="18">
        <v>6</v>
      </c>
      <c r="F54" s="17">
        <v>107</v>
      </c>
      <c r="G54" s="17">
        <v>304</v>
      </c>
      <c r="H54" s="17">
        <v>16860</v>
      </c>
      <c r="I54" s="17">
        <v>238</v>
      </c>
      <c r="J54" s="18">
        <v>5</v>
      </c>
      <c r="K54" s="17">
        <v>43</v>
      </c>
      <c r="L54" s="17">
        <v>189</v>
      </c>
      <c r="M54" s="17">
        <v>10259</v>
      </c>
      <c r="N54" s="17">
        <v>180</v>
      </c>
      <c r="O54" s="18">
        <v>1</v>
      </c>
      <c r="P54" s="17">
        <v>64</v>
      </c>
      <c r="Q54" s="17">
        <v>115</v>
      </c>
      <c r="R54" s="17">
        <v>6601</v>
      </c>
    </row>
    <row r="55" spans="1:18">
      <c r="A55" s="21" t="s">
        <v>234</v>
      </c>
      <c r="B55" s="10" t="s">
        <v>25</v>
      </c>
      <c r="C55" s="11" t="s">
        <v>25</v>
      </c>
      <c r="D55" s="17">
        <v>416</v>
      </c>
      <c r="E55" s="17">
        <v>5</v>
      </c>
      <c r="F55" s="17">
        <v>117</v>
      </c>
      <c r="G55" s="17">
        <v>293</v>
      </c>
      <c r="H55" s="17">
        <v>16739</v>
      </c>
      <c r="I55" s="17">
        <v>247</v>
      </c>
      <c r="J55" s="17">
        <v>3</v>
      </c>
      <c r="K55" s="17">
        <v>39</v>
      </c>
      <c r="L55" s="17">
        <v>205</v>
      </c>
      <c r="M55" s="17">
        <v>11379</v>
      </c>
      <c r="N55" s="17">
        <v>169</v>
      </c>
      <c r="O55" s="17">
        <v>2</v>
      </c>
      <c r="P55" s="17">
        <v>78</v>
      </c>
      <c r="Q55" s="17">
        <v>88</v>
      </c>
      <c r="R55" s="17">
        <v>5360</v>
      </c>
    </row>
    <row r="56" spans="1:18">
      <c r="A56" s="21" t="s">
        <v>235</v>
      </c>
      <c r="B56" s="10" t="s">
        <v>25</v>
      </c>
      <c r="C56" s="11" t="s">
        <v>25</v>
      </c>
      <c r="D56" s="17">
        <v>9365</v>
      </c>
      <c r="E56" s="17">
        <v>128</v>
      </c>
      <c r="F56" s="17">
        <v>2391</v>
      </c>
      <c r="G56" s="17">
        <v>6820</v>
      </c>
      <c r="H56" s="17">
        <v>376045</v>
      </c>
      <c r="I56" s="17">
        <v>5344</v>
      </c>
      <c r="J56" s="17">
        <v>60</v>
      </c>
      <c r="K56" s="17">
        <v>575</v>
      </c>
      <c r="L56" s="17">
        <v>4687</v>
      </c>
      <c r="M56" s="17">
        <v>246369</v>
      </c>
      <c r="N56" s="17">
        <v>4021</v>
      </c>
      <c r="O56" s="17">
        <v>68</v>
      </c>
      <c r="P56" s="17">
        <v>1816</v>
      </c>
      <c r="Q56" s="17">
        <v>2133</v>
      </c>
      <c r="R56" s="17">
        <v>129676</v>
      </c>
    </row>
    <row r="57" spans="1:18">
      <c r="A57" s="21" t="s">
        <v>236</v>
      </c>
      <c r="B57" s="10" t="s">
        <v>25</v>
      </c>
      <c r="C57" s="11" t="s">
        <v>25</v>
      </c>
      <c r="D57" s="17">
        <v>7884</v>
      </c>
      <c r="E57" s="17">
        <v>109</v>
      </c>
      <c r="F57" s="17">
        <v>2045</v>
      </c>
      <c r="G57" s="17">
        <v>5710</v>
      </c>
      <c r="H57" s="17">
        <v>315135</v>
      </c>
      <c r="I57" s="17">
        <v>4507</v>
      </c>
      <c r="J57" s="18">
        <v>50</v>
      </c>
      <c r="K57" s="17">
        <v>490</v>
      </c>
      <c r="L57" s="17">
        <v>3949</v>
      </c>
      <c r="M57" s="17">
        <v>207258</v>
      </c>
      <c r="N57" s="17">
        <v>3377</v>
      </c>
      <c r="O57" s="17">
        <v>59</v>
      </c>
      <c r="P57" s="17">
        <v>1555</v>
      </c>
      <c r="Q57" s="17">
        <v>1761</v>
      </c>
      <c r="R57" s="17">
        <v>107877</v>
      </c>
    </row>
    <row r="58" spans="1:18">
      <c r="A58" s="21" t="s">
        <v>237</v>
      </c>
      <c r="B58" s="10" t="s">
        <v>25</v>
      </c>
      <c r="C58" s="11" t="s">
        <v>25</v>
      </c>
      <c r="D58" s="17">
        <v>550</v>
      </c>
      <c r="E58" s="17">
        <v>10</v>
      </c>
      <c r="F58" s="17">
        <v>132</v>
      </c>
      <c r="G58" s="17">
        <v>402</v>
      </c>
      <c r="H58" s="17">
        <v>22050</v>
      </c>
      <c r="I58" s="17">
        <v>301</v>
      </c>
      <c r="J58" s="17">
        <v>6</v>
      </c>
      <c r="K58" s="17">
        <v>40</v>
      </c>
      <c r="L58" s="17">
        <v>251</v>
      </c>
      <c r="M58" s="17">
        <v>13357</v>
      </c>
      <c r="N58" s="17">
        <v>249</v>
      </c>
      <c r="O58" s="17">
        <v>4</v>
      </c>
      <c r="P58" s="17">
        <v>92</v>
      </c>
      <c r="Q58" s="17">
        <v>151</v>
      </c>
      <c r="R58" s="17">
        <v>8693</v>
      </c>
    </row>
    <row r="59" spans="1:18">
      <c r="A59" s="21" t="s">
        <v>238</v>
      </c>
      <c r="B59" s="10" t="s">
        <v>25</v>
      </c>
      <c r="C59" s="11" t="s">
        <v>25</v>
      </c>
      <c r="D59" s="17">
        <v>931</v>
      </c>
      <c r="E59" s="17">
        <v>9</v>
      </c>
      <c r="F59" s="17">
        <v>214</v>
      </c>
      <c r="G59" s="17">
        <v>708</v>
      </c>
      <c r="H59" s="17">
        <v>38860</v>
      </c>
      <c r="I59" s="17">
        <v>536</v>
      </c>
      <c r="J59" s="17">
        <v>4</v>
      </c>
      <c r="K59" s="17">
        <v>45</v>
      </c>
      <c r="L59" s="17">
        <v>487</v>
      </c>
      <c r="M59" s="17">
        <v>25754</v>
      </c>
      <c r="N59" s="17">
        <v>395</v>
      </c>
      <c r="O59" s="17">
        <v>5</v>
      </c>
      <c r="P59" s="17">
        <v>169</v>
      </c>
      <c r="Q59" s="17">
        <v>221</v>
      </c>
      <c r="R59" s="17">
        <v>13106</v>
      </c>
    </row>
    <row r="60" spans="1:18">
      <c r="A60" s="21" t="s">
        <v>239</v>
      </c>
      <c r="B60" s="10" t="s">
        <v>25</v>
      </c>
      <c r="C60" s="11" t="s">
        <v>25</v>
      </c>
      <c r="D60" s="17">
        <v>2805</v>
      </c>
      <c r="E60" s="17">
        <v>41</v>
      </c>
      <c r="F60" s="17">
        <v>672</v>
      </c>
      <c r="G60" s="17">
        <v>2082</v>
      </c>
      <c r="H60" s="17">
        <v>114428</v>
      </c>
      <c r="I60" s="17">
        <v>1623</v>
      </c>
      <c r="J60" s="17">
        <v>22</v>
      </c>
      <c r="K60" s="17">
        <v>210</v>
      </c>
      <c r="L60" s="17">
        <v>1384</v>
      </c>
      <c r="M60" s="17">
        <v>74076</v>
      </c>
      <c r="N60" s="17">
        <v>1182</v>
      </c>
      <c r="O60" s="17">
        <v>19</v>
      </c>
      <c r="P60" s="17">
        <v>462</v>
      </c>
      <c r="Q60" s="17">
        <v>698</v>
      </c>
      <c r="R60" s="17">
        <v>40352</v>
      </c>
    </row>
    <row r="61" spans="1:18">
      <c r="A61" s="21" t="s">
        <v>240</v>
      </c>
      <c r="B61" s="10" t="s">
        <v>25</v>
      </c>
      <c r="C61" s="11" t="s">
        <v>25</v>
      </c>
      <c r="D61" s="17">
        <v>930</v>
      </c>
      <c r="E61" s="17">
        <v>11</v>
      </c>
      <c r="F61" s="17">
        <v>226</v>
      </c>
      <c r="G61" s="17">
        <v>691</v>
      </c>
      <c r="H61" s="17">
        <v>38112</v>
      </c>
      <c r="I61" s="17">
        <v>525</v>
      </c>
      <c r="J61" s="17">
        <v>7</v>
      </c>
      <c r="K61" s="17">
        <v>70</v>
      </c>
      <c r="L61" s="17">
        <v>447</v>
      </c>
      <c r="M61" s="17">
        <v>24015</v>
      </c>
      <c r="N61" s="17">
        <v>405</v>
      </c>
      <c r="O61" s="17">
        <v>4</v>
      </c>
      <c r="P61" s="17">
        <v>156</v>
      </c>
      <c r="Q61" s="17">
        <v>244</v>
      </c>
      <c r="R61" s="17">
        <v>14097</v>
      </c>
    </row>
    <row r="62" spans="1:18">
      <c r="A62" s="21" t="s">
        <v>241</v>
      </c>
      <c r="B62" s="10" t="s">
        <v>25</v>
      </c>
      <c r="C62" s="11" t="s">
        <v>25</v>
      </c>
      <c r="D62" s="17">
        <v>791</v>
      </c>
      <c r="E62" s="17">
        <v>11</v>
      </c>
      <c r="F62" s="17">
        <v>215</v>
      </c>
      <c r="G62" s="17">
        <v>562</v>
      </c>
      <c r="H62" s="17">
        <v>31379</v>
      </c>
      <c r="I62" s="17">
        <v>443</v>
      </c>
      <c r="J62" s="17">
        <v>7</v>
      </c>
      <c r="K62" s="17">
        <v>62</v>
      </c>
      <c r="L62" s="17">
        <v>372</v>
      </c>
      <c r="M62" s="17">
        <v>19945</v>
      </c>
      <c r="N62" s="17">
        <v>348</v>
      </c>
      <c r="O62" s="17">
        <v>4</v>
      </c>
      <c r="P62" s="17">
        <v>153</v>
      </c>
      <c r="Q62" s="17">
        <v>190</v>
      </c>
      <c r="R62" s="17">
        <v>11434</v>
      </c>
    </row>
    <row r="63" spans="1:18">
      <c r="A63" s="21" t="s">
        <v>242</v>
      </c>
      <c r="B63" s="10" t="s">
        <v>25</v>
      </c>
      <c r="C63" s="11" t="s">
        <v>25</v>
      </c>
      <c r="D63" s="17">
        <v>1084</v>
      </c>
      <c r="E63" s="17">
        <v>19</v>
      </c>
      <c r="F63" s="17">
        <v>231</v>
      </c>
      <c r="G63" s="17">
        <v>829</v>
      </c>
      <c r="H63" s="17">
        <v>44937</v>
      </c>
      <c r="I63" s="17">
        <v>655</v>
      </c>
      <c r="J63" s="17">
        <v>8</v>
      </c>
      <c r="K63" s="17">
        <v>78</v>
      </c>
      <c r="L63" s="17">
        <v>565</v>
      </c>
      <c r="M63" s="17">
        <v>30116</v>
      </c>
      <c r="N63" s="17">
        <v>429</v>
      </c>
      <c r="O63" s="17">
        <v>11</v>
      </c>
      <c r="P63" s="17">
        <v>153</v>
      </c>
      <c r="Q63" s="17">
        <v>264</v>
      </c>
      <c r="R63" s="17">
        <v>14821</v>
      </c>
    </row>
    <row r="64" spans="1:18">
      <c r="A64" s="21" t="s">
        <v>243</v>
      </c>
      <c r="B64" s="10" t="s">
        <v>25</v>
      </c>
      <c r="C64" s="11" t="s">
        <v>25</v>
      </c>
      <c r="D64" s="17">
        <v>4762</v>
      </c>
      <c r="E64" s="17">
        <v>63</v>
      </c>
      <c r="F64" s="17">
        <v>1264</v>
      </c>
      <c r="G64" s="17">
        <v>3418</v>
      </c>
      <c r="H64" s="17">
        <v>190819</v>
      </c>
      <c r="I64" s="17">
        <v>2702</v>
      </c>
      <c r="J64" s="17">
        <v>35</v>
      </c>
      <c r="K64" s="17">
        <v>361</v>
      </c>
      <c r="L64" s="17">
        <v>2293</v>
      </c>
      <c r="M64" s="17">
        <v>123051</v>
      </c>
      <c r="N64" s="17">
        <v>2060</v>
      </c>
      <c r="O64" s="18">
        <v>28</v>
      </c>
      <c r="P64" s="17">
        <v>903</v>
      </c>
      <c r="Q64" s="17">
        <v>1125</v>
      </c>
      <c r="R64" s="17">
        <v>67768</v>
      </c>
    </row>
    <row r="65" spans="1:18">
      <c r="A65" s="21" t="s">
        <v>244</v>
      </c>
      <c r="B65" s="10" t="s">
        <v>25</v>
      </c>
      <c r="C65" s="11" t="s">
        <v>25</v>
      </c>
      <c r="D65" s="17">
        <v>660</v>
      </c>
      <c r="E65" s="17">
        <v>8</v>
      </c>
      <c r="F65" s="17">
        <v>192</v>
      </c>
      <c r="G65" s="17">
        <v>458</v>
      </c>
      <c r="H65" s="17">
        <v>26079</v>
      </c>
      <c r="I65" s="17">
        <v>376</v>
      </c>
      <c r="J65" s="17">
        <v>5</v>
      </c>
      <c r="K65" s="17">
        <v>65</v>
      </c>
      <c r="L65" s="17">
        <v>305</v>
      </c>
      <c r="M65" s="17">
        <v>16696</v>
      </c>
      <c r="N65" s="17">
        <v>284</v>
      </c>
      <c r="O65" s="17">
        <v>3</v>
      </c>
      <c r="P65" s="17">
        <v>127</v>
      </c>
      <c r="Q65" s="17">
        <v>153</v>
      </c>
      <c r="R65" s="17">
        <v>9383</v>
      </c>
    </row>
    <row r="66" spans="1:18">
      <c r="A66" s="21" t="s">
        <v>245</v>
      </c>
      <c r="B66" s="10" t="s">
        <v>25</v>
      </c>
      <c r="C66" s="11" t="s">
        <v>25</v>
      </c>
      <c r="D66" s="17">
        <v>2122</v>
      </c>
      <c r="E66" s="17">
        <v>33</v>
      </c>
      <c r="F66" s="17">
        <v>575</v>
      </c>
      <c r="G66" s="17">
        <v>1505</v>
      </c>
      <c r="H66" s="17">
        <v>84166</v>
      </c>
      <c r="I66" s="17">
        <v>1188</v>
      </c>
      <c r="J66" s="17">
        <v>20</v>
      </c>
      <c r="K66" s="17">
        <v>178</v>
      </c>
      <c r="L66" s="17">
        <v>982</v>
      </c>
      <c r="M66" s="17">
        <v>53050</v>
      </c>
      <c r="N66" s="17">
        <v>934</v>
      </c>
      <c r="O66" s="17">
        <v>13</v>
      </c>
      <c r="P66" s="17">
        <v>397</v>
      </c>
      <c r="Q66" s="17">
        <v>523</v>
      </c>
      <c r="R66" s="17">
        <v>31116</v>
      </c>
    </row>
    <row r="67" spans="1:18">
      <c r="A67" s="21" t="s">
        <v>246</v>
      </c>
      <c r="B67" s="10" t="s">
        <v>25</v>
      </c>
      <c r="C67" s="11" t="s">
        <v>25</v>
      </c>
      <c r="D67" s="17">
        <v>607</v>
      </c>
      <c r="E67" s="17">
        <v>5</v>
      </c>
      <c r="F67" s="17">
        <v>130</v>
      </c>
      <c r="G67" s="17">
        <v>472</v>
      </c>
      <c r="H67" s="17">
        <v>25565</v>
      </c>
      <c r="I67" s="17">
        <v>389</v>
      </c>
      <c r="J67" s="17" t="s">
        <v>35</v>
      </c>
      <c r="K67" s="17">
        <v>24</v>
      </c>
      <c r="L67" s="17">
        <v>365</v>
      </c>
      <c r="M67" s="17">
        <v>18965</v>
      </c>
      <c r="N67" s="17">
        <v>218</v>
      </c>
      <c r="O67" s="17">
        <v>5</v>
      </c>
      <c r="P67" s="17">
        <v>106</v>
      </c>
      <c r="Q67" s="17">
        <v>107</v>
      </c>
      <c r="R67" s="17">
        <v>6600</v>
      </c>
    </row>
    <row r="68" spans="1:18">
      <c r="A68" s="21" t="s">
        <v>247</v>
      </c>
      <c r="B68" s="10" t="s">
        <v>25</v>
      </c>
      <c r="C68" s="11" t="s">
        <v>25</v>
      </c>
      <c r="D68" s="17">
        <v>705</v>
      </c>
      <c r="E68" s="17">
        <v>9</v>
      </c>
      <c r="F68" s="17">
        <v>200</v>
      </c>
      <c r="G68" s="17">
        <v>493</v>
      </c>
      <c r="H68" s="17">
        <v>27832</v>
      </c>
      <c r="I68" s="17">
        <v>371</v>
      </c>
      <c r="J68" s="17">
        <v>5</v>
      </c>
      <c r="K68" s="17">
        <v>52</v>
      </c>
      <c r="L68" s="17">
        <v>313</v>
      </c>
      <c r="M68" s="17">
        <v>16777</v>
      </c>
      <c r="N68" s="17">
        <v>334</v>
      </c>
      <c r="O68" s="17">
        <v>4</v>
      </c>
      <c r="P68" s="17">
        <v>148</v>
      </c>
      <c r="Q68" s="17">
        <v>180</v>
      </c>
      <c r="R68" s="17">
        <v>11055</v>
      </c>
    </row>
    <row r="69" spans="1:18">
      <c r="A69" s="21" t="s">
        <v>248</v>
      </c>
      <c r="B69" s="10" t="s">
        <v>25</v>
      </c>
      <c r="C69" s="11" t="s">
        <v>25</v>
      </c>
      <c r="D69" s="17">
        <v>668</v>
      </c>
      <c r="E69" s="17">
        <v>8</v>
      </c>
      <c r="F69" s="17">
        <v>167</v>
      </c>
      <c r="G69" s="17">
        <v>490</v>
      </c>
      <c r="H69" s="17">
        <v>27177</v>
      </c>
      <c r="I69" s="17">
        <v>378</v>
      </c>
      <c r="J69" s="17">
        <v>5</v>
      </c>
      <c r="K69" s="17">
        <v>42</v>
      </c>
      <c r="L69" s="17">
        <v>328</v>
      </c>
      <c r="M69" s="17">
        <v>17563</v>
      </c>
      <c r="N69" s="17">
        <v>290</v>
      </c>
      <c r="O69" s="17">
        <v>3</v>
      </c>
      <c r="P69" s="17">
        <v>125</v>
      </c>
      <c r="Q69" s="17">
        <v>162</v>
      </c>
      <c r="R69" s="17">
        <v>9614</v>
      </c>
    </row>
    <row r="70" spans="1:18">
      <c r="B70" s="28"/>
      <c r="C70" s="28"/>
    </row>
    <row r="71" spans="1:18">
      <c r="B71" s="28"/>
      <c r="C71" s="28"/>
    </row>
    <row r="72" spans="1:18">
      <c r="B72" s="28"/>
      <c r="C72" s="28"/>
    </row>
    <row r="73" spans="1:18">
      <c r="B73" s="28"/>
      <c r="C73" s="28"/>
    </row>
    <row r="74" spans="1:18">
      <c r="B74" s="28"/>
      <c r="C74" s="28"/>
    </row>
    <row r="75" spans="1:18">
      <c r="B75" s="28"/>
      <c r="C75" s="28"/>
    </row>
    <row r="76" spans="1:18">
      <c r="B76" s="28"/>
      <c r="C76" s="28"/>
    </row>
    <row r="77" spans="1:18">
      <c r="B77" s="28"/>
      <c r="C77" s="28"/>
    </row>
    <row r="78" spans="1:18">
      <c r="B78" s="28"/>
      <c r="C78" s="28"/>
    </row>
    <row r="79" spans="1:18">
      <c r="B79" s="28"/>
      <c r="C79" s="28"/>
    </row>
    <row r="80" spans="1:18">
      <c r="B80" s="28"/>
      <c r="C80" s="28"/>
    </row>
    <row r="81" spans="2:3">
      <c r="B81" s="28"/>
      <c r="C81" s="28"/>
    </row>
    <row r="82" spans="2:3">
      <c r="B82" s="28"/>
      <c r="C82" s="28"/>
    </row>
    <row r="83" spans="2:3">
      <c r="B83" s="28"/>
      <c r="C83" s="28"/>
    </row>
    <row r="84" spans="2:3">
      <c r="B84" s="28"/>
      <c r="C84" s="28"/>
    </row>
    <row r="85" spans="2:3">
      <c r="B85" s="28"/>
      <c r="C85" s="28"/>
    </row>
    <row r="86" spans="2:3">
      <c r="B86" s="28"/>
      <c r="C86" s="28"/>
    </row>
  </sheetData>
  <mergeCells count="7">
    <mergeCell ref="A1:D1"/>
    <mergeCell ref="A3:R3"/>
    <mergeCell ref="A6:A7"/>
    <mergeCell ref="B6:C7"/>
    <mergeCell ref="D6:H6"/>
    <mergeCell ref="I6:M6"/>
    <mergeCell ref="N6:R6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65" fitToHeight="0" pageOrder="overThenDown" orientation="landscape" horizontalDpi="300" verticalDpi="300" r:id="rId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R73"/>
  <sheetViews>
    <sheetView zoomScaleNormal="100" workbookViewId="0">
      <selection sqref="A1:XFD2"/>
    </sheetView>
  </sheetViews>
  <sheetFormatPr defaultRowHeight="13.5"/>
  <cols>
    <col min="1" max="1" width="25.83203125" style="12" customWidth="1"/>
    <col min="2" max="3" width="4.83203125" style="12" customWidth="1"/>
    <col min="4" max="4" width="22.1640625" style="9" customWidth="1"/>
    <col min="5" max="5" width="13.6640625" style="9" bestFit="1" customWidth="1"/>
    <col min="6" max="7" width="19.5" style="9" bestFit="1" customWidth="1"/>
    <col min="8" max="8" width="30.33203125" style="9" bestFit="1" customWidth="1"/>
    <col min="9" max="9" width="22.1640625" style="9" customWidth="1"/>
    <col min="10" max="10" width="13.6640625" style="9" bestFit="1" customWidth="1"/>
    <col min="11" max="12" width="19.5" style="9" bestFit="1" customWidth="1"/>
    <col min="13" max="13" width="30.33203125" style="9" bestFit="1" customWidth="1"/>
    <col min="14" max="14" width="22.6640625" style="9" customWidth="1"/>
    <col min="15" max="15" width="13.6640625" style="9" bestFit="1" customWidth="1"/>
    <col min="16" max="17" width="19.5" style="9" bestFit="1" customWidth="1"/>
    <col min="18" max="18" width="30.33203125" style="9" bestFit="1" customWidth="1"/>
    <col min="19" max="16384" width="9.33203125" style="9"/>
  </cols>
  <sheetData>
    <row r="1" spans="1:18" s="1" customFormat="1" ht="16.5" customHeight="1">
      <c r="A1" s="37" t="s">
        <v>0</v>
      </c>
      <c r="B1" s="37"/>
      <c r="C1" s="37"/>
      <c r="D1" s="37"/>
      <c r="I1" s="2"/>
      <c r="J1" s="2"/>
      <c r="K1" s="2"/>
      <c r="L1" s="2"/>
      <c r="M1" s="2"/>
      <c r="N1" s="2"/>
      <c r="O1" s="2"/>
    </row>
    <row r="2" spans="1:18" s="1" customFormat="1" ht="16.5" customHeight="1">
      <c r="I2" s="2"/>
      <c r="J2" s="2"/>
      <c r="K2" s="2"/>
      <c r="L2" s="2"/>
      <c r="M2" s="2"/>
      <c r="N2" s="2"/>
      <c r="O2" s="2"/>
    </row>
    <row r="3" spans="1:18">
      <c r="A3" s="38" t="s">
        <v>2462</v>
      </c>
      <c r="B3" s="38"/>
      <c r="C3" s="38"/>
      <c r="D3" s="38"/>
      <c r="E3" s="38"/>
      <c r="F3" s="38"/>
      <c r="G3" s="38"/>
      <c r="H3" s="38"/>
      <c r="I3" s="38"/>
      <c r="J3" s="38"/>
      <c r="K3" s="38"/>
      <c r="L3" s="38"/>
      <c r="M3" s="38"/>
      <c r="N3" s="38"/>
      <c r="O3" s="38"/>
      <c r="P3" s="38"/>
      <c r="Q3" s="38"/>
      <c r="R3" s="38"/>
    </row>
    <row r="4" spans="1:18">
      <c r="A4" s="9"/>
      <c r="B4" s="9"/>
      <c r="C4" s="9"/>
    </row>
    <row r="6" spans="1:18" ht="13.5" customHeight="1">
      <c r="A6" s="48" t="s">
        <v>26</v>
      </c>
      <c r="B6" s="41" t="s">
        <v>27</v>
      </c>
      <c r="C6" s="42"/>
      <c r="D6" s="45" t="s">
        <v>2463</v>
      </c>
      <c r="E6" s="46"/>
      <c r="F6" s="46"/>
      <c r="G6" s="46"/>
      <c r="H6" s="47"/>
      <c r="I6" s="45" t="s">
        <v>2464</v>
      </c>
      <c r="J6" s="46"/>
      <c r="K6" s="46"/>
      <c r="L6" s="46"/>
      <c r="M6" s="47"/>
      <c r="N6" s="45" t="s">
        <v>2465</v>
      </c>
      <c r="O6" s="46"/>
      <c r="P6" s="46"/>
      <c r="Q6" s="46"/>
      <c r="R6" s="47"/>
    </row>
    <row r="7" spans="1:18" s="23" customFormat="1">
      <c r="A7" s="49"/>
      <c r="B7" s="43"/>
      <c r="C7" s="44"/>
      <c r="D7" s="29" t="s">
        <v>2466</v>
      </c>
      <c r="E7" s="29" t="s">
        <v>2467</v>
      </c>
      <c r="F7" s="29" t="s">
        <v>2468</v>
      </c>
      <c r="G7" s="29" t="s">
        <v>2469</v>
      </c>
      <c r="H7" s="29" t="s">
        <v>2470</v>
      </c>
      <c r="I7" s="29" t="s">
        <v>2471</v>
      </c>
      <c r="J7" s="29" t="s">
        <v>2467</v>
      </c>
      <c r="K7" s="29" t="s">
        <v>2468</v>
      </c>
      <c r="L7" s="29" t="s">
        <v>2469</v>
      </c>
      <c r="M7" s="29" t="s">
        <v>2470</v>
      </c>
      <c r="N7" s="29" t="s">
        <v>2471</v>
      </c>
      <c r="O7" s="29" t="s">
        <v>2467</v>
      </c>
      <c r="P7" s="29" t="s">
        <v>2468</v>
      </c>
      <c r="Q7" s="29" t="s">
        <v>2469</v>
      </c>
      <c r="R7" s="29" t="s">
        <v>2470</v>
      </c>
    </row>
    <row r="8" spans="1:18" s="15" customFormat="1">
      <c r="A8" s="20" t="s">
        <v>249</v>
      </c>
      <c r="B8" s="13" t="s">
        <v>25</v>
      </c>
      <c r="C8" s="14" t="s">
        <v>25</v>
      </c>
      <c r="D8" s="16">
        <v>29254</v>
      </c>
      <c r="E8" s="16">
        <v>467</v>
      </c>
      <c r="F8" s="16">
        <v>6762</v>
      </c>
      <c r="G8" s="16">
        <v>21962</v>
      </c>
      <c r="H8" s="16">
        <v>1225828</v>
      </c>
      <c r="I8" s="16">
        <v>16239</v>
      </c>
      <c r="J8" s="16">
        <v>232</v>
      </c>
      <c r="K8" s="16">
        <v>1917</v>
      </c>
      <c r="L8" s="16">
        <v>14050</v>
      </c>
      <c r="M8" s="16">
        <v>765355</v>
      </c>
      <c r="N8" s="16">
        <v>13015</v>
      </c>
      <c r="O8" s="16">
        <v>235</v>
      </c>
      <c r="P8" s="16">
        <v>4845</v>
      </c>
      <c r="Q8" s="16">
        <v>7912</v>
      </c>
      <c r="R8" s="16">
        <v>460473</v>
      </c>
    </row>
    <row r="9" spans="1:18">
      <c r="A9" s="30" t="s">
        <v>250</v>
      </c>
      <c r="B9" s="10" t="s">
        <v>25</v>
      </c>
      <c r="C9" s="11" t="s">
        <v>25</v>
      </c>
      <c r="D9" s="17">
        <v>4732</v>
      </c>
      <c r="E9" s="17">
        <v>91</v>
      </c>
      <c r="F9" s="17">
        <v>1036</v>
      </c>
      <c r="G9" s="17">
        <v>3590</v>
      </c>
      <c r="H9" s="17">
        <v>201137</v>
      </c>
      <c r="I9" s="17">
        <v>2501</v>
      </c>
      <c r="J9" s="17">
        <v>41</v>
      </c>
      <c r="K9" s="17">
        <v>298</v>
      </c>
      <c r="L9" s="17">
        <v>2154</v>
      </c>
      <c r="M9" s="17">
        <v>118642</v>
      </c>
      <c r="N9" s="17">
        <v>2231</v>
      </c>
      <c r="O9" s="17">
        <v>50</v>
      </c>
      <c r="P9" s="17">
        <v>738</v>
      </c>
      <c r="Q9" s="17">
        <v>1436</v>
      </c>
      <c r="R9" s="17">
        <v>82495</v>
      </c>
    </row>
    <row r="10" spans="1:18">
      <c r="A10" s="21" t="s">
        <v>251</v>
      </c>
      <c r="B10" s="10" t="s">
        <v>25</v>
      </c>
      <c r="C10" s="11" t="s">
        <v>25</v>
      </c>
      <c r="D10" s="17">
        <v>261</v>
      </c>
      <c r="E10" s="17">
        <v>4</v>
      </c>
      <c r="F10" s="17">
        <v>56</v>
      </c>
      <c r="G10" s="17">
        <v>200</v>
      </c>
      <c r="H10" s="17">
        <v>11232</v>
      </c>
      <c r="I10" s="17">
        <v>133</v>
      </c>
      <c r="J10" s="17">
        <v>2</v>
      </c>
      <c r="K10" s="17">
        <v>18</v>
      </c>
      <c r="L10" s="17">
        <v>113</v>
      </c>
      <c r="M10" s="17">
        <v>6296</v>
      </c>
      <c r="N10" s="17">
        <v>128</v>
      </c>
      <c r="O10" s="17">
        <v>2</v>
      </c>
      <c r="P10" s="17">
        <v>38</v>
      </c>
      <c r="Q10" s="17">
        <v>87</v>
      </c>
      <c r="R10" s="17">
        <v>4936</v>
      </c>
    </row>
    <row r="11" spans="1:18">
      <c r="A11" s="21" t="s">
        <v>252</v>
      </c>
      <c r="B11" s="10" t="s">
        <v>25</v>
      </c>
      <c r="C11" s="11" t="s">
        <v>25</v>
      </c>
      <c r="D11" s="17">
        <v>302</v>
      </c>
      <c r="E11" s="17">
        <v>5</v>
      </c>
      <c r="F11" s="17">
        <v>82</v>
      </c>
      <c r="G11" s="17">
        <v>215</v>
      </c>
      <c r="H11" s="17">
        <v>12231</v>
      </c>
      <c r="I11" s="17">
        <v>160</v>
      </c>
      <c r="J11" s="17">
        <v>4</v>
      </c>
      <c r="K11" s="17">
        <v>20</v>
      </c>
      <c r="L11" s="17">
        <v>136</v>
      </c>
      <c r="M11" s="17">
        <v>7405</v>
      </c>
      <c r="N11" s="17">
        <v>142</v>
      </c>
      <c r="O11" s="17">
        <v>1</v>
      </c>
      <c r="P11" s="17">
        <v>62</v>
      </c>
      <c r="Q11" s="17">
        <v>79</v>
      </c>
      <c r="R11" s="17">
        <v>4826</v>
      </c>
    </row>
    <row r="12" spans="1:18">
      <c r="A12" s="21" t="s">
        <v>253</v>
      </c>
      <c r="B12" s="10" t="s">
        <v>25</v>
      </c>
      <c r="C12" s="11" t="s">
        <v>25</v>
      </c>
      <c r="D12" s="17">
        <v>952</v>
      </c>
      <c r="E12" s="17">
        <v>17</v>
      </c>
      <c r="F12" s="17">
        <v>190</v>
      </c>
      <c r="G12" s="17">
        <v>742</v>
      </c>
      <c r="H12" s="17">
        <v>41026</v>
      </c>
      <c r="I12" s="17">
        <v>512</v>
      </c>
      <c r="J12" s="17">
        <v>8</v>
      </c>
      <c r="K12" s="17">
        <v>51</v>
      </c>
      <c r="L12" s="17">
        <v>451</v>
      </c>
      <c r="M12" s="17">
        <v>24632</v>
      </c>
      <c r="N12" s="17">
        <v>440</v>
      </c>
      <c r="O12" s="17">
        <v>9</v>
      </c>
      <c r="P12" s="17">
        <v>139</v>
      </c>
      <c r="Q12" s="17">
        <v>291</v>
      </c>
      <c r="R12" s="17">
        <v>16394</v>
      </c>
    </row>
    <row r="13" spans="1:18">
      <c r="A13" s="21" t="s">
        <v>254</v>
      </c>
      <c r="B13" s="10" t="s">
        <v>25</v>
      </c>
      <c r="C13" s="11" t="s">
        <v>25</v>
      </c>
      <c r="D13" s="17">
        <v>609</v>
      </c>
      <c r="E13" s="17">
        <v>16</v>
      </c>
      <c r="F13" s="17">
        <v>141</v>
      </c>
      <c r="G13" s="17">
        <v>450</v>
      </c>
      <c r="H13" s="17">
        <v>25268</v>
      </c>
      <c r="I13" s="17">
        <v>327</v>
      </c>
      <c r="J13" s="17">
        <v>5</v>
      </c>
      <c r="K13" s="17">
        <v>34</v>
      </c>
      <c r="L13" s="17">
        <v>287</v>
      </c>
      <c r="M13" s="17">
        <v>15545</v>
      </c>
      <c r="N13" s="17">
        <v>282</v>
      </c>
      <c r="O13" s="17">
        <v>11</v>
      </c>
      <c r="P13" s="17">
        <v>107</v>
      </c>
      <c r="Q13" s="17">
        <v>163</v>
      </c>
      <c r="R13" s="17">
        <v>9723</v>
      </c>
    </row>
    <row r="14" spans="1:18">
      <c r="A14" s="21" t="s">
        <v>255</v>
      </c>
      <c r="B14" s="10" t="s">
        <v>25</v>
      </c>
      <c r="C14" s="11" t="s">
        <v>25</v>
      </c>
      <c r="D14" s="17">
        <v>488</v>
      </c>
      <c r="E14" s="17">
        <v>11</v>
      </c>
      <c r="F14" s="17">
        <v>116</v>
      </c>
      <c r="G14" s="17">
        <v>360</v>
      </c>
      <c r="H14" s="17">
        <v>20355</v>
      </c>
      <c r="I14" s="17">
        <v>248</v>
      </c>
      <c r="J14" s="17">
        <v>3</v>
      </c>
      <c r="K14" s="17">
        <v>36</v>
      </c>
      <c r="L14" s="17">
        <v>209</v>
      </c>
      <c r="M14" s="17">
        <v>11618</v>
      </c>
      <c r="N14" s="17">
        <v>240</v>
      </c>
      <c r="O14" s="18">
        <v>8</v>
      </c>
      <c r="P14" s="17">
        <v>80</v>
      </c>
      <c r="Q14" s="18">
        <v>151</v>
      </c>
      <c r="R14" s="17">
        <v>8737</v>
      </c>
    </row>
    <row r="15" spans="1:18">
      <c r="A15" s="21" t="s">
        <v>256</v>
      </c>
      <c r="B15" s="10" t="s">
        <v>25</v>
      </c>
      <c r="C15" s="11" t="s">
        <v>25</v>
      </c>
      <c r="D15" s="17">
        <v>922</v>
      </c>
      <c r="E15" s="17">
        <v>10</v>
      </c>
      <c r="F15" s="18">
        <v>197</v>
      </c>
      <c r="G15" s="17">
        <v>715</v>
      </c>
      <c r="H15" s="17">
        <v>40518</v>
      </c>
      <c r="I15" s="17">
        <v>472</v>
      </c>
      <c r="J15" s="17">
        <v>3</v>
      </c>
      <c r="K15" s="18">
        <v>59</v>
      </c>
      <c r="L15" s="17">
        <v>410</v>
      </c>
      <c r="M15" s="17">
        <v>22865</v>
      </c>
      <c r="N15" s="17">
        <v>450</v>
      </c>
      <c r="O15" s="18">
        <v>7</v>
      </c>
      <c r="P15" s="18">
        <v>138</v>
      </c>
      <c r="Q15" s="17">
        <v>305</v>
      </c>
      <c r="R15" s="17">
        <v>17653</v>
      </c>
    </row>
    <row r="16" spans="1:18">
      <c r="A16" s="21" t="s">
        <v>257</v>
      </c>
      <c r="B16" s="10" t="s">
        <v>25</v>
      </c>
      <c r="C16" s="11" t="s">
        <v>25</v>
      </c>
      <c r="D16" s="17">
        <v>555</v>
      </c>
      <c r="E16" s="17">
        <v>11</v>
      </c>
      <c r="F16" s="18">
        <v>103</v>
      </c>
      <c r="G16" s="18">
        <v>437</v>
      </c>
      <c r="H16" s="18">
        <v>24209</v>
      </c>
      <c r="I16" s="18">
        <v>290</v>
      </c>
      <c r="J16" s="18">
        <v>5</v>
      </c>
      <c r="K16" s="18">
        <v>25</v>
      </c>
      <c r="L16" s="18">
        <v>258</v>
      </c>
      <c r="M16" s="18">
        <v>14152</v>
      </c>
      <c r="N16" s="17">
        <v>265</v>
      </c>
      <c r="O16" s="17">
        <v>6</v>
      </c>
      <c r="P16" s="18">
        <v>78</v>
      </c>
      <c r="Q16" s="18">
        <v>179</v>
      </c>
      <c r="R16" s="18">
        <v>10057</v>
      </c>
    </row>
    <row r="17" spans="1:18">
      <c r="A17" s="21" t="s">
        <v>258</v>
      </c>
      <c r="B17" s="10" t="s">
        <v>25</v>
      </c>
      <c r="C17" s="11" t="s">
        <v>25</v>
      </c>
      <c r="D17" s="17">
        <v>643</v>
      </c>
      <c r="E17" s="17">
        <v>17</v>
      </c>
      <c r="F17" s="17">
        <v>151</v>
      </c>
      <c r="G17" s="17">
        <v>471</v>
      </c>
      <c r="H17" s="17">
        <v>26298</v>
      </c>
      <c r="I17" s="17">
        <v>359</v>
      </c>
      <c r="J17" s="17">
        <v>11</v>
      </c>
      <c r="K17" s="17">
        <v>55</v>
      </c>
      <c r="L17" s="17">
        <v>290</v>
      </c>
      <c r="M17" s="17">
        <v>16129</v>
      </c>
      <c r="N17" s="17">
        <v>284</v>
      </c>
      <c r="O17" s="17">
        <v>6</v>
      </c>
      <c r="P17" s="17">
        <v>96</v>
      </c>
      <c r="Q17" s="17">
        <v>181</v>
      </c>
      <c r="R17" s="17">
        <v>10169</v>
      </c>
    </row>
    <row r="18" spans="1:18">
      <c r="A18" s="21" t="s">
        <v>259</v>
      </c>
      <c r="B18" s="10" t="s">
        <v>25</v>
      </c>
      <c r="C18" s="11" t="s">
        <v>25</v>
      </c>
      <c r="D18" s="18">
        <v>3191</v>
      </c>
      <c r="E18" s="18">
        <v>31</v>
      </c>
      <c r="F18" s="18">
        <v>731</v>
      </c>
      <c r="G18" s="18">
        <v>2425</v>
      </c>
      <c r="H18" s="18">
        <v>135311</v>
      </c>
      <c r="I18" s="18">
        <v>1733</v>
      </c>
      <c r="J18" s="18">
        <v>15</v>
      </c>
      <c r="K18" s="18">
        <v>187</v>
      </c>
      <c r="L18" s="18">
        <v>1528</v>
      </c>
      <c r="M18" s="18">
        <v>83425</v>
      </c>
      <c r="N18" s="18">
        <v>1458</v>
      </c>
      <c r="O18" s="18">
        <v>16</v>
      </c>
      <c r="P18" s="18">
        <v>544</v>
      </c>
      <c r="Q18" s="18">
        <v>897</v>
      </c>
      <c r="R18" s="18">
        <v>51886</v>
      </c>
    </row>
    <row r="19" spans="1:18">
      <c r="A19" s="21" t="s">
        <v>260</v>
      </c>
      <c r="B19" s="10" t="s">
        <v>25</v>
      </c>
      <c r="C19" s="11" t="s">
        <v>25</v>
      </c>
      <c r="D19" s="17">
        <v>998</v>
      </c>
      <c r="E19" s="17">
        <v>10</v>
      </c>
      <c r="F19" s="17">
        <v>229</v>
      </c>
      <c r="G19" s="17">
        <v>757</v>
      </c>
      <c r="H19" s="17">
        <v>42402</v>
      </c>
      <c r="I19" s="17">
        <v>576</v>
      </c>
      <c r="J19" s="17">
        <v>1</v>
      </c>
      <c r="K19" s="17">
        <v>59</v>
      </c>
      <c r="L19" s="17">
        <v>515</v>
      </c>
      <c r="M19" s="17">
        <v>28168</v>
      </c>
      <c r="N19" s="17">
        <v>422</v>
      </c>
      <c r="O19" s="17">
        <v>9</v>
      </c>
      <c r="P19" s="17">
        <v>170</v>
      </c>
      <c r="Q19" s="17">
        <v>242</v>
      </c>
      <c r="R19" s="17">
        <v>14234</v>
      </c>
    </row>
    <row r="20" spans="1:18">
      <c r="A20" s="21" t="s">
        <v>261</v>
      </c>
      <c r="B20" s="10" t="s">
        <v>25</v>
      </c>
      <c r="C20" s="11" t="s">
        <v>25</v>
      </c>
      <c r="D20" s="18">
        <v>1299</v>
      </c>
      <c r="E20" s="18">
        <v>10</v>
      </c>
      <c r="F20" s="18">
        <v>294</v>
      </c>
      <c r="G20" s="18">
        <v>994</v>
      </c>
      <c r="H20" s="18">
        <v>54701</v>
      </c>
      <c r="I20" s="18">
        <v>646</v>
      </c>
      <c r="J20" s="18">
        <v>8</v>
      </c>
      <c r="K20" s="18">
        <v>69</v>
      </c>
      <c r="L20" s="18">
        <v>568</v>
      </c>
      <c r="M20" s="18">
        <v>30763</v>
      </c>
      <c r="N20" s="18">
        <v>653</v>
      </c>
      <c r="O20" s="18">
        <v>2</v>
      </c>
      <c r="P20" s="18">
        <v>225</v>
      </c>
      <c r="Q20" s="18">
        <v>426</v>
      </c>
      <c r="R20" s="18">
        <v>23938</v>
      </c>
    </row>
    <row r="21" spans="1:18">
      <c r="A21" s="21" t="s">
        <v>262</v>
      </c>
      <c r="B21" s="10" t="s">
        <v>25</v>
      </c>
      <c r="C21" s="11" t="s">
        <v>25</v>
      </c>
      <c r="D21" s="17">
        <v>289</v>
      </c>
      <c r="E21" s="17">
        <v>2</v>
      </c>
      <c r="F21" s="17">
        <v>68</v>
      </c>
      <c r="G21" s="17">
        <v>218</v>
      </c>
      <c r="H21" s="17">
        <v>12530</v>
      </c>
      <c r="I21" s="17">
        <v>171</v>
      </c>
      <c r="J21" s="17">
        <v>1</v>
      </c>
      <c r="K21" s="17">
        <v>21</v>
      </c>
      <c r="L21" s="17">
        <v>148</v>
      </c>
      <c r="M21" s="17">
        <v>8268</v>
      </c>
      <c r="N21" s="17">
        <v>118</v>
      </c>
      <c r="O21" s="17">
        <v>1</v>
      </c>
      <c r="P21" s="17">
        <v>47</v>
      </c>
      <c r="Q21" s="17">
        <v>70</v>
      </c>
      <c r="R21" s="17">
        <v>4262</v>
      </c>
    </row>
    <row r="22" spans="1:18">
      <c r="A22" s="21" t="s">
        <v>263</v>
      </c>
      <c r="B22" s="10" t="s">
        <v>25</v>
      </c>
      <c r="C22" s="11" t="s">
        <v>25</v>
      </c>
      <c r="D22" s="17">
        <v>605</v>
      </c>
      <c r="E22" s="17">
        <v>9</v>
      </c>
      <c r="F22" s="17">
        <v>140</v>
      </c>
      <c r="G22" s="17">
        <v>456</v>
      </c>
      <c r="H22" s="17">
        <v>25678</v>
      </c>
      <c r="I22" s="17">
        <v>340</v>
      </c>
      <c r="J22" s="17">
        <v>5</v>
      </c>
      <c r="K22" s="17">
        <v>38</v>
      </c>
      <c r="L22" s="17">
        <v>297</v>
      </c>
      <c r="M22" s="17">
        <v>16226</v>
      </c>
      <c r="N22" s="17">
        <v>265</v>
      </c>
      <c r="O22" s="17">
        <v>4</v>
      </c>
      <c r="P22" s="17">
        <v>102</v>
      </c>
      <c r="Q22" s="17">
        <v>159</v>
      </c>
      <c r="R22" s="17">
        <v>9452</v>
      </c>
    </row>
    <row r="23" spans="1:18">
      <c r="A23" s="21" t="s">
        <v>264</v>
      </c>
      <c r="B23" s="10" t="s">
        <v>25</v>
      </c>
      <c r="C23" s="11" t="s">
        <v>25</v>
      </c>
      <c r="D23" s="17">
        <v>2896</v>
      </c>
      <c r="E23" s="18">
        <v>42</v>
      </c>
      <c r="F23" s="17">
        <v>696</v>
      </c>
      <c r="G23" s="17">
        <v>2152</v>
      </c>
      <c r="H23" s="17">
        <v>121431</v>
      </c>
      <c r="I23" s="17">
        <v>1657</v>
      </c>
      <c r="J23" s="18">
        <v>23</v>
      </c>
      <c r="K23" s="17">
        <v>211</v>
      </c>
      <c r="L23" s="17">
        <v>1417</v>
      </c>
      <c r="M23" s="17">
        <v>77364</v>
      </c>
      <c r="N23" s="17">
        <v>1239</v>
      </c>
      <c r="O23" s="18">
        <v>19</v>
      </c>
      <c r="P23" s="17">
        <v>485</v>
      </c>
      <c r="Q23" s="17">
        <v>735</v>
      </c>
      <c r="R23" s="17">
        <v>44067</v>
      </c>
    </row>
    <row r="24" spans="1:18">
      <c r="A24" s="21" t="s">
        <v>265</v>
      </c>
      <c r="B24" s="10" t="s">
        <v>25</v>
      </c>
      <c r="C24" s="11" t="s">
        <v>25</v>
      </c>
      <c r="D24" s="17" t="s">
        <v>35</v>
      </c>
      <c r="E24" s="17" t="s">
        <v>35</v>
      </c>
      <c r="F24" s="17" t="s">
        <v>35</v>
      </c>
      <c r="G24" s="17" t="s">
        <v>35</v>
      </c>
      <c r="H24" s="17" t="s">
        <v>35</v>
      </c>
      <c r="I24" s="17" t="s">
        <v>35</v>
      </c>
      <c r="J24" s="17" t="s">
        <v>35</v>
      </c>
      <c r="K24" s="17" t="s">
        <v>35</v>
      </c>
      <c r="L24" s="17" t="s">
        <v>35</v>
      </c>
      <c r="M24" s="17" t="s">
        <v>35</v>
      </c>
      <c r="N24" s="17" t="s">
        <v>35</v>
      </c>
      <c r="O24" s="17" t="s">
        <v>35</v>
      </c>
      <c r="P24" s="17" t="s">
        <v>35</v>
      </c>
      <c r="Q24" s="17" t="s">
        <v>35</v>
      </c>
      <c r="R24" s="17" t="s">
        <v>35</v>
      </c>
    </row>
    <row r="25" spans="1:18">
      <c r="A25" s="21" t="s">
        <v>266</v>
      </c>
      <c r="B25" s="10" t="s">
        <v>25</v>
      </c>
      <c r="C25" s="11" t="s">
        <v>25</v>
      </c>
      <c r="D25" s="17">
        <v>968</v>
      </c>
      <c r="E25" s="17">
        <v>12</v>
      </c>
      <c r="F25" s="17">
        <v>236</v>
      </c>
      <c r="G25" s="17">
        <v>720</v>
      </c>
      <c r="H25" s="17">
        <v>40984</v>
      </c>
      <c r="I25" s="17">
        <v>551</v>
      </c>
      <c r="J25" s="17">
        <v>8</v>
      </c>
      <c r="K25" s="17">
        <v>66</v>
      </c>
      <c r="L25" s="17">
        <v>477</v>
      </c>
      <c r="M25" s="17">
        <v>26116</v>
      </c>
      <c r="N25" s="17">
        <v>417</v>
      </c>
      <c r="O25" s="17">
        <v>4</v>
      </c>
      <c r="P25" s="17">
        <v>170</v>
      </c>
      <c r="Q25" s="17">
        <v>243</v>
      </c>
      <c r="R25" s="17">
        <v>14868</v>
      </c>
    </row>
    <row r="26" spans="1:18">
      <c r="A26" s="21" t="s">
        <v>267</v>
      </c>
      <c r="B26" s="10" t="s">
        <v>25</v>
      </c>
      <c r="C26" s="11" t="s">
        <v>25</v>
      </c>
      <c r="D26" s="17">
        <v>543</v>
      </c>
      <c r="E26" s="17">
        <v>8</v>
      </c>
      <c r="F26" s="17">
        <v>115</v>
      </c>
      <c r="G26" s="17">
        <v>417</v>
      </c>
      <c r="H26" s="17">
        <v>22814</v>
      </c>
      <c r="I26" s="17">
        <v>297</v>
      </c>
      <c r="J26" s="17">
        <v>3</v>
      </c>
      <c r="K26" s="17">
        <v>36</v>
      </c>
      <c r="L26" s="17">
        <v>255</v>
      </c>
      <c r="M26" s="17">
        <v>13706</v>
      </c>
      <c r="N26" s="17">
        <v>246</v>
      </c>
      <c r="O26" s="17">
        <v>5</v>
      </c>
      <c r="P26" s="17">
        <v>79</v>
      </c>
      <c r="Q26" s="17">
        <v>162</v>
      </c>
      <c r="R26" s="17">
        <v>9108</v>
      </c>
    </row>
    <row r="27" spans="1:18">
      <c r="A27" s="21" t="s">
        <v>268</v>
      </c>
      <c r="B27" s="10" t="s">
        <v>25</v>
      </c>
      <c r="C27" s="11" t="s">
        <v>25</v>
      </c>
      <c r="D27" s="17">
        <v>186</v>
      </c>
      <c r="E27" s="17">
        <v>1</v>
      </c>
      <c r="F27" s="17">
        <v>47</v>
      </c>
      <c r="G27" s="17">
        <v>138</v>
      </c>
      <c r="H27" s="17">
        <v>7714</v>
      </c>
      <c r="I27" s="17">
        <v>101</v>
      </c>
      <c r="J27" s="17">
        <v>1</v>
      </c>
      <c r="K27" s="17">
        <v>17</v>
      </c>
      <c r="L27" s="17">
        <v>83</v>
      </c>
      <c r="M27" s="17">
        <v>4662</v>
      </c>
      <c r="N27" s="17">
        <v>85</v>
      </c>
      <c r="O27" s="17" t="s">
        <v>35</v>
      </c>
      <c r="P27" s="17">
        <v>30</v>
      </c>
      <c r="Q27" s="17">
        <v>55</v>
      </c>
      <c r="R27" s="17">
        <v>3052</v>
      </c>
    </row>
    <row r="28" spans="1:18">
      <c r="A28" s="21" t="s">
        <v>269</v>
      </c>
      <c r="B28" s="10" t="s">
        <v>25</v>
      </c>
      <c r="C28" s="11" t="s">
        <v>25</v>
      </c>
      <c r="D28" s="17">
        <v>878</v>
      </c>
      <c r="E28" s="17">
        <v>15</v>
      </c>
      <c r="F28" s="17">
        <v>228</v>
      </c>
      <c r="G28" s="17">
        <v>634</v>
      </c>
      <c r="H28" s="17">
        <v>36161</v>
      </c>
      <c r="I28" s="17">
        <v>526</v>
      </c>
      <c r="J28" s="17">
        <v>10</v>
      </c>
      <c r="K28" s="17">
        <v>74</v>
      </c>
      <c r="L28" s="17">
        <v>441</v>
      </c>
      <c r="M28" s="17">
        <v>23949</v>
      </c>
      <c r="N28" s="17">
        <v>352</v>
      </c>
      <c r="O28" s="17">
        <v>5</v>
      </c>
      <c r="P28" s="17">
        <v>154</v>
      </c>
      <c r="Q28" s="17">
        <v>193</v>
      </c>
      <c r="R28" s="17">
        <v>12212</v>
      </c>
    </row>
    <row r="29" spans="1:18">
      <c r="A29" s="21" t="s">
        <v>270</v>
      </c>
      <c r="B29" s="10" t="s">
        <v>25</v>
      </c>
      <c r="C29" s="11" t="s">
        <v>25</v>
      </c>
      <c r="D29" s="17">
        <v>321</v>
      </c>
      <c r="E29" s="17">
        <v>6</v>
      </c>
      <c r="F29" s="17">
        <v>70</v>
      </c>
      <c r="G29" s="17">
        <v>243</v>
      </c>
      <c r="H29" s="17">
        <v>13758</v>
      </c>
      <c r="I29" s="17">
        <v>182</v>
      </c>
      <c r="J29" s="17">
        <v>1</v>
      </c>
      <c r="K29" s="17">
        <v>18</v>
      </c>
      <c r="L29" s="17">
        <v>161</v>
      </c>
      <c r="M29" s="17">
        <v>8931</v>
      </c>
      <c r="N29" s="17">
        <v>139</v>
      </c>
      <c r="O29" s="17">
        <v>5</v>
      </c>
      <c r="P29" s="17">
        <v>52</v>
      </c>
      <c r="Q29" s="17">
        <v>82</v>
      </c>
      <c r="R29" s="17">
        <v>4827</v>
      </c>
    </row>
    <row r="30" spans="1:18">
      <c r="A30" s="21" t="s">
        <v>271</v>
      </c>
      <c r="B30" s="10" t="s">
        <v>25</v>
      </c>
      <c r="C30" s="11" t="s">
        <v>25</v>
      </c>
      <c r="D30" s="17">
        <v>4821</v>
      </c>
      <c r="E30" s="17">
        <v>82</v>
      </c>
      <c r="F30" s="17">
        <v>1061</v>
      </c>
      <c r="G30" s="17">
        <v>3670</v>
      </c>
      <c r="H30" s="17">
        <v>203270</v>
      </c>
      <c r="I30" s="17">
        <v>2690</v>
      </c>
      <c r="J30" s="17">
        <v>41</v>
      </c>
      <c r="K30" s="17">
        <v>305</v>
      </c>
      <c r="L30" s="17">
        <v>2341</v>
      </c>
      <c r="M30" s="17">
        <v>127390</v>
      </c>
      <c r="N30" s="17">
        <v>2131</v>
      </c>
      <c r="O30" s="17">
        <v>41</v>
      </c>
      <c r="P30" s="17">
        <v>756</v>
      </c>
      <c r="Q30" s="17">
        <v>1329</v>
      </c>
      <c r="R30" s="17">
        <v>75880</v>
      </c>
    </row>
    <row r="31" spans="1:18">
      <c r="A31" s="21" t="s">
        <v>272</v>
      </c>
      <c r="B31" s="10" t="s">
        <v>25</v>
      </c>
      <c r="C31" s="11" t="s">
        <v>25</v>
      </c>
      <c r="D31" s="17">
        <v>987</v>
      </c>
      <c r="E31" s="17">
        <v>12</v>
      </c>
      <c r="F31" s="17">
        <v>214</v>
      </c>
      <c r="G31" s="17">
        <v>760</v>
      </c>
      <c r="H31" s="17">
        <v>42278</v>
      </c>
      <c r="I31" s="17">
        <v>596</v>
      </c>
      <c r="J31" s="17">
        <v>8</v>
      </c>
      <c r="K31" s="17">
        <v>58</v>
      </c>
      <c r="L31" s="17">
        <v>529</v>
      </c>
      <c r="M31" s="17">
        <v>28774</v>
      </c>
      <c r="N31" s="17">
        <v>391</v>
      </c>
      <c r="O31" s="17">
        <v>4</v>
      </c>
      <c r="P31" s="17">
        <v>156</v>
      </c>
      <c r="Q31" s="17">
        <v>231</v>
      </c>
      <c r="R31" s="17">
        <v>13504</v>
      </c>
    </row>
    <row r="32" spans="1:18">
      <c r="A32" s="21" t="s">
        <v>273</v>
      </c>
      <c r="B32" s="10" t="s">
        <v>25</v>
      </c>
      <c r="C32" s="11" t="s">
        <v>25</v>
      </c>
      <c r="D32" s="17">
        <v>630</v>
      </c>
      <c r="E32" s="17">
        <v>9</v>
      </c>
      <c r="F32" s="17">
        <v>128</v>
      </c>
      <c r="G32" s="17">
        <v>492</v>
      </c>
      <c r="H32" s="17">
        <v>27261</v>
      </c>
      <c r="I32" s="17">
        <v>329</v>
      </c>
      <c r="J32" s="18">
        <v>4</v>
      </c>
      <c r="K32" s="17">
        <v>36</v>
      </c>
      <c r="L32" s="17">
        <v>289</v>
      </c>
      <c r="M32" s="17">
        <v>15828</v>
      </c>
      <c r="N32" s="17">
        <v>301</v>
      </c>
      <c r="O32" s="17">
        <v>5</v>
      </c>
      <c r="P32" s="17">
        <v>92</v>
      </c>
      <c r="Q32" s="17">
        <v>203</v>
      </c>
      <c r="R32" s="17">
        <v>11433</v>
      </c>
    </row>
    <row r="33" spans="1:18">
      <c r="A33" s="21" t="s">
        <v>274</v>
      </c>
      <c r="B33" s="10" t="s">
        <v>25</v>
      </c>
      <c r="C33" s="11" t="s">
        <v>25</v>
      </c>
      <c r="D33" s="17">
        <v>1136</v>
      </c>
      <c r="E33" s="17">
        <v>25</v>
      </c>
      <c r="F33" s="17">
        <v>278</v>
      </c>
      <c r="G33" s="17">
        <v>831</v>
      </c>
      <c r="H33" s="17">
        <v>45831</v>
      </c>
      <c r="I33" s="17">
        <v>609</v>
      </c>
      <c r="J33" s="17">
        <v>14</v>
      </c>
      <c r="K33" s="17">
        <v>89</v>
      </c>
      <c r="L33" s="17">
        <v>505</v>
      </c>
      <c r="M33" s="17">
        <v>27408</v>
      </c>
      <c r="N33" s="17">
        <v>527</v>
      </c>
      <c r="O33" s="17">
        <v>11</v>
      </c>
      <c r="P33" s="17">
        <v>189</v>
      </c>
      <c r="Q33" s="17">
        <v>326</v>
      </c>
      <c r="R33" s="17">
        <v>18423</v>
      </c>
    </row>
    <row r="34" spans="1:18">
      <c r="A34" s="21" t="s">
        <v>275</v>
      </c>
      <c r="B34" s="10" t="s">
        <v>25</v>
      </c>
      <c r="C34" s="11" t="s">
        <v>25</v>
      </c>
      <c r="D34" s="18">
        <v>1308</v>
      </c>
      <c r="E34" s="18">
        <v>20</v>
      </c>
      <c r="F34" s="18">
        <v>273</v>
      </c>
      <c r="G34" s="18">
        <v>1013</v>
      </c>
      <c r="H34" s="18">
        <v>55733</v>
      </c>
      <c r="I34" s="18">
        <v>723</v>
      </c>
      <c r="J34" s="18">
        <v>8</v>
      </c>
      <c r="K34" s="18">
        <v>80</v>
      </c>
      <c r="L34" s="18">
        <v>634</v>
      </c>
      <c r="M34" s="18">
        <v>34485</v>
      </c>
      <c r="N34" s="18">
        <v>585</v>
      </c>
      <c r="O34" s="18">
        <v>12</v>
      </c>
      <c r="P34" s="18">
        <v>193</v>
      </c>
      <c r="Q34" s="18">
        <v>379</v>
      </c>
      <c r="R34" s="18">
        <v>21248</v>
      </c>
    </row>
    <row r="35" spans="1:18">
      <c r="A35" s="21" t="s">
        <v>276</v>
      </c>
      <c r="B35" s="10" t="s">
        <v>25</v>
      </c>
      <c r="C35" s="11" t="s">
        <v>25</v>
      </c>
      <c r="D35" s="17">
        <v>760</v>
      </c>
      <c r="E35" s="18">
        <v>16</v>
      </c>
      <c r="F35" s="17">
        <v>168</v>
      </c>
      <c r="G35" s="17">
        <v>574</v>
      </c>
      <c r="H35" s="17">
        <v>32167</v>
      </c>
      <c r="I35" s="17">
        <v>433</v>
      </c>
      <c r="J35" s="18">
        <v>7</v>
      </c>
      <c r="K35" s="17">
        <v>42</v>
      </c>
      <c r="L35" s="17">
        <v>384</v>
      </c>
      <c r="M35" s="17">
        <v>20895</v>
      </c>
      <c r="N35" s="17">
        <v>327</v>
      </c>
      <c r="O35" s="18">
        <v>9</v>
      </c>
      <c r="P35" s="17">
        <v>126</v>
      </c>
      <c r="Q35" s="17">
        <v>190</v>
      </c>
      <c r="R35" s="17">
        <v>11272</v>
      </c>
    </row>
    <row r="36" spans="1:18">
      <c r="A36" s="21" t="s">
        <v>277</v>
      </c>
      <c r="B36" s="10" t="s">
        <v>25</v>
      </c>
      <c r="C36" s="11" t="s">
        <v>25</v>
      </c>
      <c r="D36" s="17">
        <v>3932</v>
      </c>
      <c r="E36" s="17">
        <v>81</v>
      </c>
      <c r="F36" s="17">
        <v>959</v>
      </c>
      <c r="G36" s="17">
        <v>2885</v>
      </c>
      <c r="H36" s="17">
        <v>162823</v>
      </c>
      <c r="I36" s="17">
        <v>2272</v>
      </c>
      <c r="J36" s="17">
        <v>47</v>
      </c>
      <c r="K36" s="17">
        <v>275</v>
      </c>
      <c r="L36" s="17">
        <v>1946</v>
      </c>
      <c r="M36" s="17">
        <v>106396</v>
      </c>
      <c r="N36" s="17">
        <v>1660</v>
      </c>
      <c r="O36" s="17">
        <v>34</v>
      </c>
      <c r="P36" s="17">
        <v>684</v>
      </c>
      <c r="Q36" s="17">
        <v>939</v>
      </c>
      <c r="R36" s="17">
        <v>56427</v>
      </c>
    </row>
    <row r="37" spans="1:18">
      <c r="A37" s="21" t="s">
        <v>278</v>
      </c>
      <c r="B37" s="10" t="s">
        <v>25</v>
      </c>
      <c r="C37" s="11" t="s">
        <v>25</v>
      </c>
      <c r="D37" s="17">
        <v>809</v>
      </c>
      <c r="E37" s="17">
        <v>24</v>
      </c>
      <c r="F37" s="17">
        <v>206</v>
      </c>
      <c r="G37" s="17">
        <v>577</v>
      </c>
      <c r="H37" s="17">
        <v>32680</v>
      </c>
      <c r="I37" s="17">
        <v>435</v>
      </c>
      <c r="J37" s="17">
        <v>14</v>
      </c>
      <c r="K37" s="17">
        <v>65</v>
      </c>
      <c r="L37" s="17">
        <v>355</v>
      </c>
      <c r="M37" s="17">
        <v>19483</v>
      </c>
      <c r="N37" s="17">
        <v>374</v>
      </c>
      <c r="O37" s="17">
        <v>10</v>
      </c>
      <c r="P37" s="17">
        <v>141</v>
      </c>
      <c r="Q37" s="17">
        <v>222</v>
      </c>
      <c r="R37" s="17">
        <v>13197</v>
      </c>
    </row>
    <row r="38" spans="1:18">
      <c r="A38" s="21" t="s">
        <v>279</v>
      </c>
      <c r="B38" s="10" t="s">
        <v>25</v>
      </c>
      <c r="C38" s="11" t="s">
        <v>25</v>
      </c>
      <c r="D38" s="17">
        <v>980</v>
      </c>
      <c r="E38" s="17">
        <v>19</v>
      </c>
      <c r="F38" s="17">
        <v>242</v>
      </c>
      <c r="G38" s="17">
        <v>718</v>
      </c>
      <c r="H38" s="17">
        <v>40279</v>
      </c>
      <c r="I38" s="17">
        <v>579</v>
      </c>
      <c r="J38" s="17">
        <v>11</v>
      </c>
      <c r="K38" s="17">
        <v>83</v>
      </c>
      <c r="L38" s="17">
        <v>485</v>
      </c>
      <c r="M38" s="17">
        <v>26435</v>
      </c>
      <c r="N38" s="17">
        <v>401</v>
      </c>
      <c r="O38" s="17">
        <v>8</v>
      </c>
      <c r="P38" s="17">
        <v>159</v>
      </c>
      <c r="Q38" s="17">
        <v>233</v>
      </c>
      <c r="R38" s="17">
        <v>13844</v>
      </c>
    </row>
    <row r="39" spans="1:18">
      <c r="A39" s="21" t="s">
        <v>280</v>
      </c>
      <c r="B39" s="10" t="s">
        <v>25</v>
      </c>
      <c r="C39" s="11" t="s">
        <v>25</v>
      </c>
      <c r="D39" s="17">
        <v>1211</v>
      </c>
      <c r="E39" s="17">
        <v>16</v>
      </c>
      <c r="F39" s="17">
        <v>305</v>
      </c>
      <c r="G39" s="17">
        <v>887</v>
      </c>
      <c r="H39" s="17">
        <v>49384</v>
      </c>
      <c r="I39" s="17">
        <v>697</v>
      </c>
      <c r="J39" s="17">
        <v>9</v>
      </c>
      <c r="K39" s="17">
        <v>75</v>
      </c>
      <c r="L39" s="17">
        <v>611</v>
      </c>
      <c r="M39" s="17">
        <v>32395</v>
      </c>
      <c r="N39" s="17">
        <v>514</v>
      </c>
      <c r="O39" s="17">
        <v>7</v>
      </c>
      <c r="P39" s="17">
        <v>230</v>
      </c>
      <c r="Q39" s="17">
        <v>276</v>
      </c>
      <c r="R39" s="17">
        <v>16989</v>
      </c>
    </row>
    <row r="40" spans="1:18">
      <c r="A40" s="21" t="s">
        <v>281</v>
      </c>
      <c r="B40" s="10" t="s">
        <v>25</v>
      </c>
      <c r="C40" s="11" t="s">
        <v>25</v>
      </c>
      <c r="D40" s="17">
        <v>932</v>
      </c>
      <c r="E40" s="17">
        <v>22</v>
      </c>
      <c r="F40" s="17">
        <v>206</v>
      </c>
      <c r="G40" s="17">
        <v>703</v>
      </c>
      <c r="H40" s="17">
        <v>40480</v>
      </c>
      <c r="I40" s="17">
        <v>561</v>
      </c>
      <c r="J40" s="18">
        <v>13</v>
      </c>
      <c r="K40" s="17">
        <v>52</v>
      </c>
      <c r="L40" s="17">
        <v>495</v>
      </c>
      <c r="M40" s="17">
        <v>28083</v>
      </c>
      <c r="N40" s="17">
        <v>371</v>
      </c>
      <c r="O40" s="17">
        <v>9</v>
      </c>
      <c r="P40" s="17">
        <v>154</v>
      </c>
      <c r="Q40" s="17">
        <v>208</v>
      </c>
      <c r="R40" s="17">
        <v>12397</v>
      </c>
    </row>
    <row r="41" spans="1:18">
      <c r="A41" s="21" t="s">
        <v>282</v>
      </c>
      <c r="B41" s="10" t="s">
        <v>25</v>
      </c>
      <c r="C41" s="11" t="s">
        <v>25</v>
      </c>
      <c r="D41" s="17">
        <v>4702</v>
      </c>
      <c r="E41" s="17">
        <v>73</v>
      </c>
      <c r="F41" s="17">
        <v>1081</v>
      </c>
      <c r="G41" s="17">
        <v>3533</v>
      </c>
      <c r="H41" s="17">
        <v>196917</v>
      </c>
      <c r="I41" s="17">
        <v>2611</v>
      </c>
      <c r="J41" s="17">
        <v>36</v>
      </c>
      <c r="K41" s="17">
        <v>294</v>
      </c>
      <c r="L41" s="17">
        <v>2270</v>
      </c>
      <c r="M41" s="17">
        <v>123101</v>
      </c>
      <c r="N41" s="17">
        <v>2091</v>
      </c>
      <c r="O41" s="17">
        <v>37</v>
      </c>
      <c r="P41" s="17">
        <v>787</v>
      </c>
      <c r="Q41" s="17">
        <v>1263</v>
      </c>
      <c r="R41" s="17">
        <v>73816</v>
      </c>
    </row>
    <row r="42" spans="1:18">
      <c r="A42" s="21" t="s">
        <v>283</v>
      </c>
      <c r="B42" s="10" t="s">
        <v>25</v>
      </c>
      <c r="C42" s="11" t="s">
        <v>25</v>
      </c>
      <c r="D42" s="18">
        <v>709</v>
      </c>
      <c r="E42" s="18">
        <v>15</v>
      </c>
      <c r="F42" s="18">
        <v>165</v>
      </c>
      <c r="G42" s="18">
        <v>523</v>
      </c>
      <c r="H42" s="18">
        <v>29643</v>
      </c>
      <c r="I42" s="18">
        <v>404</v>
      </c>
      <c r="J42" s="18">
        <v>10</v>
      </c>
      <c r="K42" s="18">
        <v>50</v>
      </c>
      <c r="L42" s="18">
        <v>340</v>
      </c>
      <c r="M42" s="18">
        <v>18656</v>
      </c>
      <c r="N42" s="18">
        <v>305</v>
      </c>
      <c r="O42" s="18">
        <v>5</v>
      </c>
      <c r="P42" s="18">
        <v>115</v>
      </c>
      <c r="Q42" s="18">
        <v>183</v>
      </c>
      <c r="R42" s="18">
        <v>10987</v>
      </c>
    </row>
    <row r="43" spans="1:18">
      <c r="A43" s="21" t="s">
        <v>284</v>
      </c>
      <c r="B43" s="10" t="s">
        <v>25</v>
      </c>
      <c r="C43" s="11" t="s">
        <v>25</v>
      </c>
      <c r="D43" s="17">
        <v>881</v>
      </c>
      <c r="E43" s="17">
        <v>12</v>
      </c>
      <c r="F43" s="17">
        <v>218</v>
      </c>
      <c r="G43" s="17">
        <v>650</v>
      </c>
      <c r="H43" s="17">
        <v>37193</v>
      </c>
      <c r="I43" s="17">
        <v>506</v>
      </c>
      <c r="J43" s="17">
        <v>4</v>
      </c>
      <c r="K43" s="17">
        <v>66</v>
      </c>
      <c r="L43" s="17">
        <v>436</v>
      </c>
      <c r="M43" s="17">
        <v>24266</v>
      </c>
      <c r="N43" s="17">
        <v>375</v>
      </c>
      <c r="O43" s="17">
        <v>8</v>
      </c>
      <c r="P43" s="17">
        <v>152</v>
      </c>
      <c r="Q43" s="17">
        <v>214</v>
      </c>
      <c r="R43" s="17">
        <v>12927</v>
      </c>
    </row>
    <row r="44" spans="1:18">
      <c r="A44" s="21" t="s">
        <v>285</v>
      </c>
      <c r="B44" s="10" t="s">
        <v>25</v>
      </c>
      <c r="C44" s="11" t="s">
        <v>25</v>
      </c>
      <c r="D44" s="17">
        <v>1437</v>
      </c>
      <c r="E44" s="18">
        <v>22</v>
      </c>
      <c r="F44" s="17">
        <v>337</v>
      </c>
      <c r="G44" s="17">
        <v>1073</v>
      </c>
      <c r="H44" s="17">
        <v>59352</v>
      </c>
      <c r="I44" s="17">
        <v>774</v>
      </c>
      <c r="J44" s="18">
        <v>10</v>
      </c>
      <c r="K44" s="17">
        <v>81</v>
      </c>
      <c r="L44" s="17">
        <v>678</v>
      </c>
      <c r="M44" s="17">
        <v>36187</v>
      </c>
      <c r="N44" s="17">
        <v>663</v>
      </c>
      <c r="O44" s="18">
        <v>12</v>
      </c>
      <c r="P44" s="17">
        <v>256</v>
      </c>
      <c r="Q44" s="17">
        <v>395</v>
      </c>
      <c r="R44" s="17">
        <v>23165</v>
      </c>
    </row>
    <row r="45" spans="1:18">
      <c r="A45" s="21" t="s">
        <v>286</v>
      </c>
      <c r="B45" s="10" t="s">
        <v>25</v>
      </c>
      <c r="C45" s="11" t="s">
        <v>25</v>
      </c>
      <c r="D45" s="17">
        <v>453</v>
      </c>
      <c r="E45" s="17">
        <v>5</v>
      </c>
      <c r="F45" s="17">
        <v>111</v>
      </c>
      <c r="G45" s="17">
        <v>336</v>
      </c>
      <c r="H45" s="17">
        <v>18804</v>
      </c>
      <c r="I45" s="17">
        <v>244</v>
      </c>
      <c r="J45" s="17">
        <v>2</v>
      </c>
      <c r="K45" s="17">
        <v>32</v>
      </c>
      <c r="L45" s="17">
        <v>209</v>
      </c>
      <c r="M45" s="17">
        <v>11395</v>
      </c>
      <c r="N45" s="17">
        <v>209</v>
      </c>
      <c r="O45" s="17">
        <v>3</v>
      </c>
      <c r="P45" s="17">
        <v>79</v>
      </c>
      <c r="Q45" s="17">
        <v>127</v>
      </c>
      <c r="R45" s="17">
        <v>7409</v>
      </c>
    </row>
    <row r="46" spans="1:18">
      <c r="A46" s="21" t="s">
        <v>287</v>
      </c>
      <c r="B46" s="10" t="s">
        <v>25</v>
      </c>
      <c r="C46" s="11" t="s">
        <v>25</v>
      </c>
      <c r="D46" s="17">
        <v>828</v>
      </c>
      <c r="E46" s="17">
        <v>12</v>
      </c>
      <c r="F46" s="17">
        <v>182</v>
      </c>
      <c r="G46" s="17">
        <v>632</v>
      </c>
      <c r="H46" s="17">
        <v>35062</v>
      </c>
      <c r="I46" s="17">
        <v>464</v>
      </c>
      <c r="J46" s="17">
        <v>5</v>
      </c>
      <c r="K46" s="17">
        <v>46</v>
      </c>
      <c r="L46" s="17">
        <v>412</v>
      </c>
      <c r="M46" s="17">
        <v>22280</v>
      </c>
      <c r="N46" s="17">
        <v>364</v>
      </c>
      <c r="O46" s="17">
        <v>7</v>
      </c>
      <c r="P46" s="17">
        <v>136</v>
      </c>
      <c r="Q46" s="17">
        <v>220</v>
      </c>
      <c r="R46" s="17">
        <v>12782</v>
      </c>
    </row>
    <row r="47" spans="1:18">
      <c r="A47" s="21" t="s">
        <v>288</v>
      </c>
      <c r="B47" s="10" t="s">
        <v>25</v>
      </c>
      <c r="C47" s="11" t="s">
        <v>25</v>
      </c>
      <c r="D47" s="17">
        <v>394</v>
      </c>
      <c r="E47" s="17">
        <v>7</v>
      </c>
      <c r="F47" s="17">
        <v>68</v>
      </c>
      <c r="G47" s="17">
        <v>319</v>
      </c>
      <c r="H47" s="17">
        <v>16863</v>
      </c>
      <c r="I47" s="17">
        <v>219</v>
      </c>
      <c r="J47" s="17">
        <v>5</v>
      </c>
      <c r="K47" s="17">
        <v>19</v>
      </c>
      <c r="L47" s="17">
        <v>195</v>
      </c>
      <c r="M47" s="17">
        <v>10317</v>
      </c>
      <c r="N47" s="17">
        <v>175</v>
      </c>
      <c r="O47" s="17">
        <v>2</v>
      </c>
      <c r="P47" s="17">
        <v>49</v>
      </c>
      <c r="Q47" s="17">
        <v>124</v>
      </c>
      <c r="R47" s="17">
        <v>6546</v>
      </c>
    </row>
    <row r="48" spans="1:18">
      <c r="A48" s="21" t="s">
        <v>289</v>
      </c>
      <c r="B48" s="10" t="s">
        <v>25</v>
      </c>
      <c r="C48" s="11" t="s">
        <v>25</v>
      </c>
      <c r="D48" s="17">
        <v>4980</v>
      </c>
      <c r="E48" s="18">
        <v>67</v>
      </c>
      <c r="F48" s="17">
        <v>1198</v>
      </c>
      <c r="G48" s="17">
        <v>3707</v>
      </c>
      <c r="H48" s="17">
        <v>204939</v>
      </c>
      <c r="I48" s="17">
        <v>2775</v>
      </c>
      <c r="J48" s="18">
        <v>29</v>
      </c>
      <c r="K48" s="17">
        <v>347</v>
      </c>
      <c r="L48" s="17">
        <v>2394</v>
      </c>
      <c r="M48" s="17">
        <v>129037</v>
      </c>
      <c r="N48" s="17">
        <v>2205</v>
      </c>
      <c r="O48" s="18">
        <v>38</v>
      </c>
      <c r="P48" s="17">
        <v>851</v>
      </c>
      <c r="Q48" s="17">
        <v>1313</v>
      </c>
      <c r="R48" s="17">
        <v>75902</v>
      </c>
    </row>
    <row r="49" spans="1:18">
      <c r="A49" s="21" t="s">
        <v>290</v>
      </c>
      <c r="B49" s="10" t="s">
        <v>25</v>
      </c>
      <c r="C49" s="11" t="s">
        <v>25</v>
      </c>
      <c r="D49" s="17">
        <v>938</v>
      </c>
      <c r="E49" s="18">
        <v>8</v>
      </c>
      <c r="F49" s="17">
        <v>231</v>
      </c>
      <c r="G49" s="17">
        <v>697</v>
      </c>
      <c r="H49" s="17">
        <v>38694</v>
      </c>
      <c r="I49" s="17">
        <v>534</v>
      </c>
      <c r="J49" s="18">
        <v>2</v>
      </c>
      <c r="K49" s="17">
        <v>62</v>
      </c>
      <c r="L49" s="17">
        <v>469</v>
      </c>
      <c r="M49" s="17">
        <v>25421</v>
      </c>
      <c r="N49" s="17">
        <v>404</v>
      </c>
      <c r="O49" s="18">
        <v>6</v>
      </c>
      <c r="P49" s="17">
        <v>169</v>
      </c>
      <c r="Q49" s="17">
        <v>228</v>
      </c>
      <c r="R49" s="17">
        <v>13273</v>
      </c>
    </row>
    <row r="50" spans="1:18">
      <c r="A50" s="21" t="s">
        <v>291</v>
      </c>
      <c r="B50" s="10" t="s">
        <v>25</v>
      </c>
      <c r="C50" s="11" t="s">
        <v>25</v>
      </c>
      <c r="D50" s="17">
        <v>824</v>
      </c>
      <c r="E50" s="18">
        <v>8</v>
      </c>
      <c r="F50" s="17">
        <v>162</v>
      </c>
      <c r="G50" s="17">
        <v>654</v>
      </c>
      <c r="H50" s="17">
        <v>34591</v>
      </c>
      <c r="I50" s="17">
        <v>475</v>
      </c>
      <c r="J50" s="18">
        <v>2</v>
      </c>
      <c r="K50" s="17">
        <v>50</v>
      </c>
      <c r="L50" s="17">
        <v>423</v>
      </c>
      <c r="M50" s="17">
        <v>22186</v>
      </c>
      <c r="N50" s="17">
        <v>349</v>
      </c>
      <c r="O50" s="18">
        <v>6</v>
      </c>
      <c r="P50" s="17">
        <v>112</v>
      </c>
      <c r="Q50" s="17">
        <v>231</v>
      </c>
      <c r="R50" s="17">
        <v>12405</v>
      </c>
    </row>
    <row r="51" spans="1:18">
      <c r="A51" s="21" t="s">
        <v>292</v>
      </c>
      <c r="B51" s="10" t="s">
        <v>25</v>
      </c>
      <c r="C51" s="11" t="s">
        <v>25</v>
      </c>
      <c r="D51" s="17">
        <v>711</v>
      </c>
      <c r="E51" s="17">
        <v>22</v>
      </c>
      <c r="F51" s="17">
        <v>164</v>
      </c>
      <c r="G51" s="17">
        <v>523</v>
      </c>
      <c r="H51" s="17">
        <v>29317</v>
      </c>
      <c r="I51" s="17">
        <v>400</v>
      </c>
      <c r="J51" s="18">
        <v>9</v>
      </c>
      <c r="K51" s="17">
        <v>48</v>
      </c>
      <c r="L51" s="17">
        <v>341</v>
      </c>
      <c r="M51" s="17">
        <v>18615</v>
      </c>
      <c r="N51" s="17">
        <v>311</v>
      </c>
      <c r="O51" s="17">
        <v>13</v>
      </c>
      <c r="P51" s="17">
        <v>116</v>
      </c>
      <c r="Q51" s="17">
        <v>182</v>
      </c>
      <c r="R51" s="17">
        <v>10702</v>
      </c>
    </row>
    <row r="52" spans="1:18">
      <c r="A52" s="21" t="s">
        <v>293</v>
      </c>
      <c r="B52" s="10" t="s">
        <v>25</v>
      </c>
      <c r="C52" s="11" t="s">
        <v>25</v>
      </c>
      <c r="D52" s="17">
        <v>377</v>
      </c>
      <c r="E52" s="17">
        <v>3</v>
      </c>
      <c r="F52" s="17">
        <v>107</v>
      </c>
      <c r="G52" s="17">
        <v>266</v>
      </c>
      <c r="H52" s="17">
        <v>15265</v>
      </c>
      <c r="I52" s="17">
        <v>222</v>
      </c>
      <c r="J52" s="18">
        <v>2</v>
      </c>
      <c r="K52" s="17">
        <v>35</v>
      </c>
      <c r="L52" s="17">
        <v>185</v>
      </c>
      <c r="M52" s="17">
        <v>10121</v>
      </c>
      <c r="N52" s="17">
        <v>155</v>
      </c>
      <c r="O52" s="17">
        <v>1</v>
      </c>
      <c r="P52" s="17">
        <v>72</v>
      </c>
      <c r="Q52" s="17">
        <v>81</v>
      </c>
      <c r="R52" s="17">
        <v>5144</v>
      </c>
    </row>
    <row r="53" spans="1:18">
      <c r="A53" s="21" t="s">
        <v>294</v>
      </c>
      <c r="B53" s="10" t="s">
        <v>25</v>
      </c>
      <c r="C53" s="11" t="s">
        <v>25</v>
      </c>
      <c r="D53" s="17">
        <v>248</v>
      </c>
      <c r="E53" s="18">
        <v>3</v>
      </c>
      <c r="F53" s="17">
        <v>54</v>
      </c>
      <c r="G53" s="17">
        <v>191</v>
      </c>
      <c r="H53" s="17">
        <v>10531</v>
      </c>
      <c r="I53" s="17">
        <v>116</v>
      </c>
      <c r="J53" s="18" t="s">
        <v>35</v>
      </c>
      <c r="K53" s="17">
        <v>10</v>
      </c>
      <c r="L53" s="17">
        <v>106</v>
      </c>
      <c r="M53" s="17">
        <v>5670</v>
      </c>
      <c r="N53" s="17">
        <v>132</v>
      </c>
      <c r="O53" s="18">
        <v>3</v>
      </c>
      <c r="P53" s="17">
        <v>44</v>
      </c>
      <c r="Q53" s="17">
        <v>85</v>
      </c>
      <c r="R53" s="17">
        <v>4861</v>
      </c>
    </row>
    <row r="54" spans="1:18">
      <c r="A54" s="21" t="s">
        <v>295</v>
      </c>
      <c r="B54" s="10" t="s">
        <v>25</v>
      </c>
      <c r="C54" s="11" t="s">
        <v>25</v>
      </c>
      <c r="D54" s="17">
        <v>192</v>
      </c>
      <c r="E54" s="18" t="s">
        <v>35</v>
      </c>
      <c r="F54" s="17">
        <v>60</v>
      </c>
      <c r="G54" s="17">
        <v>131</v>
      </c>
      <c r="H54" s="17">
        <v>7238</v>
      </c>
      <c r="I54" s="17">
        <v>113</v>
      </c>
      <c r="J54" s="18" t="s">
        <v>35</v>
      </c>
      <c r="K54" s="17">
        <v>25</v>
      </c>
      <c r="L54" s="17">
        <v>87</v>
      </c>
      <c r="M54" s="17">
        <v>4587</v>
      </c>
      <c r="N54" s="17">
        <v>79</v>
      </c>
      <c r="O54" s="18" t="s">
        <v>35</v>
      </c>
      <c r="P54" s="17">
        <v>35</v>
      </c>
      <c r="Q54" s="17">
        <v>44</v>
      </c>
      <c r="R54" s="17">
        <v>2651</v>
      </c>
    </row>
    <row r="55" spans="1:18">
      <c r="A55" s="21" t="s">
        <v>296</v>
      </c>
      <c r="B55" s="10" t="s">
        <v>25</v>
      </c>
      <c r="C55" s="11" t="s">
        <v>25</v>
      </c>
      <c r="D55" s="17">
        <v>1059</v>
      </c>
      <c r="E55" s="17">
        <v>14</v>
      </c>
      <c r="F55" s="17">
        <v>253</v>
      </c>
      <c r="G55" s="17">
        <v>791</v>
      </c>
      <c r="H55" s="17">
        <v>43430</v>
      </c>
      <c r="I55" s="17">
        <v>567</v>
      </c>
      <c r="J55" s="17">
        <v>8</v>
      </c>
      <c r="K55" s="17">
        <v>61</v>
      </c>
      <c r="L55" s="17">
        <v>497</v>
      </c>
      <c r="M55" s="17">
        <v>26343</v>
      </c>
      <c r="N55" s="17">
        <v>492</v>
      </c>
      <c r="O55" s="17">
        <v>6</v>
      </c>
      <c r="P55" s="17">
        <v>192</v>
      </c>
      <c r="Q55" s="17">
        <v>294</v>
      </c>
      <c r="R55" s="17">
        <v>17087</v>
      </c>
    </row>
    <row r="56" spans="1:18">
      <c r="A56" s="21" t="s">
        <v>297</v>
      </c>
      <c r="B56" s="10" t="s">
        <v>25</v>
      </c>
      <c r="C56" s="11" t="s">
        <v>25</v>
      </c>
      <c r="D56" s="17">
        <v>631</v>
      </c>
      <c r="E56" s="17">
        <v>9</v>
      </c>
      <c r="F56" s="17">
        <v>167</v>
      </c>
      <c r="G56" s="17">
        <v>454</v>
      </c>
      <c r="H56" s="17">
        <v>25873</v>
      </c>
      <c r="I56" s="17">
        <v>348</v>
      </c>
      <c r="J56" s="17">
        <v>6</v>
      </c>
      <c r="K56" s="17">
        <v>56</v>
      </c>
      <c r="L56" s="17">
        <v>286</v>
      </c>
      <c r="M56" s="17">
        <v>16094</v>
      </c>
      <c r="N56" s="17">
        <v>283</v>
      </c>
      <c r="O56" s="17">
        <v>3</v>
      </c>
      <c r="P56" s="17">
        <v>111</v>
      </c>
      <c r="Q56" s="17">
        <v>168</v>
      </c>
      <c r="R56" s="17">
        <v>9779</v>
      </c>
    </row>
    <row r="57" spans="1:18">
      <c r="A57" s="22"/>
      <c r="B57" s="28"/>
      <c r="C57" s="28"/>
      <c r="D57" s="19"/>
      <c r="E57" s="19"/>
      <c r="F57" s="19"/>
      <c r="G57" s="19"/>
      <c r="H57" s="19"/>
      <c r="I57" s="19"/>
      <c r="J57" s="19"/>
      <c r="K57" s="19"/>
      <c r="L57" s="19"/>
      <c r="M57" s="19"/>
      <c r="N57" s="19"/>
      <c r="O57" s="19"/>
      <c r="P57" s="19"/>
      <c r="Q57" s="19"/>
      <c r="R57" s="19"/>
    </row>
    <row r="58" spans="1:18">
      <c r="A58" s="22"/>
      <c r="B58" s="28"/>
      <c r="C58" s="28"/>
      <c r="D58" s="19"/>
      <c r="E58" s="19"/>
      <c r="F58" s="19"/>
      <c r="G58" s="19"/>
      <c r="H58" s="19"/>
      <c r="I58" s="19"/>
      <c r="J58" s="19"/>
      <c r="K58" s="19"/>
      <c r="L58" s="19"/>
      <c r="M58" s="19"/>
      <c r="N58" s="19"/>
      <c r="O58" s="19"/>
      <c r="P58" s="19"/>
      <c r="Q58" s="19"/>
      <c r="R58" s="19"/>
    </row>
    <row r="59" spans="1:18">
      <c r="B59" s="28"/>
      <c r="C59" s="28"/>
    </row>
    <row r="60" spans="1:18">
      <c r="B60" s="28"/>
      <c r="C60" s="28"/>
    </row>
    <row r="61" spans="1:18">
      <c r="B61" s="28"/>
      <c r="C61" s="28"/>
    </row>
    <row r="62" spans="1:18">
      <c r="B62" s="28"/>
      <c r="C62" s="28"/>
    </row>
    <row r="63" spans="1:18">
      <c r="B63" s="28"/>
      <c r="C63" s="28"/>
    </row>
    <row r="64" spans="1:18">
      <c r="B64" s="28"/>
      <c r="C64" s="28"/>
    </row>
    <row r="65" spans="2:3">
      <c r="B65" s="28"/>
      <c r="C65" s="28"/>
    </row>
    <row r="66" spans="2:3">
      <c r="B66" s="28"/>
      <c r="C66" s="28"/>
    </row>
    <row r="67" spans="2:3">
      <c r="B67" s="28"/>
      <c r="C67" s="28"/>
    </row>
    <row r="68" spans="2:3">
      <c r="B68" s="28"/>
      <c r="C68" s="28"/>
    </row>
    <row r="69" spans="2:3">
      <c r="B69" s="28"/>
      <c r="C69" s="28"/>
    </row>
    <row r="70" spans="2:3">
      <c r="B70" s="28"/>
      <c r="C70" s="28"/>
    </row>
    <row r="71" spans="2:3">
      <c r="B71" s="28"/>
      <c r="C71" s="28"/>
    </row>
    <row r="72" spans="2:3">
      <c r="B72" s="28"/>
      <c r="C72" s="28"/>
    </row>
    <row r="73" spans="2:3">
      <c r="B73" s="28"/>
      <c r="C73" s="28"/>
    </row>
  </sheetData>
  <mergeCells count="7">
    <mergeCell ref="A1:D1"/>
    <mergeCell ref="A3:R3"/>
    <mergeCell ref="A6:A7"/>
    <mergeCell ref="B6:C7"/>
    <mergeCell ref="D6:H6"/>
    <mergeCell ref="I6:M6"/>
    <mergeCell ref="N6:R6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65" fitToHeight="0" pageOrder="overThenDown" orientation="landscape" horizontalDpi="300" verticalDpi="300" r:id="rId1"/>
  <headerFooter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R86"/>
  <sheetViews>
    <sheetView zoomScaleNormal="100" workbookViewId="0">
      <selection sqref="A1:XFD2"/>
    </sheetView>
  </sheetViews>
  <sheetFormatPr defaultRowHeight="13.5"/>
  <cols>
    <col min="1" max="1" width="25.83203125" style="12" customWidth="1"/>
    <col min="2" max="3" width="4.83203125" style="12" customWidth="1"/>
    <col min="4" max="4" width="22.1640625" style="19" customWidth="1"/>
    <col min="5" max="5" width="13.6640625" style="19" bestFit="1" customWidth="1"/>
    <col min="6" max="7" width="19.5" style="19" bestFit="1" customWidth="1"/>
    <col min="8" max="8" width="30.33203125" style="19" bestFit="1" customWidth="1"/>
    <col min="9" max="9" width="22.1640625" style="19" customWidth="1"/>
    <col min="10" max="10" width="13.6640625" style="19" bestFit="1" customWidth="1"/>
    <col min="11" max="12" width="19.5" style="19" bestFit="1" customWidth="1"/>
    <col min="13" max="13" width="30.33203125" style="19" bestFit="1" customWidth="1"/>
    <col min="14" max="14" width="22.6640625" style="19" customWidth="1"/>
    <col min="15" max="15" width="13.6640625" style="19" bestFit="1" customWidth="1"/>
    <col min="16" max="17" width="19.5" style="19" bestFit="1" customWidth="1"/>
    <col min="18" max="18" width="30.33203125" style="19" bestFit="1" customWidth="1"/>
    <col min="19" max="16384" width="9.33203125" style="9"/>
  </cols>
  <sheetData>
    <row r="1" spans="1:18" s="1" customFormat="1" ht="16.5" customHeight="1">
      <c r="A1" s="37" t="s">
        <v>0</v>
      </c>
      <c r="B1" s="37"/>
      <c r="C1" s="37"/>
      <c r="D1" s="37"/>
      <c r="E1" s="31"/>
      <c r="F1" s="31"/>
      <c r="G1" s="31"/>
      <c r="H1" s="31"/>
      <c r="I1" s="32"/>
      <c r="J1" s="32"/>
      <c r="K1" s="32"/>
      <c r="L1" s="32"/>
      <c r="M1" s="32"/>
      <c r="N1" s="32"/>
      <c r="O1" s="32"/>
      <c r="P1" s="31"/>
      <c r="Q1" s="31"/>
      <c r="R1" s="31"/>
    </row>
    <row r="2" spans="1:18" s="1" customFormat="1" ht="16.5" customHeight="1">
      <c r="D2" s="31"/>
      <c r="E2" s="31"/>
      <c r="F2" s="31"/>
      <c r="G2" s="31"/>
      <c r="H2" s="31"/>
      <c r="I2" s="32"/>
      <c r="J2" s="32"/>
      <c r="K2" s="32"/>
      <c r="L2" s="32"/>
      <c r="M2" s="32"/>
      <c r="N2" s="32"/>
      <c r="O2" s="32"/>
      <c r="P2" s="31"/>
      <c r="Q2" s="31"/>
      <c r="R2" s="31"/>
    </row>
    <row r="3" spans="1:18">
      <c r="A3" s="38" t="s">
        <v>2462</v>
      </c>
      <c r="B3" s="38"/>
      <c r="C3" s="38"/>
      <c r="D3" s="38"/>
      <c r="E3" s="38"/>
      <c r="F3" s="38"/>
      <c r="G3" s="38"/>
      <c r="H3" s="38"/>
      <c r="I3" s="38"/>
      <c r="J3" s="38"/>
      <c r="K3" s="38"/>
      <c r="L3" s="38"/>
      <c r="M3" s="38"/>
      <c r="N3" s="38"/>
      <c r="O3" s="38"/>
      <c r="P3" s="38"/>
      <c r="Q3" s="38"/>
      <c r="R3" s="38"/>
    </row>
    <row r="4" spans="1:18">
      <c r="A4" s="9"/>
      <c r="B4" s="9"/>
      <c r="C4" s="9"/>
    </row>
    <row r="6" spans="1:18" ht="13.5" customHeight="1">
      <c r="A6" s="48" t="s">
        <v>26</v>
      </c>
      <c r="B6" s="41" t="s">
        <v>27</v>
      </c>
      <c r="C6" s="42"/>
      <c r="D6" s="45" t="s">
        <v>2463</v>
      </c>
      <c r="E6" s="46"/>
      <c r="F6" s="46"/>
      <c r="G6" s="46"/>
      <c r="H6" s="47"/>
      <c r="I6" s="45" t="s">
        <v>2464</v>
      </c>
      <c r="J6" s="46"/>
      <c r="K6" s="46"/>
      <c r="L6" s="46"/>
      <c r="M6" s="47"/>
      <c r="N6" s="45" t="s">
        <v>2465</v>
      </c>
      <c r="O6" s="46"/>
      <c r="P6" s="46"/>
      <c r="Q6" s="46"/>
      <c r="R6" s="47"/>
    </row>
    <row r="7" spans="1:18" s="23" customFormat="1">
      <c r="A7" s="49"/>
      <c r="B7" s="43"/>
      <c r="C7" s="44"/>
      <c r="D7" s="29" t="s">
        <v>2466</v>
      </c>
      <c r="E7" s="29" t="s">
        <v>2467</v>
      </c>
      <c r="F7" s="29" t="s">
        <v>2468</v>
      </c>
      <c r="G7" s="29" t="s">
        <v>2469</v>
      </c>
      <c r="H7" s="29" t="s">
        <v>2470</v>
      </c>
      <c r="I7" s="29" t="s">
        <v>2471</v>
      </c>
      <c r="J7" s="29" t="s">
        <v>2467</v>
      </c>
      <c r="K7" s="29" t="s">
        <v>2468</v>
      </c>
      <c r="L7" s="29" t="s">
        <v>2469</v>
      </c>
      <c r="M7" s="29" t="s">
        <v>2470</v>
      </c>
      <c r="N7" s="29" t="s">
        <v>2471</v>
      </c>
      <c r="O7" s="29" t="s">
        <v>2467</v>
      </c>
      <c r="P7" s="29" t="s">
        <v>2468</v>
      </c>
      <c r="Q7" s="29" t="s">
        <v>2469</v>
      </c>
      <c r="R7" s="29" t="s">
        <v>2470</v>
      </c>
    </row>
    <row r="8" spans="1:18" s="15" customFormat="1">
      <c r="A8" s="20" t="s">
        <v>298</v>
      </c>
      <c r="B8" s="13" t="s">
        <v>25</v>
      </c>
      <c r="C8" s="14" t="s">
        <v>25</v>
      </c>
      <c r="D8" s="16">
        <v>29207</v>
      </c>
      <c r="E8" s="16">
        <v>425</v>
      </c>
      <c r="F8" s="16">
        <v>7619</v>
      </c>
      <c r="G8" s="16">
        <v>21150</v>
      </c>
      <c r="H8" s="16">
        <v>1178679</v>
      </c>
      <c r="I8" s="16">
        <v>16863</v>
      </c>
      <c r="J8" s="16">
        <v>262</v>
      </c>
      <c r="K8" s="16">
        <v>2207</v>
      </c>
      <c r="L8" s="16">
        <v>14385</v>
      </c>
      <c r="M8" s="16">
        <v>763441</v>
      </c>
      <c r="N8" s="16">
        <v>12344</v>
      </c>
      <c r="O8" s="16">
        <v>163</v>
      </c>
      <c r="P8" s="16">
        <v>5412</v>
      </c>
      <c r="Q8" s="16">
        <v>6765</v>
      </c>
      <c r="R8" s="16">
        <v>415238</v>
      </c>
    </row>
    <row r="9" spans="1:18">
      <c r="A9" s="30" t="s">
        <v>299</v>
      </c>
      <c r="B9" s="10" t="s">
        <v>25</v>
      </c>
      <c r="C9" s="11" t="s">
        <v>25</v>
      </c>
      <c r="D9" s="17">
        <v>3159</v>
      </c>
      <c r="E9" s="17">
        <v>43</v>
      </c>
      <c r="F9" s="17">
        <v>807</v>
      </c>
      <c r="G9" s="17">
        <v>2305</v>
      </c>
      <c r="H9" s="17">
        <v>128006</v>
      </c>
      <c r="I9" s="17">
        <v>1771</v>
      </c>
      <c r="J9" s="17">
        <v>27</v>
      </c>
      <c r="K9" s="17">
        <v>242</v>
      </c>
      <c r="L9" s="17">
        <v>1498</v>
      </c>
      <c r="M9" s="17">
        <v>79666</v>
      </c>
      <c r="N9" s="17">
        <v>1388</v>
      </c>
      <c r="O9" s="17">
        <v>16</v>
      </c>
      <c r="P9" s="17">
        <v>565</v>
      </c>
      <c r="Q9" s="17">
        <v>807</v>
      </c>
      <c r="R9" s="17">
        <v>48340</v>
      </c>
    </row>
    <row r="10" spans="1:18">
      <c r="A10" s="21" t="s">
        <v>300</v>
      </c>
      <c r="B10" s="10" t="s">
        <v>25</v>
      </c>
      <c r="C10" s="11" t="s">
        <v>25</v>
      </c>
      <c r="D10" s="17">
        <v>785</v>
      </c>
      <c r="E10" s="17">
        <v>10</v>
      </c>
      <c r="F10" s="17">
        <v>203</v>
      </c>
      <c r="G10" s="17">
        <v>571</v>
      </c>
      <c r="H10" s="17">
        <v>31986</v>
      </c>
      <c r="I10" s="17">
        <v>435</v>
      </c>
      <c r="J10" s="17">
        <v>6</v>
      </c>
      <c r="K10" s="17">
        <v>67</v>
      </c>
      <c r="L10" s="17">
        <v>361</v>
      </c>
      <c r="M10" s="17">
        <v>19498</v>
      </c>
      <c r="N10" s="17">
        <v>350</v>
      </c>
      <c r="O10" s="17">
        <v>4</v>
      </c>
      <c r="P10" s="17">
        <v>136</v>
      </c>
      <c r="Q10" s="17">
        <v>210</v>
      </c>
      <c r="R10" s="17">
        <v>12488</v>
      </c>
    </row>
    <row r="11" spans="1:18">
      <c r="A11" s="21" t="s">
        <v>301</v>
      </c>
      <c r="B11" s="10" t="s">
        <v>25</v>
      </c>
      <c r="C11" s="11" t="s">
        <v>25</v>
      </c>
      <c r="D11" s="17">
        <v>702</v>
      </c>
      <c r="E11" s="17">
        <v>6</v>
      </c>
      <c r="F11" s="17">
        <v>180</v>
      </c>
      <c r="G11" s="17">
        <v>516</v>
      </c>
      <c r="H11" s="17">
        <v>29083</v>
      </c>
      <c r="I11" s="17">
        <v>397</v>
      </c>
      <c r="J11" s="17">
        <v>3</v>
      </c>
      <c r="K11" s="17">
        <v>49</v>
      </c>
      <c r="L11" s="17">
        <v>345</v>
      </c>
      <c r="M11" s="17">
        <v>18472</v>
      </c>
      <c r="N11" s="17">
        <v>305</v>
      </c>
      <c r="O11" s="17">
        <v>3</v>
      </c>
      <c r="P11" s="17">
        <v>131</v>
      </c>
      <c r="Q11" s="17">
        <v>171</v>
      </c>
      <c r="R11" s="17">
        <v>10611</v>
      </c>
    </row>
    <row r="12" spans="1:18">
      <c r="A12" s="21" t="s">
        <v>302</v>
      </c>
      <c r="B12" s="10" t="s">
        <v>25</v>
      </c>
      <c r="C12" s="11" t="s">
        <v>25</v>
      </c>
      <c r="D12" s="17">
        <v>829</v>
      </c>
      <c r="E12" s="17">
        <v>10</v>
      </c>
      <c r="F12" s="17">
        <v>211</v>
      </c>
      <c r="G12" s="17">
        <v>607</v>
      </c>
      <c r="H12" s="17">
        <v>33381</v>
      </c>
      <c r="I12" s="17">
        <v>456</v>
      </c>
      <c r="J12" s="17">
        <v>5</v>
      </c>
      <c r="K12" s="17">
        <v>60</v>
      </c>
      <c r="L12" s="17">
        <v>390</v>
      </c>
      <c r="M12" s="17">
        <v>20495</v>
      </c>
      <c r="N12" s="17">
        <v>373</v>
      </c>
      <c r="O12" s="17">
        <v>5</v>
      </c>
      <c r="P12" s="17">
        <v>151</v>
      </c>
      <c r="Q12" s="17">
        <v>217</v>
      </c>
      <c r="R12" s="17">
        <v>12886</v>
      </c>
    </row>
    <row r="13" spans="1:18">
      <c r="A13" s="21" t="s">
        <v>303</v>
      </c>
      <c r="B13" s="10" t="s">
        <v>25</v>
      </c>
      <c r="C13" s="11" t="s">
        <v>25</v>
      </c>
      <c r="D13" s="17">
        <v>279</v>
      </c>
      <c r="E13" s="17">
        <v>8</v>
      </c>
      <c r="F13" s="17">
        <v>65</v>
      </c>
      <c r="G13" s="17">
        <v>204</v>
      </c>
      <c r="H13" s="17">
        <v>11055</v>
      </c>
      <c r="I13" s="17">
        <v>162</v>
      </c>
      <c r="J13" s="17">
        <v>7</v>
      </c>
      <c r="K13" s="17">
        <v>25</v>
      </c>
      <c r="L13" s="17">
        <v>128</v>
      </c>
      <c r="M13" s="17">
        <v>6776</v>
      </c>
      <c r="N13" s="17">
        <v>117</v>
      </c>
      <c r="O13" s="17">
        <v>1</v>
      </c>
      <c r="P13" s="17">
        <v>40</v>
      </c>
      <c r="Q13" s="17">
        <v>76</v>
      </c>
      <c r="R13" s="17">
        <v>4279</v>
      </c>
    </row>
    <row r="14" spans="1:18">
      <c r="A14" s="21" t="s">
        <v>304</v>
      </c>
      <c r="B14" s="10" t="s">
        <v>25</v>
      </c>
      <c r="C14" s="11" t="s">
        <v>25</v>
      </c>
      <c r="D14" s="17">
        <v>533</v>
      </c>
      <c r="E14" s="17">
        <v>8</v>
      </c>
      <c r="F14" s="17">
        <v>144</v>
      </c>
      <c r="G14" s="17">
        <v>381</v>
      </c>
      <c r="H14" s="17">
        <v>21236</v>
      </c>
      <c r="I14" s="17">
        <v>303</v>
      </c>
      <c r="J14" s="17">
        <v>6</v>
      </c>
      <c r="K14" s="17">
        <v>39</v>
      </c>
      <c r="L14" s="17">
        <v>258</v>
      </c>
      <c r="M14" s="17">
        <v>13608</v>
      </c>
      <c r="N14" s="17">
        <v>230</v>
      </c>
      <c r="O14" s="18">
        <v>2</v>
      </c>
      <c r="P14" s="17">
        <v>105</v>
      </c>
      <c r="Q14" s="18">
        <v>123</v>
      </c>
      <c r="R14" s="17">
        <v>7628</v>
      </c>
    </row>
    <row r="15" spans="1:18">
      <c r="A15" s="21" t="s">
        <v>305</v>
      </c>
      <c r="B15" s="10" t="s">
        <v>25</v>
      </c>
      <c r="C15" s="11" t="s">
        <v>25</v>
      </c>
      <c r="D15" s="17">
        <v>19</v>
      </c>
      <c r="E15" s="17" t="s">
        <v>35</v>
      </c>
      <c r="F15" s="18">
        <v>1</v>
      </c>
      <c r="G15" s="17">
        <v>18</v>
      </c>
      <c r="H15" s="17">
        <v>823</v>
      </c>
      <c r="I15" s="17">
        <v>11</v>
      </c>
      <c r="J15" s="17" t="s">
        <v>35</v>
      </c>
      <c r="K15" s="18">
        <v>1</v>
      </c>
      <c r="L15" s="17">
        <v>10</v>
      </c>
      <c r="M15" s="17">
        <v>494</v>
      </c>
      <c r="N15" s="17">
        <v>8</v>
      </c>
      <c r="O15" s="18" t="s">
        <v>35</v>
      </c>
      <c r="P15" s="18" t="s">
        <v>35</v>
      </c>
      <c r="Q15" s="17">
        <v>8</v>
      </c>
      <c r="R15" s="17">
        <v>329</v>
      </c>
    </row>
    <row r="16" spans="1:18">
      <c r="A16" s="21" t="s">
        <v>306</v>
      </c>
      <c r="B16" s="10" t="s">
        <v>25</v>
      </c>
      <c r="C16" s="11" t="s">
        <v>25</v>
      </c>
      <c r="D16" s="17">
        <v>12</v>
      </c>
      <c r="E16" s="17">
        <v>1</v>
      </c>
      <c r="F16" s="18">
        <v>3</v>
      </c>
      <c r="G16" s="18">
        <v>8</v>
      </c>
      <c r="H16" s="18">
        <v>442</v>
      </c>
      <c r="I16" s="18">
        <v>7</v>
      </c>
      <c r="J16" s="18" t="s">
        <v>35</v>
      </c>
      <c r="K16" s="18">
        <v>1</v>
      </c>
      <c r="L16" s="18">
        <v>6</v>
      </c>
      <c r="M16" s="18">
        <v>323</v>
      </c>
      <c r="N16" s="17">
        <v>5</v>
      </c>
      <c r="O16" s="17">
        <v>1</v>
      </c>
      <c r="P16" s="18">
        <v>2</v>
      </c>
      <c r="Q16" s="18">
        <v>2</v>
      </c>
      <c r="R16" s="18">
        <v>119</v>
      </c>
    </row>
    <row r="17" spans="1:18">
      <c r="A17" s="21" t="s">
        <v>307</v>
      </c>
      <c r="B17" s="10" t="s">
        <v>25</v>
      </c>
      <c r="C17" s="11" t="s">
        <v>25</v>
      </c>
      <c r="D17" s="17">
        <v>425</v>
      </c>
      <c r="E17" s="17">
        <v>6</v>
      </c>
      <c r="F17" s="17">
        <v>89</v>
      </c>
      <c r="G17" s="17">
        <v>330</v>
      </c>
      <c r="H17" s="17">
        <v>17777</v>
      </c>
      <c r="I17" s="17">
        <v>239</v>
      </c>
      <c r="J17" s="17">
        <v>5</v>
      </c>
      <c r="K17" s="17">
        <v>20</v>
      </c>
      <c r="L17" s="17">
        <v>214</v>
      </c>
      <c r="M17" s="17">
        <v>11172</v>
      </c>
      <c r="N17" s="17">
        <v>186</v>
      </c>
      <c r="O17" s="17">
        <v>1</v>
      </c>
      <c r="P17" s="17">
        <v>69</v>
      </c>
      <c r="Q17" s="17">
        <v>116</v>
      </c>
      <c r="R17" s="17">
        <v>6605</v>
      </c>
    </row>
    <row r="18" spans="1:18">
      <c r="A18" s="21" t="s">
        <v>308</v>
      </c>
      <c r="B18" s="10" t="s">
        <v>25</v>
      </c>
      <c r="C18" s="11" t="s">
        <v>25</v>
      </c>
      <c r="D18" s="18">
        <v>191</v>
      </c>
      <c r="E18" s="18">
        <v>4</v>
      </c>
      <c r="F18" s="18">
        <v>34</v>
      </c>
      <c r="G18" s="18">
        <v>153</v>
      </c>
      <c r="H18" s="18">
        <v>8368</v>
      </c>
      <c r="I18" s="18">
        <v>110</v>
      </c>
      <c r="J18" s="18">
        <v>3</v>
      </c>
      <c r="K18" s="18">
        <v>9</v>
      </c>
      <c r="L18" s="18">
        <v>98</v>
      </c>
      <c r="M18" s="18">
        <v>5353</v>
      </c>
      <c r="N18" s="18">
        <v>81</v>
      </c>
      <c r="O18" s="18">
        <v>1</v>
      </c>
      <c r="P18" s="18">
        <v>25</v>
      </c>
      <c r="Q18" s="18">
        <v>55</v>
      </c>
      <c r="R18" s="18">
        <v>3015</v>
      </c>
    </row>
    <row r="19" spans="1:18">
      <c r="A19" s="21" t="s">
        <v>309</v>
      </c>
      <c r="B19" s="10" t="s">
        <v>25</v>
      </c>
      <c r="C19" s="11" t="s">
        <v>25</v>
      </c>
      <c r="D19" s="17">
        <v>234</v>
      </c>
      <c r="E19" s="17">
        <v>2</v>
      </c>
      <c r="F19" s="17">
        <v>55</v>
      </c>
      <c r="G19" s="17">
        <v>177</v>
      </c>
      <c r="H19" s="17">
        <v>9409</v>
      </c>
      <c r="I19" s="17">
        <v>129</v>
      </c>
      <c r="J19" s="17">
        <v>2</v>
      </c>
      <c r="K19" s="17">
        <v>11</v>
      </c>
      <c r="L19" s="17">
        <v>116</v>
      </c>
      <c r="M19" s="17">
        <v>5819</v>
      </c>
      <c r="N19" s="17">
        <v>105</v>
      </c>
      <c r="O19" s="17" t="s">
        <v>35</v>
      </c>
      <c r="P19" s="17">
        <v>44</v>
      </c>
      <c r="Q19" s="17">
        <v>61</v>
      </c>
      <c r="R19" s="17">
        <v>3590</v>
      </c>
    </row>
    <row r="20" spans="1:18">
      <c r="A20" s="21" t="s">
        <v>310</v>
      </c>
      <c r="B20" s="10" t="s">
        <v>25</v>
      </c>
      <c r="C20" s="11" t="s">
        <v>25</v>
      </c>
      <c r="D20" s="18">
        <v>838</v>
      </c>
      <c r="E20" s="18">
        <v>17</v>
      </c>
      <c r="F20" s="18">
        <v>202</v>
      </c>
      <c r="G20" s="18">
        <v>618</v>
      </c>
      <c r="H20" s="18">
        <v>35018</v>
      </c>
      <c r="I20" s="18">
        <v>477</v>
      </c>
      <c r="J20" s="18">
        <v>13</v>
      </c>
      <c r="K20" s="18">
        <v>52</v>
      </c>
      <c r="L20" s="18">
        <v>412</v>
      </c>
      <c r="M20" s="18">
        <v>22314</v>
      </c>
      <c r="N20" s="18">
        <v>361</v>
      </c>
      <c r="O20" s="18">
        <v>4</v>
      </c>
      <c r="P20" s="18">
        <v>150</v>
      </c>
      <c r="Q20" s="18">
        <v>206</v>
      </c>
      <c r="R20" s="18">
        <v>12704</v>
      </c>
    </row>
    <row r="21" spans="1:18">
      <c r="A21" s="21" t="s">
        <v>311</v>
      </c>
      <c r="B21" s="10" t="s">
        <v>25</v>
      </c>
      <c r="C21" s="11" t="s">
        <v>25</v>
      </c>
      <c r="D21" s="17">
        <v>278</v>
      </c>
      <c r="E21" s="17">
        <v>5</v>
      </c>
      <c r="F21" s="17">
        <v>60</v>
      </c>
      <c r="G21" s="17">
        <v>213</v>
      </c>
      <c r="H21" s="17">
        <v>12075</v>
      </c>
      <c r="I21" s="17">
        <v>155</v>
      </c>
      <c r="J21" s="17">
        <v>3</v>
      </c>
      <c r="K21" s="17">
        <v>12</v>
      </c>
      <c r="L21" s="17">
        <v>140</v>
      </c>
      <c r="M21" s="17">
        <v>7666</v>
      </c>
      <c r="N21" s="17">
        <v>123</v>
      </c>
      <c r="O21" s="17">
        <v>2</v>
      </c>
      <c r="P21" s="17">
        <v>48</v>
      </c>
      <c r="Q21" s="17">
        <v>73</v>
      </c>
      <c r="R21" s="17">
        <v>4409</v>
      </c>
    </row>
    <row r="22" spans="1:18">
      <c r="A22" s="21" t="s">
        <v>312</v>
      </c>
      <c r="B22" s="10" t="s">
        <v>25</v>
      </c>
      <c r="C22" s="11" t="s">
        <v>25</v>
      </c>
      <c r="D22" s="17">
        <v>560</v>
      </c>
      <c r="E22" s="17">
        <v>12</v>
      </c>
      <c r="F22" s="17">
        <v>142</v>
      </c>
      <c r="G22" s="17">
        <v>405</v>
      </c>
      <c r="H22" s="17">
        <v>22943</v>
      </c>
      <c r="I22" s="17">
        <v>322</v>
      </c>
      <c r="J22" s="17">
        <v>10</v>
      </c>
      <c r="K22" s="17">
        <v>40</v>
      </c>
      <c r="L22" s="17">
        <v>272</v>
      </c>
      <c r="M22" s="17">
        <v>14648</v>
      </c>
      <c r="N22" s="17">
        <v>238</v>
      </c>
      <c r="O22" s="17">
        <v>2</v>
      </c>
      <c r="P22" s="17">
        <v>102</v>
      </c>
      <c r="Q22" s="17">
        <v>133</v>
      </c>
      <c r="R22" s="17">
        <v>8295</v>
      </c>
    </row>
    <row r="23" spans="1:18">
      <c r="A23" s="21" t="s">
        <v>313</v>
      </c>
      <c r="B23" s="10" t="s">
        <v>25</v>
      </c>
      <c r="C23" s="11" t="s">
        <v>25</v>
      </c>
      <c r="D23" s="17">
        <v>2746</v>
      </c>
      <c r="E23" s="18">
        <v>38</v>
      </c>
      <c r="F23" s="17">
        <v>690</v>
      </c>
      <c r="G23" s="17">
        <v>2017</v>
      </c>
      <c r="H23" s="17">
        <v>112182</v>
      </c>
      <c r="I23" s="17">
        <v>1620</v>
      </c>
      <c r="J23" s="18">
        <v>26</v>
      </c>
      <c r="K23" s="17">
        <v>239</v>
      </c>
      <c r="L23" s="17">
        <v>1355</v>
      </c>
      <c r="M23" s="17">
        <v>72627</v>
      </c>
      <c r="N23" s="17">
        <v>1126</v>
      </c>
      <c r="O23" s="18">
        <v>12</v>
      </c>
      <c r="P23" s="17">
        <v>451</v>
      </c>
      <c r="Q23" s="17">
        <v>662</v>
      </c>
      <c r="R23" s="17">
        <v>39555</v>
      </c>
    </row>
    <row r="24" spans="1:18">
      <c r="A24" s="21" t="s">
        <v>314</v>
      </c>
      <c r="B24" s="10" t="s">
        <v>25</v>
      </c>
      <c r="C24" s="11" t="s">
        <v>25</v>
      </c>
      <c r="D24" s="17">
        <v>922</v>
      </c>
      <c r="E24" s="17">
        <v>12</v>
      </c>
      <c r="F24" s="17">
        <v>247</v>
      </c>
      <c r="G24" s="17">
        <v>663</v>
      </c>
      <c r="H24" s="17">
        <v>37985</v>
      </c>
      <c r="I24" s="17">
        <v>538</v>
      </c>
      <c r="J24" s="17">
        <v>8</v>
      </c>
      <c r="K24" s="17">
        <v>86</v>
      </c>
      <c r="L24" s="17">
        <v>444</v>
      </c>
      <c r="M24" s="17">
        <v>24405</v>
      </c>
      <c r="N24" s="17">
        <v>384</v>
      </c>
      <c r="O24" s="17">
        <v>4</v>
      </c>
      <c r="P24" s="17">
        <v>161</v>
      </c>
      <c r="Q24" s="17">
        <v>219</v>
      </c>
      <c r="R24" s="17">
        <v>13580</v>
      </c>
    </row>
    <row r="25" spans="1:18">
      <c r="A25" s="21" t="s">
        <v>315</v>
      </c>
      <c r="B25" s="10" t="s">
        <v>25</v>
      </c>
      <c r="C25" s="11" t="s">
        <v>25</v>
      </c>
      <c r="D25" s="17">
        <v>619</v>
      </c>
      <c r="E25" s="17">
        <v>12</v>
      </c>
      <c r="F25" s="17">
        <v>155</v>
      </c>
      <c r="G25" s="17">
        <v>452</v>
      </c>
      <c r="H25" s="17">
        <v>24784</v>
      </c>
      <c r="I25" s="17">
        <v>371</v>
      </c>
      <c r="J25" s="17">
        <v>8</v>
      </c>
      <c r="K25" s="17">
        <v>46</v>
      </c>
      <c r="L25" s="17">
        <v>317</v>
      </c>
      <c r="M25" s="17">
        <v>16697</v>
      </c>
      <c r="N25" s="17">
        <v>248</v>
      </c>
      <c r="O25" s="17">
        <v>4</v>
      </c>
      <c r="P25" s="17">
        <v>109</v>
      </c>
      <c r="Q25" s="17">
        <v>135</v>
      </c>
      <c r="R25" s="17">
        <v>8087</v>
      </c>
    </row>
    <row r="26" spans="1:18">
      <c r="A26" s="21" t="s">
        <v>316</v>
      </c>
      <c r="B26" s="10" t="s">
        <v>25</v>
      </c>
      <c r="C26" s="11" t="s">
        <v>25</v>
      </c>
      <c r="D26" s="17">
        <v>1205</v>
      </c>
      <c r="E26" s="17">
        <v>14</v>
      </c>
      <c r="F26" s="17">
        <v>288</v>
      </c>
      <c r="G26" s="17">
        <v>902</v>
      </c>
      <c r="H26" s="17">
        <v>49413</v>
      </c>
      <c r="I26" s="17">
        <v>711</v>
      </c>
      <c r="J26" s="17">
        <v>10</v>
      </c>
      <c r="K26" s="17">
        <v>107</v>
      </c>
      <c r="L26" s="17">
        <v>594</v>
      </c>
      <c r="M26" s="17">
        <v>31525</v>
      </c>
      <c r="N26" s="17">
        <v>494</v>
      </c>
      <c r="O26" s="17">
        <v>4</v>
      </c>
      <c r="P26" s="17">
        <v>181</v>
      </c>
      <c r="Q26" s="17">
        <v>308</v>
      </c>
      <c r="R26" s="17">
        <v>17888</v>
      </c>
    </row>
    <row r="27" spans="1:18">
      <c r="A27" s="21" t="s">
        <v>317</v>
      </c>
      <c r="B27" s="10" t="s">
        <v>25</v>
      </c>
      <c r="C27" s="11" t="s">
        <v>25</v>
      </c>
      <c r="D27" s="17">
        <v>1872</v>
      </c>
      <c r="E27" s="17">
        <v>35</v>
      </c>
      <c r="F27" s="17">
        <v>532</v>
      </c>
      <c r="G27" s="17">
        <v>1305</v>
      </c>
      <c r="H27" s="17">
        <v>74390</v>
      </c>
      <c r="I27" s="17">
        <v>1089</v>
      </c>
      <c r="J27" s="17">
        <v>22</v>
      </c>
      <c r="K27" s="17">
        <v>185</v>
      </c>
      <c r="L27" s="17">
        <v>882</v>
      </c>
      <c r="M27" s="17">
        <v>47764</v>
      </c>
      <c r="N27" s="17">
        <v>783</v>
      </c>
      <c r="O27" s="17">
        <v>13</v>
      </c>
      <c r="P27" s="17">
        <v>347</v>
      </c>
      <c r="Q27" s="17">
        <v>423</v>
      </c>
      <c r="R27" s="17">
        <v>26626</v>
      </c>
    </row>
    <row r="28" spans="1:18">
      <c r="A28" s="21" t="s">
        <v>318</v>
      </c>
      <c r="B28" s="10" t="s">
        <v>25</v>
      </c>
      <c r="C28" s="11" t="s">
        <v>25</v>
      </c>
      <c r="D28" s="17">
        <v>781</v>
      </c>
      <c r="E28" s="17">
        <v>17</v>
      </c>
      <c r="F28" s="17">
        <v>198</v>
      </c>
      <c r="G28" s="17">
        <v>566</v>
      </c>
      <c r="H28" s="17">
        <v>31897</v>
      </c>
      <c r="I28" s="17">
        <v>463</v>
      </c>
      <c r="J28" s="17">
        <v>9</v>
      </c>
      <c r="K28" s="17">
        <v>71</v>
      </c>
      <c r="L28" s="17">
        <v>383</v>
      </c>
      <c r="M28" s="17">
        <v>20704</v>
      </c>
      <c r="N28" s="17">
        <v>318</v>
      </c>
      <c r="O28" s="17">
        <v>8</v>
      </c>
      <c r="P28" s="17">
        <v>127</v>
      </c>
      <c r="Q28" s="17">
        <v>183</v>
      </c>
      <c r="R28" s="17">
        <v>11193</v>
      </c>
    </row>
    <row r="29" spans="1:18">
      <c r="A29" s="21" t="s">
        <v>319</v>
      </c>
      <c r="B29" s="10" t="s">
        <v>25</v>
      </c>
      <c r="C29" s="11" t="s">
        <v>25</v>
      </c>
      <c r="D29" s="17">
        <v>617</v>
      </c>
      <c r="E29" s="17">
        <v>8</v>
      </c>
      <c r="F29" s="17">
        <v>183</v>
      </c>
      <c r="G29" s="17">
        <v>426</v>
      </c>
      <c r="H29" s="17">
        <v>24237</v>
      </c>
      <c r="I29" s="17">
        <v>358</v>
      </c>
      <c r="J29" s="17">
        <v>6</v>
      </c>
      <c r="K29" s="17">
        <v>68</v>
      </c>
      <c r="L29" s="17">
        <v>284</v>
      </c>
      <c r="M29" s="17">
        <v>15511</v>
      </c>
      <c r="N29" s="17">
        <v>259</v>
      </c>
      <c r="O29" s="17">
        <v>2</v>
      </c>
      <c r="P29" s="17">
        <v>115</v>
      </c>
      <c r="Q29" s="17">
        <v>142</v>
      </c>
      <c r="R29" s="17">
        <v>8726</v>
      </c>
    </row>
    <row r="30" spans="1:18">
      <c r="A30" s="21" t="s">
        <v>320</v>
      </c>
      <c r="B30" s="10" t="s">
        <v>25</v>
      </c>
      <c r="C30" s="11" t="s">
        <v>25</v>
      </c>
      <c r="D30" s="17">
        <v>474</v>
      </c>
      <c r="E30" s="17">
        <v>10</v>
      </c>
      <c r="F30" s="17">
        <v>151</v>
      </c>
      <c r="G30" s="17">
        <v>313</v>
      </c>
      <c r="H30" s="17">
        <v>18256</v>
      </c>
      <c r="I30" s="17">
        <v>268</v>
      </c>
      <c r="J30" s="17">
        <v>7</v>
      </c>
      <c r="K30" s="17">
        <v>46</v>
      </c>
      <c r="L30" s="17">
        <v>215</v>
      </c>
      <c r="M30" s="17">
        <v>11549</v>
      </c>
      <c r="N30" s="17">
        <v>206</v>
      </c>
      <c r="O30" s="17">
        <v>3</v>
      </c>
      <c r="P30" s="17">
        <v>105</v>
      </c>
      <c r="Q30" s="17">
        <v>98</v>
      </c>
      <c r="R30" s="17">
        <v>6707</v>
      </c>
    </row>
    <row r="31" spans="1:18">
      <c r="A31" s="21" t="s">
        <v>321</v>
      </c>
      <c r="B31" s="10" t="s">
        <v>25</v>
      </c>
      <c r="C31" s="11" t="s">
        <v>25</v>
      </c>
      <c r="D31" s="17">
        <v>1965</v>
      </c>
      <c r="E31" s="17">
        <v>30</v>
      </c>
      <c r="F31" s="17">
        <v>565</v>
      </c>
      <c r="G31" s="17">
        <v>1369</v>
      </c>
      <c r="H31" s="17">
        <v>77637</v>
      </c>
      <c r="I31" s="17">
        <v>1079</v>
      </c>
      <c r="J31" s="17">
        <v>21</v>
      </c>
      <c r="K31" s="17">
        <v>156</v>
      </c>
      <c r="L31" s="17">
        <v>901</v>
      </c>
      <c r="M31" s="17">
        <v>48014</v>
      </c>
      <c r="N31" s="17">
        <v>886</v>
      </c>
      <c r="O31" s="17">
        <v>9</v>
      </c>
      <c r="P31" s="17">
        <v>409</v>
      </c>
      <c r="Q31" s="17">
        <v>468</v>
      </c>
      <c r="R31" s="17">
        <v>29623</v>
      </c>
    </row>
    <row r="32" spans="1:18">
      <c r="A32" s="21" t="s">
        <v>322</v>
      </c>
      <c r="B32" s="10" t="s">
        <v>25</v>
      </c>
      <c r="C32" s="11" t="s">
        <v>25</v>
      </c>
      <c r="D32" s="17">
        <v>1160</v>
      </c>
      <c r="E32" s="17">
        <v>19</v>
      </c>
      <c r="F32" s="17">
        <v>354</v>
      </c>
      <c r="G32" s="17">
        <v>787</v>
      </c>
      <c r="H32" s="17">
        <v>45199</v>
      </c>
      <c r="I32" s="17">
        <v>623</v>
      </c>
      <c r="J32" s="18">
        <v>12</v>
      </c>
      <c r="K32" s="17">
        <v>93</v>
      </c>
      <c r="L32" s="17">
        <v>518</v>
      </c>
      <c r="M32" s="17">
        <v>27656</v>
      </c>
      <c r="N32" s="17">
        <v>537</v>
      </c>
      <c r="O32" s="17">
        <v>7</v>
      </c>
      <c r="P32" s="17">
        <v>261</v>
      </c>
      <c r="Q32" s="17">
        <v>269</v>
      </c>
      <c r="R32" s="17">
        <v>17543</v>
      </c>
    </row>
    <row r="33" spans="1:18">
      <c r="A33" s="21" t="s">
        <v>323</v>
      </c>
      <c r="B33" s="10" t="s">
        <v>52</v>
      </c>
      <c r="C33" s="11" t="s">
        <v>53</v>
      </c>
      <c r="D33" s="17">
        <v>805</v>
      </c>
      <c r="E33" s="17">
        <v>11</v>
      </c>
      <c r="F33" s="17">
        <v>211</v>
      </c>
      <c r="G33" s="17">
        <v>582</v>
      </c>
      <c r="H33" s="17">
        <v>32438</v>
      </c>
      <c r="I33" s="17">
        <v>456</v>
      </c>
      <c r="J33" s="17">
        <v>9</v>
      </c>
      <c r="K33" s="17">
        <v>63</v>
      </c>
      <c r="L33" s="17">
        <v>383</v>
      </c>
      <c r="M33" s="17">
        <v>20358</v>
      </c>
      <c r="N33" s="17">
        <v>349</v>
      </c>
      <c r="O33" s="17">
        <v>2</v>
      </c>
      <c r="P33" s="17">
        <v>148</v>
      </c>
      <c r="Q33" s="17">
        <v>199</v>
      </c>
      <c r="R33" s="17">
        <v>12080</v>
      </c>
    </row>
    <row r="34" spans="1:18">
      <c r="A34" s="21" t="s">
        <v>324</v>
      </c>
      <c r="B34" s="10" t="s">
        <v>58</v>
      </c>
      <c r="C34" s="11" t="s">
        <v>53</v>
      </c>
      <c r="D34" s="18" t="s">
        <v>59</v>
      </c>
      <c r="E34" s="18" t="s">
        <v>59</v>
      </c>
      <c r="F34" s="18" t="s">
        <v>59</v>
      </c>
      <c r="G34" s="18" t="s">
        <v>59</v>
      </c>
      <c r="H34" s="18" t="s">
        <v>59</v>
      </c>
      <c r="I34" s="18" t="s">
        <v>59</v>
      </c>
      <c r="J34" s="18" t="s">
        <v>59</v>
      </c>
      <c r="K34" s="18" t="s">
        <v>59</v>
      </c>
      <c r="L34" s="18" t="s">
        <v>59</v>
      </c>
      <c r="M34" s="18" t="s">
        <v>59</v>
      </c>
      <c r="N34" s="18" t="s">
        <v>59</v>
      </c>
      <c r="O34" s="18" t="s">
        <v>59</v>
      </c>
      <c r="P34" s="18" t="s">
        <v>59</v>
      </c>
      <c r="Q34" s="18" t="s">
        <v>59</v>
      </c>
      <c r="R34" s="18" t="s">
        <v>59</v>
      </c>
    </row>
    <row r="35" spans="1:18">
      <c r="A35" s="21" t="s">
        <v>325</v>
      </c>
      <c r="B35" s="10" t="s">
        <v>25</v>
      </c>
      <c r="C35" s="11" t="s">
        <v>25</v>
      </c>
      <c r="D35" s="17">
        <v>904</v>
      </c>
      <c r="E35" s="18">
        <v>12</v>
      </c>
      <c r="F35" s="17">
        <v>237</v>
      </c>
      <c r="G35" s="17">
        <v>655</v>
      </c>
      <c r="H35" s="17">
        <v>36035</v>
      </c>
      <c r="I35" s="17">
        <v>548</v>
      </c>
      <c r="J35" s="18">
        <v>10</v>
      </c>
      <c r="K35" s="17">
        <v>74</v>
      </c>
      <c r="L35" s="17">
        <v>464</v>
      </c>
      <c r="M35" s="17">
        <v>24444</v>
      </c>
      <c r="N35" s="17">
        <v>356</v>
      </c>
      <c r="O35" s="18">
        <v>2</v>
      </c>
      <c r="P35" s="17">
        <v>163</v>
      </c>
      <c r="Q35" s="17">
        <v>191</v>
      </c>
      <c r="R35" s="17">
        <v>11591</v>
      </c>
    </row>
    <row r="36" spans="1:18">
      <c r="A36" s="21" t="s">
        <v>326</v>
      </c>
      <c r="B36" s="10" t="s">
        <v>25</v>
      </c>
      <c r="C36" s="11" t="s">
        <v>25</v>
      </c>
      <c r="D36" s="17">
        <v>93</v>
      </c>
      <c r="E36" s="17">
        <v>2</v>
      </c>
      <c r="F36" s="17">
        <v>26</v>
      </c>
      <c r="G36" s="17">
        <v>65</v>
      </c>
      <c r="H36" s="17">
        <v>3579</v>
      </c>
      <c r="I36" s="17">
        <v>53</v>
      </c>
      <c r="J36" s="17">
        <v>2</v>
      </c>
      <c r="K36" s="17">
        <v>11</v>
      </c>
      <c r="L36" s="17">
        <v>40</v>
      </c>
      <c r="M36" s="17">
        <v>2177</v>
      </c>
      <c r="N36" s="17">
        <v>40</v>
      </c>
      <c r="O36" s="17" t="s">
        <v>35</v>
      </c>
      <c r="P36" s="17">
        <v>15</v>
      </c>
      <c r="Q36" s="17">
        <v>25</v>
      </c>
      <c r="R36" s="17">
        <v>1402</v>
      </c>
    </row>
    <row r="37" spans="1:18">
      <c r="A37" s="21" t="s">
        <v>327</v>
      </c>
      <c r="B37" s="10" t="s">
        <v>25</v>
      </c>
      <c r="C37" s="11" t="s">
        <v>25</v>
      </c>
      <c r="D37" s="17">
        <v>811</v>
      </c>
      <c r="E37" s="17">
        <v>10</v>
      </c>
      <c r="F37" s="17">
        <v>211</v>
      </c>
      <c r="G37" s="17">
        <v>590</v>
      </c>
      <c r="H37" s="17">
        <v>32456</v>
      </c>
      <c r="I37" s="17">
        <v>495</v>
      </c>
      <c r="J37" s="17">
        <v>8</v>
      </c>
      <c r="K37" s="17">
        <v>63</v>
      </c>
      <c r="L37" s="17">
        <v>424</v>
      </c>
      <c r="M37" s="17">
        <v>22267</v>
      </c>
      <c r="N37" s="17">
        <v>316</v>
      </c>
      <c r="O37" s="17">
        <v>2</v>
      </c>
      <c r="P37" s="17">
        <v>148</v>
      </c>
      <c r="Q37" s="17">
        <v>166</v>
      </c>
      <c r="R37" s="17">
        <v>10189</v>
      </c>
    </row>
    <row r="38" spans="1:18">
      <c r="A38" s="21" t="s">
        <v>328</v>
      </c>
      <c r="B38" s="10" t="s">
        <v>25</v>
      </c>
      <c r="C38" s="11" t="s">
        <v>25</v>
      </c>
      <c r="D38" s="17" t="s">
        <v>35</v>
      </c>
      <c r="E38" s="17" t="s">
        <v>35</v>
      </c>
      <c r="F38" s="17" t="s">
        <v>35</v>
      </c>
      <c r="G38" s="17" t="s">
        <v>35</v>
      </c>
      <c r="H38" s="17" t="s">
        <v>35</v>
      </c>
      <c r="I38" s="17" t="s">
        <v>35</v>
      </c>
      <c r="J38" s="17" t="s">
        <v>35</v>
      </c>
      <c r="K38" s="17" t="s">
        <v>35</v>
      </c>
      <c r="L38" s="17" t="s">
        <v>35</v>
      </c>
      <c r="M38" s="17" t="s">
        <v>35</v>
      </c>
      <c r="N38" s="17" t="s">
        <v>35</v>
      </c>
      <c r="O38" s="17" t="s">
        <v>35</v>
      </c>
      <c r="P38" s="17" t="s">
        <v>35</v>
      </c>
      <c r="Q38" s="17" t="s">
        <v>35</v>
      </c>
      <c r="R38" s="17" t="s">
        <v>35</v>
      </c>
    </row>
    <row r="39" spans="1:18">
      <c r="A39" s="21" t="s">
        <v>329</v>
      </c>
      <c r="B39" s="10" t="s">
        <v>25</v>
      </c>
      <c r="C39" s="11" t="s">
        <v>25</v>
      </c>
      <c r="D39" s="17">
        <v>5447</v>
      </c>
      <c r="E39" s="17">
        <v>67</v>
      </c>
      <c r="F39" s="17">
        <v>1470</v>
      </c>
      <c r="G39" s="17">
        <v>3909</v>
      </c>
      <c r="H39" s="17">
        <v>217669</v>
      </c>
      <c r="I39" s="17">
        <v>3168</v>
      </c>
      <c r="J39" s="17">
        <v>42</v>
      </c>
      <c r="K39" s="17">
        <v>434</v>
      </c>
      <c r="L39" s="17">
        <v>2691</v>
      </c>
      <c r="M39" s="17">
        <v>142349</v>
      </c>
      <c r="N39" s="17">
        <v>2279</v>
      </c>
      <c r="O39" s="17">
        <v>25</v>
      </c>
      <c r="P39" s="17">
        <v>1036</v>
      </c>
      <c r="Q39" s="17">
        <v>1218</v>
      </c>
      <c r="R39" s="17">
        <v>75320</v>
      </c>
    </row>
    <row r="40" spans="1:18">
      <c r="A40" s="21" t="s">
        <v>330</v>
      </c>
      <c r="B40" s="10" t="s">
        <v>25</v>
      </c>
      <c r="C40" s="11" t="s">
        <v>25</v>
      </c>
      <c r="D40" s="17">
        <v>1179</v>
      </c>
      <c r="E40" s="17">
        <v>17</v>
      </c>
      <c r="F40" s="17">
        <v>335</v>
      </c>
      <c r="G40" s="17">
        <v>826</v>
      </c>
      <c r="H40" s="17">
        <v>45731</v>
      </c>
      <c r="I40" s="17">
        <v>654</v>
      </c>
      <c r="J40" s="18">
        <v>13</v>
      </c>
      <c r="K40" s="17">
        <v>101</v>
      </c>
      <c r="L40" s="17">
        <v>539</v>
      </c>
      <c r="M40" s="17">
        <v>28300</v>
      </c>
      <c r="N40" s="17">
        <v>525</v>
      </c>
      <c r="O40" s="17">
        <v>4</v>
      </c>
      <c r="P40" s="17">
        <v>234</v>
      </c>
      <c r="Q40" s="17">
        <v>287</v>
      </c>
      <c r="R40" s="17">
        <v>17431</v>
      </c>
    </row>
    <row r="41" spans="1:18">
      <c r="A41" s="21" t="s">
        <v>331</v>
      </c>
      <c r="B41" s="10" t="s">
        <v>25</v>
      </c>
      <c r="C41" s="11" t="s">
        <v>25</v>
      </c>
      <c r="D41" s="17">
        <v>670</v>
      </c>
      <c r="E41" s="17">
        <v>8</v>
      </c>
      <c r="F41" s="17">
        <v>172</v>
      </c>
      <c r="G41" s="17">
        <v>490</v>
      </c>
      <c r="H41" s="17">
        <v>26532</v>
      </c>
      <c r="I41" s="17">
        <v>377</v>
      </c>
      <c r="J41" s="17">
        <v>5</v>
      </c>
      <c r="K41" s="17">
        <v>51</v>
      </c>
      <c r="L41" s="17">
        <v>321</v>
      </c>
      <c r="M41" s="17">
        <v>16523</v>
      </c>
      <c r="N41" s="17">
        <v>293</v>
      </c>
      <c r="O41" s="17">
        <v>3</v>
      </c>
      <c r="P41" s="17">
        <v>121</v>
      </c>
      <c r="Q41" s="17">
        <v>169</v>
      </c>
      <c r="R41" s="17">
        <v>10009</v>
      </c>
    </row>
    <row r="42" spans="1:18">
      <c r="A42" s="21" t="s">
        <v>332</v>
      </c>
      <c r="B42" s="10" t="s">
        <v>25</v>
      </c>
      <c r="C42" s="11" t="s">
        <v>25</v>
      </c>
      <c r="D42" s="18">
        <v>684</v>
      </c>
      <c r="E42" s="18">
        <v>9</v>
      </c>
      <c r="F42" s="18">
        <v>180</v>
      </c>
      <c r="G42" s="18">
        <v>495</v>
      </c>
      <c r="H42" s="18">
        <v>28047</v>
      </c>
      <c r="I42" s="18">
        <v>414</v>
      </c>
      <c r="J42" s="18">
        <v>6</v>
      </c>
      <c r="K42" s="18">
        <v>45</v>
      </c>
      <c r="L42" s="18">
        <v>363</v>
      </c>
      <c r="M42" s="18">
        <v>19498</v>
      </c>
      <c r="N42" s="18">
        <v>270</v>
      </c>
      <c r="O42" s="18">
        <v>3</v>
      </c>
      <c r="P42" s="18">
        <v>135</v>
      </c>
      <c r="Q42" s="18">
        <v>132</v>
      </c>
      <c r="R42" s="18">
        <v>8549</v>
      </c>
    </row>
    <row r="43" spans="1:18">
      <c r="A43" s="21" t="s">
        <v>333</v>
      </c>
      <c r="B43" s="10" t="s">
        <v>25</v>
      </c>
      <c r="C43" s="11" t="s">
        <v>25</v>
      </c>
      <c r="D43" s="17">
        <v>349</v>
      </c>
      <c r="E43" s="17">
        <v>5</v>
      </c>
      <c r="F43" s="17">
        <v>97</v>
      </c>
      <c r="G43" s="17">
        <v>247</v>
      </c>
      <c r="H43" s="17">
        <v>14062</v>
      </c>
      <c r="I43" s="17">
        <v>185</v>
      </c>
      <c r="J43" s="17">
        <v>3</v>
      </c>
      <c r="K43" s="17">
        <v>22</v>
      </c>
      <c r="L43" s="17">
        <v>160</v>
      </c>
      <c r="M43" s="17">
        <v>8504</v>
      </c>
      <c r="N43" s="17">
        <v>164</v>
      </c>
      <c r="O43" s="17">
        <v>2</v>
      </c>
      <c r="P43" s="17">
        <v>75</v>
      </c>
      <c r="Q43" s="17">
        <v>87</v>
      </c>
      <c r="R43" s="17">
        <v>5558</v>
      </c>
    </row>
    <row r="44" spans="1:18">
      <c r="A44" s="21" t="s">
        <v>334</v>
      </c>
      <c r="B44" s="10" t="s">
        <v>25</v>
      </c>
      <c r="C44" s="11" t="s">
        <v>25</v>
      </c>
      <c r="D44" s="17">
        <v>950</v>
      </c>
      <c r="E44" s="18">
        <v>7</v>
      </c>
      <c r="F44" s="17">
        <v>261</v>
      </c>
      <c r="G44" s="17">
        <v>682</v>
      </c>
      <c r="H44" s="17">
        <v>37306</v>
      </c>
      <c r="I44" s="17">
        <v>562</v>
      </c>
      <c r="J44" s="18">
        <v>5</v>
      </c>
      <c r="K44" s="17">
        <v>96</v>
      </c>
      <c r="L44" s="17">
        <v>461</v>
      </c>
      <c r="M44" s="17">
        <v>24233</v>
      </c>
      <c r="N44" s="17">
        <v>388</v>
      </c>
      <c r="O44" s="18">
        <v>2</v>
      </c>
      <c r="P44" s="17">
        <v>165</v>
      </c>
      <c r="Q44" s="17">
        <v>221</v>
      </c>
      <c r="R44" s="17">
        <v>13073</v>
      </c>
    </row>
    <row r="45" spans="1:18">
      <c r="A45" s="21" t="s">
        <v>335</v>
      </c>
      <c r="B45" s="10" t="s">
        <v>25</v>
      </c>
      <c r="C45" s="11" t="s">
        <v>25</v>
      </c>
      <c r="D45" s="17">
        <v>1615</v>
      </c>
      <c r="E45" s="17">
        <v>21</v>
      </c>
      <c r="F45" s="17">
        <v>425</v>
      </c>
      <c r="G45" s="17">
        <v>1169</v>
      </c>
      <c r="H45" s="17">
        <v>65991</v>
      </c>
      <c r="I45" s="17">
        <v>976</v>
      </c>
      <c r="J45" s="17">
        <v>10</v>
      </c>
      <c r="K45" s="17">
        <v>119</v>
      </c>
      <c r="L45" s="17">
        <v>847</v>
      </c>
      <c r="M45" s="17">
        <v>45291</v>
      </c>
      <c r="N45" s="17">
        <v>639</v>
      </c>
      <c r="O45" s="17">
        <v>11</v>
      </c>
      <c r="P45" s="17">
        <v>306</v>
      </c>
      <c r="Q45" s="17">
        <v>322</v>
      </c>
      <c r="R45" s="17">
        <v>20700</v>
      </c>
    </row>
    <row r="46" spans="1:18">
      <c r="A46" s="21" t="s">
        <v>336</v>
      </c>
      <c r="B46" s="10" t="s">
        <v>25</v>
      </c>
      <c r="C46" s="11" t="s">
        <v>25</v>
      </c>
      <c r="D46" s="17">
        <v>5432</v>
      </c>
      <c r="E46" s="17">
        <v>76</v>
      </c>
      <c r="F46" s="17">
        <v>1334</v>
      </c>
      <c r="G46" s="17">
        <v>4021</v>
      </c>
      <c r="H46" s="17">
        <v>221889</v>
      </c>
      <c r="I46" s="17">
        <v>3142</v>
      </c>
      <c r="J46" s="17">
        <v>42</v>
      </c>
      <c r="K46" s="17">
        <v>362</v>
      </c>
      <c r="L46" s="17">
        <v>2737</v>
      </c>
      <c r="M46" s="17">
        <v>144882</v>
      </c>
      <c r="N46" s="17">
        <v>2290</v>
      </c>
      <c r="O46" s="17">
        <v>34</v>
      </c>
      <c r="P46" s="17">
        <v>972</v>
      </c>
      <c r="Q46" s="17">
        <v>1284</v>
      </c>
      <c r="R46" s="17">
        <v>77007</v>
      </c>
    </row>
    <row r="47" spans="1:18">
      <c r="A47" s="21" t="s">
        <v>337</v>
      </c>
      <c r="B47" s="10" t="s">
        <v>25</v>
      </c>
      <c r="C47" s="11" t="s">
        <v>25</v>
      </c>
      <c r="D47" s="17">
        <v>4214</v>
      </c>
      <c r="E47" s="17">
        <v>62</v>
      </c>
      <c r="F47" s="17">
        <v>1022</v>
      </c>
      <c r="G47" s="17">
        <v>3129</v>
      </c>
      <c r="H47" s="17">
        <v>173487</v>
      </c>
      <c r="I47" s="17">
        <v>2430</v>
      </c>
      <c r="J47" s="17">
        <v>36</v>
      </c>
      <c r="K47" s="17">
        <v>269</v>
      </c>
      <c r="L47" s="17">
        <v>2124</v>
      </c>
      <c r="M47" s="17">
        <v>113307</v>
      </c>
      <c r="N47" s="17">
        <v>1784</v>
      </c>
      <c r="O47" s="17">
        <v>26</v>
      </c>
      <c r="P47" s="17">
        <v>753</v>
      </c>
      <c r="Q47" s="17">
        <v>1005</v>
      </c>
      <c r="R47" s="17">
        <v>60180</v>
      </c>
    </row>
    <row r="48" spans="1:18">
      <c r="A48" s="21" t="s">
        <v>338</v>
      </c>
      <c r="B48" s="10" t="s">
        <v>25</v>
      </c>
      <c r="C48" s="11" t="s">
        <v>25</v>
      </c>
      <c r="D48" s="17">
        <v>426</v>
      </c>
      <c r="E48" s="18">
        <v>5</v>
      </c>
      <c r="F48" s="17">
        <v>126</v>
      </c>
      <c r="G48" s="17">
        <v>295</v>
      </c>
      <c r="H48" s="17">
        <v>17034</v>
      </c>
      <c r="I48" s="17">
        <v>245</v>
      </c>
      <c r="J48" s="18">
        <v>2</v>
      </c>
      <c r="K48" s="17">
        <v>44</v>
      </c>
      <c r="L48" s="17">
        <v>199</v>
      </c>
      <c r="M48" s="17">
        <v>10924</v>
      </c>
      <c r="N48" s="17">
        <v>181</v>
      </c>
      <c r="O48" s="18">
        <v>3</v>
      </c>
      <c r="P48" s="17">
        <v>82</v>
      </c>
      <c r="Q48" s="17">
        <v>96</v>
      </c>
      <c r="R48" s="17">
        <v>6110</v>
      </c>
    </row>
    <row r="49" spans="1:18">
      <c r="A49" s="21" t="s">
        <v>339</v>
      </c>
      <c r="B49" s="10" t="s">
        <v>25</v>
      </c>
      <c r="C49" s="11" t="s">
        <v>25</v>
      </c>
      <c r="D49" s="17">
        <v>792</v>
      </c>
      <c r="E49" s="18">
        <v>9</v>
      </c>
      <c r="F49" s="17">
        <v>186</v>
      </c>
      <c r="G49" s="17">
        <v>597</v>
      </c>
      <c r="H49" s="17">
        <v>31368</v>
      </c>
      <c r="I49" s="17">
        <v>467</v>
      </c>
      <c r="J49" s="18">
        <v>4</v>
      </c>
      <c r="K49" s="17">
        <v>49</v>
      </c>
      <c r="L49" s="17">
        <v>414</v>
      </c>
      <c r="M49" s="17">
        <v>20651</v>
      </c>
      <c r="N49" s="17">
        <v>325</v>
      </c>
      <c r="O49" s="18">
        <v>5</v>
      </c>
      <c r="P49" s="17">
        <v>137</v>
      </c>
      <c r="Q49" s="17">
        <v>183</v>
      </c>
      <c r="R49" s="17">
        <v>10717</v>
      </c>
    </row>
    <row r="50" spans="1:18">
      <c r="A50" s="21" t="s">
        <v>340</v>
      </c>
      <c r="B50" s="10" t="s">
        <v>25</v>
      </c>
      <c r="C50" s="11" t="s">
        <v>25</v>
      </c>
      <c r="D50" s="17">
        <v>5470</v>
      </c>
      <c r="E50" s="18">
        <v>81</v>
      </c>
      <c r="F50" s="17">
        <v>1446</v>
      </c>
      <c r="G50" s="17">
        <v>3940</v>
      </c>
      <c r="H50" s="17">
        <v>220227</v>
      </c>
      <c r="I50" s="17">
        <v>3204</v>
      </c>
      <c r="J50" s="18">
        <v>39</v>
      </c>
      <c r="K50" s="17">
        <v>384</v>
      </c>
      <c r="L50" s="17">
        <v>2780</v>
      </c>
      <c r="M50" s="17">
        <v>146791</v>
      </c>
      <c r="N50" s="17">
        <v>2266</v>
      </c>
      <c r="O50" s="18">
        <v>42</v>
      </c>
      <c r="P50" s="17">
        <v>1062</v>
      </c>
      <c r="Q50" s="17">
        <v>1160</v>
      </c>
      <c r="R50" s="17">
        <v>73436</v>
      </c>
    </row>
    <row r="51" spans="1:18">
      <c r="A51" s="21" t="s">
        <v>341</v>
      </c>
      <c r="B51" s="10" t="s">
        <v>25</v>
      </c>
      <c r="C51" s="11" t="s">
        <v>25</v>
      </c>
      <c r="D51" s="17">
        <v>1580</v>
      </c>
      <c r="E51" s="17">
        <v>23</v>
      </c>
      <c r="F51" s="17">
        <v>461</v>
      </c>
      <c r="G51" s="17">
        <v>1095</v>
      </c>
      <c r="H51" s="17">
        <v>61064</v>
      </c>
      <c r="I51" s="17">
        <v>904</v>
      </c>
      <c r="J51" s="18">
        <v>11</v>
      </c>
      <c r="K51" s="17">
        <v>137</v>
      </c>
      <c r="L51" s="17">
        <v>756</v>
      </c>
      <c r="M51" s="17">
        <v>39371</v>
      </c>
      <c r="N51" s="17">
        <v>676</v>
      </c>
      <c r="O51" s="17">
        <v>12</v>
      </c>
      <c r="P51" s="17">
        <v>324</v>
      </c>
      <c r="Q51" s="17">
        <v>339</v>
      </c>
      <c r="R51" s="17">
        <v>21693</v>
      </c>
    </row>
    <row r="52" spans="1:18">
      <c r="A52" s="21" t="s">
        <v>342</v>
      </c>
      <c r="B52" s="10" t="s">
        <v>25</v>
      </c>
      <c r="C52" s="11" t="s">
        <v>25</v>
      </c>
      <c r="D52" s="17">
        <v>218</v>
      </c>
      <c r="E52" s="17">
        <v>2</v>
      </c>
      <c r="F52" s="17">
        <v>52</v>
      </c>
      <c r="G52" s="17">
        <v>164</v>
      </c>
      <c r="H52" s="17">
        <v>9070</v>
      </c>
      <c r="I52" s="17">
        <v>133</v>
      </c>
      <c r="J52" s="18" t="s">
        <v>35</v>
      </c>
      <c r="K52" s="17">
        <v>17</v>
      </c>
      <c r="L52" s="17">
        <v>116</v>
      </c>
      <c r="M52" s="17">
        <v>6264</v>
      </c>
      <c r="N52" s="17">
        <v>85</v>
      </c>
      <c r="O52" s="17">
        <v>2</v>
      </c>
      <c r="P52" s="17">
        <v>35</v>
      </c>
      <c r="Q52" s="17">
        <v>48</v>
      </c>
      <c r="R52" s="17">
        <v>2806</v>
      </c>
    </row>
    <row r="53" spans="1:18">
      <c r="A53" s="21" t="s">
        <v>343</v>
      </c>
      <c r="B53" s="10" t="s">
        <v>25</v>
      </c>
      <c r="C53" s="11" t="s">
        <v>25</v>
      </c>
      <c r="D53" s="17">
        <v>1539</v>
      </c>
      <c r="E53" s="18">
        <v>20</v>
      </c>
      <c r="F53" s="17">
        <v>414</v>
      </c>
      <c r="G53" s="17">
        <v>1105</v>
      </c>
      <c r="H53" s="17">
        <v>61726</v>
      </c>
      <c r="I53" s="17">
        <v>905</v>
      </c>
      <c r="J53" s="18">
        <v>12</v>
      </c>
      <c r="K53" s="17">
        <v>105</v>
      </c>
      <c r="L53" s="17">
        <v>788</v>
      </c>
      <c r="M53" s="17">
        <v>41401</v>
      </c>
      <c r="N53" s="17">
        <v>634</v>
      </c>
      <c r="O53" s="18">
        <v>8</v>
      </c>
      <c r="P53" s="17">
        <v>309</v>
      </c>
      <c r="Q53" s="17">
        <v>317</v>
      </c>
      <c r="R53" s="17">
        <v>20325</v>
      </c>
    </row>
    <row r="54" spans="1:18">
      <c r="A54" s="21" t="s">
        <v>344</v>
      </c>
      <c r="B54" s="10" t="s">
        <v>25</v>
      </c>
      <c r="C54" s="11" t="s">
        <v>25</v>
      </c>
      <c r="D54" s="17">
        <v>1057</v>
      </c>
      <c r="E54" s="18">
        <v>19</v>
      </c>
      <c r="F54" s="17">
        <v>261</v>
      </c>
      <c r="G54" s="17">
        <v>776</v>
      </c>
      <c r="H54" s="17">
        <v>43978</v>
      </c>
      <c r="I54" s="17">
        <v>629</v>
      </c>
      <c r="J54" s="18">
        <v>7</v>
      </c>
      <c r="K54" s="17">
        <v>69</v>
      </c>
      <c r="L54" s="17">
        <v>552</v>
      </c>
      <c r="M54" s="17">
        <v>29755</v>
      </c>
      <c r="N54" s="17">
        <v>428</v>
      </c>
      <c r="O54" s="18">
        <v>12</v>
      </c>
      <c r="P54" s="17">
        <v>192</v>
      </c>
      <c r="Q54" s="17">
        <v>224</v>
      </c>
      <c r="R54" s="17">
        <v>14223</v>
      </c>
    </row>
    <row r="55" spans="1:18">
      <c r="A55" s="21" t="s">
        <v>345</v>
      </c>
      <c r="B55" s="10" t="s">
        <v>25</v>
      </c>
      <c r="C55" s="11" t="s">
        <v>25</v>
      </c>
      <c r="D55" s="17">
        <v>335</v>
      </c>
      <c r="E55" s="17">
        <v>8</v>
      </c>
      <c r="F55" s="17">
        <v>81</v>
      </c>
      <c r="G55" s="17">
        <v>245</v>
      </c>
      <c r="H55" s="17">
        <v>13779</v>
      </c>
      <c r="I55" s="17">
        <v>206</v>
      </c>
      <c r="J55" s="17">
        <v>3</v>
      </c>
      <c r="K55" s="17">
        <v>17</v>
      </c>
      <c r="L55" s="17">
        <v>186</v>
      </c>
      <c r="M55" s="17">
        <v>9807</v>
      </c>
      <c r="N55" s="17">
        <v>129</v>
      </c>
      <c r="O55" s="17">
        <v>5</v>
      </c>
      <c r="P55" s="17">
        <v>64</v>
      </c>
      <c r="Q55" s="17">
        <v>59</v>
      </c>
      <c r="R55" s="17">
        <v>3972</v>
      </c>
    </row>
    <row r="56" spans="1:18">
      <c r="A56" s="21" t="s">
        <v>346</v>
      </c>
      <c r="B56" s="10" t="s">
        <v>25</v>
      </c>
      <c r="C56" s="11" t="s">
        <v>25</v>
      </c>
      <c r="D56" s="17">
        <v>741</v>
      </c>
      <c r="E56" s="17">
        <v>9</v>
      </c>
      <c r="F56" s="17">
        <v>177</v>
      </c>
      <c r="G56" s="17">
        <v>555</v>
      </c>
      <c r="H56" s="17">
        <v>30610</v>
      </c>
      <c r="I56" s="17">
        <v>427</v>
      </c>
      <c r="J56" s="17">
        <v>6</v>
      </c>
      <c r="K56" s="17">
        <v>39</v>
      </c>
      <c r="L56" s="17">
        <v>382</v>
      </c>
      <c r="M56" s="17">
        <v>20193</v>
      </c>
      <c r="N56" s="17">
        <v>314</v>
      </c>
      <c r="O56" s="17">
        <v>3</v>
      </c>
      <c r="P56" s="17">
        <v>138</v>
      </c>
      <c r="Q56" s="17">
        <v>173</v>
      </c>
      <c r="R56" s="17">
        <v>10417</v>
      </c>
    </row>
    <row r="57" spans="1:18">
      <c r="A57" s="21" t="s">
        <v>347</v>
      </c>
      <c r="B57" s="10" t="s">
        <v>25</v>
      </c>
      <c r="C57" s="11" t="s">
        <v>25</v>
      </c>
      <c r="D57" s="17">
        <v>781</v>
      </c>
      <c r="E57" s="17">
        <v>15</v>
      </c>
      <c r="F57" s="17">
        <v>200</v>
      </c>
      <c r="G57" s="17">
        <v>565</v>
      </c>
      <c r="H57" s="17">
        <v>31520</v>
      </c>
      <c r="I57" s="17">
        <v>433</v>
      </c>
      <c r="J57" s="18">
        <v>11</v>
      </c>
      <c r="K57" s="17">
        <v>51</v>
      </c>
      <c r="L57" s="17">
        <v>370</v>
      </c>
      <c r="M57" s="17">
        <v>19423</v>
      </c>
      <c r="N57" s="17">
        <v>348</v>
      </c>
      <c r="O57" s="17">
        <v>4</v>
      </c>
      <c r="P57" s="17">
        <v>149</v>
      </c>
      <c r="Q57" s="17">
        <v>195</v>
      </c>
      <c r="R57" s="17">
        <v>12097</v>
      </c>
    </row>
    <row r="58" spans="1:18">
      <c r="A58" s="21" t="s">
        <v>348</v>
      </c>
      <c r="B58" s="10" t="s">
        <v>25</v>
      </c>
      <c r="C58" s="11" t="s">
        <v>25</v>
      </c>
      <c r="D58" s="17">
        <v>29</v>
      </c>
      <c r="E58" s="17">
        <v>1</v>
      </c>
      <c r="F58" s="17">
        <v>10</v>
      </c>
      <c r="G58" s="17">
        <v>18</v>
      </c>
      <c r="H58" s="17">
        <v>1047</v>
      </c>
      <c r="I58" s="17">
        <v>19</v>
      </c>
      <c r="J58" s="17" t="s">
        <v>35</v>
      </c>
      <c r="K58" s="17">
        <v>4</v>
      </c>
      <c r="L58" s="17">
        <v>15</v>
      </c>
      <c r="M58" s="17">
        <v>778</v>
      </c>
      <c r="N58" s="17">
        <v>10</v>
      </c>
      <c r="O58" s="17">
        <v>1</v>
      </c>
      <c r="P58" s="17">
        <v>6</v>
      </c>
      <c r="Q58" s="17">
        <v>3</v>
      </c>
      <c r="R58" s="17">
        <v>269</v>
      </c>
    </row>
    <row r="59" spans="1:18">
      <c r="A59" s="21" t="s">
        <v>349</v>
      </c>
      <c r="B59" s="10" t="s">
        <v>25</v>
      </c>
      <c r="C59" s="11" t="s">
        <v>25</v>
      </c>
      <c r="D59" s="17">
        <v>347</v>
      </c>
      <c r="E59" s="17">
        <v>9</v>
      </c>
      <c r="F59" s="17">
        <v>97</v>
      </c>
      <c r="G59" s="17">
        <v>241</v>
      </c>
      <c r="H59" s="17">
        <v>13728</v>
      </c>
      <c r="I59" s="17">
        <v>187</v>
      </c>
      <c r="J59" s="17">
        <v>7</v>
      </c>
      <c r="K59" s="17">
        <v>17</v>
      </c>
      <c r="L59" s="17">
        <v>163</v>
      </c>
      <c r="M59" s="17">
        <v>8649</v>
      </c>
      <c r="N59" s="17">
        <v>160</v>
      </c>
      <c r="O59" s="17">
        <v>2</v>
      </c>
      <c r="P59" s="17">
        <v>80</v>
      </c>
      <c r="Q59" s="17">
        <v>78</v>
      </c>
      <c r="R59" s="17">
        <v>5079</v>
      </c>
    </row>
    <row r="60" spans="1:18">
      <c r="A60" s="21" t="s">
        <v>350</v>
      </c>
      <c r="B60" s="10" t="s">
        <v>25</v>
      </c>
      <c r="C60" s="11" t="s">
        <v>25</v>
      </c>
      <c r="D60" s="17">
        <v>405</v>
      </c>
      <c r="E60" s="17">
        <v>5</v>
      </c>
      <c r="F60" s="17">
        <v>93</v>
      </c>
      <c r="G60" s="17">
        <v>306</v>
      </c>
      <c r="H60" s="17">
        <v>16745</v>
      </c>
      <c r="I60" s="17">
        <v>227</v>
      </c>
      <c r="J60" s="17">
        <v>4</v>
      </c>
      <c r="K60" s="17">
        <v>30</v>
      </c>
      <c r="L60" s="17">
        <v>192</v>
      </c>
      <c r="M60" s="17">
        <v>9996</v>
      </c>
      <c r="N60" s="17">
        <v>178</v>
      </c>
      <c r="O60" s="17">
        <v>1</v>
      </c>
      <c r="P60" s="17">
        <v>63</v>
      </c>
      <c r="Q60" s="17">
        <v>114</v>
      </c>
      <c r="R60" s="17">
        <v>6749</v>
      </c>
    </row>
    <row r="61" spans="1:18">
      <c r="A61" s="21" t="s">
        <v>351</v>
      </c>
      <c r="B61" s="10" t="s">
        <v>25</v>
      </c>
      <c r="C61" s="11" t="s">
        <v>25</v>
      </c>
      <c r="D61" s="17" t="s">
        <v>35</v>
      </c>
      <c r="E61" s="17" t="s">
        <v>35</v>
      </c>
      <c r="F61" s="17" t="s">
        <v>35</v>
      </c>
      <c r="G61" s="17" t="s">
        <v>35</v>
      </c>
      <c r="H61" s="17" t="s">
        <v>35</v>
      </c>
      <c r="I61" s="17" t="s">
        <v>35</v>
      </c>
      <c r="J61" s="17" t="s">
        <v>35</v>
      </c>
      <c r="K61" s="17" t="s">
        <v>35</v>
      </c>
      <c r="L61" s="17" t="s">
        <v>35</v>
      </c>
      <c r="M61" s="17" t="s">
        <v>35</v>
      </c>
      <c r="N61" s="17" t="s">
        <v>35</v>
      </c>
      <c r="O61" s="17" t="s">
        <v>35</v>
      </c>
      <c r="P61" s="17" t="s">
        <v>35</v>
      </c>
      <c r="Q61" s="17" t="s">
        <v>35</v>
      </c>
      <c r="R61" s="17" t="s">
        <v>35</v>
      </c>
    </row>
    <row r="62" spans="1:18">
      <c r="A62" s="21" t="s">
        <v>352</v>
      </c>
      <c r="B62" s="10" t="s">
        <v>25</v>
      </c>
      <c r="C62" s="11" t="s">
        <v>25</v>
      </c>
      <c r="D62" s="17" t="s">
        <v>35</v>
      </c>
      <c r="E62" s="17" t="s">
        <v>35</v>
      </c>
      <c r="F62" s="17" t="s">
        <v>35</v>
      </c>
      <c r="G62" s="17" t="s">
        <v>35</v>
      </c>
      <c r="H62" s="17" t="s">
        <v>35</v>
      </c>
      <c r="I62" s="17" t="s">
        <v>35</v>
      </c>
      <c r="J62" s="17" t="s">
        <v>35</v>
      </c>
      <c r="K62" s="17" t="s">
        <v>35</v>
      </c>
      <c r="L62" s="17" t="s">
        <v>35</v>
      </c>
      <c r="M62" s="17" t="s">
        <v>35</v>
      </c>
      <c r="N62" s="17" t="s">
        <v>35</v>
      </c>
      <c r="O62" s="17" t="s">
        <v>35</v>
      </c>
      <c r="P62" s="17" t="s">
        <v>35</v>
      </c>
      <c r="Q62" s="17" t="s">
        <v>35</v>
      </c>
      <c r="R62" s="17" t="s">
        <v>35</v>
      </c>
    </row>
    <row r="63" spans="1:18">
      <c r="A63" s="21" t="s">
        <v>353</v>
      </c>
      <c r="B63" s="10" t="s">
        <v>25</v>
      </c>
      <c r="C63" s="11" t="s">
        <v>25</v>
      </c>
      <c r="D63" s="17" t="s">
        <v>35</v>
      </c>
      <c r="E63" s="17" t="s">
        <v>35</v>
      </c>
      <c r="F63" s="17" t="s">
        <v>35</v>
      </c>
      <c r="G63" s="17" t="s">
        <v>35</v>
      </c>
      <c r="H63" s="17" t="s">
        <v>35</v>
      </c>
      <c r="I63" s="17" t="s">
        <v>35</v>
      </c>
      <c r="J63" s="17" t="s">
        <v>35</v>
      </c>
      <c r="K63" s="17" t="s">
        <v>35</v>
      </c>
      <c r="L63" s="17" t="s">
        <v>35</v>
      </c>
      <c r="M63" s="17" t="s">
        <v>35</v>
      </c>
      <c r="N63" s="17" t="s">
        <v>35</v>
      </c>
      <c r="O63" s="17" t="s">
        <v>35</v>
      </c>
      <c r="P63" s="17" t="s">
        <v>35</v>
      </c>
      <c r="Q63" s="17" t="s">
        <v>35</v>
      </c>
      <c r="R63" s="17" t="s">
        <v>35</v>
      </c>
    </row>
    <row r="64" spans="1:18">
      <c r="A64" s="21" t="s">
        <v>354</v>
      </c>
      <c r="B64" s="10" t="s">
        <v>58</v>
      </c>
      <c r="C64" s="11" t="s">
        <v>106</v>
      </c>
      <c r="D64" s="18" t="s">
        <v>59</v>
      </c>
      <c r="E64" s="18" t="s">
        <v>59</v>
      </c>
      <c r="F64" s="18" t="s">
        <v>59</v>
      </c>
      <c r="G64" s="18" t="s">
        <v>59</v>
      </c>
      <c r="H64" s="18" t="s">
        <v>59</v>
      </c>
      <c r="I64" s="18" t="s">
        <v>59</v>
      </c>
      <c r="J64" s="18" t="s">
        <v>59</v>
      </c>
      <c r="K64" s="18" t="s">
        <v>59</v>
      </c>
      <c r="L64" s="18" t="s">
        <v>59</v>
      </c>
      <c r="M64" s="18" t="s">
        <v>59</v>
      </c>
      <c r="N64" s="18" t="s">
        <v>59</v>
      </c>
      <c r="O64" s="18" t="s">
        <v>59</v>
      </c>
      <c r="P64" s="18" t="s">
        <v>59</v>
      </c>
      <c r="Q64" s="18" t="s">
        <v>59</v>
      </c>
      <c r="R64" s="18" t="s">
        <v>59</v>
      </c>
    </row>
    <row r="65" spans="1:18">
      <c r="A65" s="21" t="s">
        <v>355</v>
      </c>
      <c r="B65" s="10" t="s">
        <v>25</v>
      </c>
      <c r="C65" s="11" t="s">
        <v>25</v>
      </c>
      <c r="D65" s="17" t="s">
        <v>35</v>
      </c>
      <c r="E65" s="17" t="s">
        <v>35</v>
      </c>
      <c r="F65" s="17" t="s">
        <v>35</v>
      </c>
      <c r="G65" s="17" t="s">
        <v>35</v>
      </c>
      <c r="H65" s="17" t="s">
        <v>35</v>
      </c>
      <c r="I65" s="17" t="s">
        <v>35</v>
      </c>
      <c r="J65" s="17" t="s">
        <v>35</v>
      </c>
      <c r="K65" s="17" t="s">
        <v>35</v>
      </c>
      <c r="L65" s="17" t="s">
        <v>35</v>
      </c>
      <c r="M65" s="17" t="s">
        <v>35</v>
      </c>
      <c r="N65" s="17" t="s">
        <v>35</v>
      </c>
      <c r="O65" s="17" t="s">
        <v>35</v>
      </c>
      <c r="P65" s="17" t="s">
        <v>35</v>
      </c>
      <c r="Q65" s="17" t="s">
        <v>35</v>
      </c>
      <c r="R65" s="17" t="s">
        <v>35</v>
      </c>
    </row>
    <row r="66" spans="1:18">
      <c r="A66" s="21" t="s">
        <v>356</v>
      </c>
      <c r="B66" s="10" t="s">
        <v>58</v>
      </c>
      <c r="C66" s="11" t="s">
        <v>106</v>
      </c>
      <c r="D66" s="18" t="s">
        <v>59</v>
      </c>
      <c r="E66" s="18" t="s">
        <v>59</v>
      </c>
      <c r="F66" s="18" t="s">
        <v>59</v>
      </c>
      <c r="G66" s="18" t="s">
        <v>59</v>
      </c>
      <c r="H66" s="18" t="s">
        <v>59</v>
      </c>
      <c r="I66" s="18" t="s">
        <v>59</v>
      </c>
      <c r="J66" s="18" t="s">
        <v>59</v>
      </c>
      <c r="K66" s="18" t="s">
        <v>59</v>
      </c>
      <c r="L66" s="18" t="s">
        <v>59</v>
      </c>
      <c r="M66" s="18" t="s">
        <v>59</v>
      </c>
      <c r="N66" s="18" t="s">
        <v>59</v>
      </c>
      <c r="O66" s="18" t="s">
        <v>59</v>
      </c>
      <c r="P66" s="18" t="s">
        <v>59</v>
      </c>
      <c r="Q66" s="18" t="s">
        <v>59</v>
      </c>
      <c r="R66" s="18" t="s">
        <v>59</v>
      </c>
    </row>
    <row r="67" spans="1:18">
      <c r="A67" s="21" t="s">
        <v>357</v>
      </c>
      <c r="B67" s="10" t="s">
        <v>25</v>
      </c>
      <c r="C67" s="11" t="s">
        <v>25</v>
      </c>
      <c r="D67" s="17" t="s">
        <v>35</v>
      </c>
      <c r="E67" s="17" t="s">
        <v>35</v>
      </c>
      <c r="F67" s="17" t="s">
        <v>35</v>
      </c>
      <c r="G67" s="17" t="s">
        <v>35</v>
      </c>
      <c r="H67" s="17" t="s">
        <v>35</v>
      </c>
      <c r="I67" s="17" t="s">
        <v>35</v>
      </c>
      <c r="J67" s="17" t="s">
        <v>35</v>
      </c>
      <c r="K67" s="17" t="s">
        <v>35</v>
      </c>
      <c r="L67" s="17" t="s">
        <v>35</v>
      </c>
      <c r="M67" s="17" t="s">
        <v>35</v>
      </c>
      <c r="N67" s="17" t="s">
        <v>35</v>
      </c>
      <c r="O67" s="17" t="s">
        <v>35</v>
      </c>
      <c r="P67" s="17" t="s">
        <v>35</v>
      </c>
      <c r="Q67" s="17" t="s">
        <v>35</v>
      </c>
      <c r="R67" s="17" t="s">
        <v>35</v>
      </c>
    </row>
    <row r="68" spans="1:18">
      <c r="A68" s="21" t="s">
        <v>358</v>
      </c>
      <c r="B68" s="10" t="s">
        <v>25</v>
      </c>
      <c r="C68" s="11" t="s">
        <v>25</v>
      </c>
      <c r="D68" s="17" t="s">
        <v>35</v>
      </c>
      <c r="E68" s="17" t="s">
        <v>35</v>
      </c>
      <c r="F68" s="17" t="s">
        <v>35</v>
      </c>
      <c r="G68" s="17" t="s">
        <v>35</v>
      </c>
      <c r="H68" s="17" t="s">
        <v>35</v>
      </c>
      <c r="I68" s="17" t="s">
        <v>35</v>
      </c>
      <c r="J68" s="17" t="s">
        <v>35</v>
      </c>
      <c r="K68" s="17" t="s">
        <v>35</v>
      </c>
      <c r="L68" s="17" t="s">
        <v>35</v>
      </c>
      <c r="M68" s="17" t="s">
        <v>35</v>
      </c>
      <c r="N68" s="17" t="s">
        <v>35</v>
      </c>
      <c r="O68" s="17" t="s">
        <v>35</v>
      </c>
      <c r="P68" s="17" t="s">
        <v>35</v>
      </c>
      <c r="Q68" s="17" t="s">
        <v>35</v>
      </c>
      <c r="R68" s="17" t="s">
        <v>35</v>
      </c>
    </row>
    <row r="69" spans="1:18">
      <c r="A69" s="21" t="s">
        <v>359</v>
      </c>
      <c r="B69" s="10" t="s">
        <v>25</v>
      </c>
      <c r="C69" s="11" t="s">
        <v>25</v>
      </c>
      <c r="D69" s="17" t="s">
        <v>35</v>
      </c>
      <c r="E69" s="17" t="s">
        <v>35</v>
      </c>
      <c r="F69" s="17" t="s">
        <v>35</v>
      </c>
      <c r="G69" s="17" t="s">
        <v>35</v>
      </c>
      <c r="H69" s="17" t="s">
        <v>35</v>
      </c>
      <c r="I69" s="17" t="s">
        <v>35</v>
      </c>
      <c r="J69" s="17" t="s">
        <v>35</v>
      </c>
      <c r="K69" s="17" t="s">
        <v>35</v>
      </c>
      <c r="L69" s="17" t="s">
        <v>35</v>
      </c>
      <c r="M69" s="17" t="s">
        <v>35</v>
      </c>
      <c r="N69" s="17" t="s">
        <v>35</v>
      </c>
      <c r="O69" s="17" t="s">
        <v>35</v>
      </c>
      <c r="P69" s="17" t="s">
        <v>35</v>
      </c>
      <c r="Q69" s="17" t="s">
        <v>35</v>
      </c>
      <c r="R69" s="17" t="s">
        <v>35</v>
      </c>
    </row>
    <row r="70" spans="1:18">
      <c r="A70" s="21" t="s">
        <v>360</v>
      </c>
      <c r="B70" s="10" t="s">
        <v>58</v>
      </c>
      <c r="C70" s="11" t="s">
        <v>106</v>
      </c>
      <c r="D70" s="18" t="s">
        <v>59</v>
      </c>
      <c r="E70" s="18" t="s">
        <v>59</v>
      </c>
      <c r="F70" s="18" t="s">
        <v>59</v>
      </c>
      <c r="G70" s="18" t="s">
        <v>59</v>
      </c>
      <c r="H70" s="18" t="s">
        <v>59</v>
      </c>
      <c r="I70" s="18" t="s">
        <v>59</v>
      </c>
      <c r="J70" s="18" t="s">
        <v>59</v>
      </c>
      <c r="K70" s="18" t="s">
        <v>59</v>
      </c>
      <c r="L70" s="18" t="s">
        <v>59</v>
      </c>
      <c r="M70" s="18" t="s">
        <v>59</v>
      </c>
      <c r="N70" s="18" t="s">
        <v>59</v>
      </c>
      <c r="O70" s="18" t="s">
        <v>59</v>
      </c>
      <c r="P70" s="18" t="s">
        <v>59</v>
      </c>
      <c r="Q70" s="18" t="s">
        <v>59</v>
      </c>
      <c r="R70" s="18" t="s">
        <v>59</v>
      </c>
    </row>
    <row r="71" spans="1:18">
      <c r="A71" s="21" t="s">
        <v>361</v>
      </c>
      <c r="B71" s="10" t="s">
        <v>25</v>
      </c>
      <c r="C71" s="11" t="s">
        <v>25</v>
      </c>
      <c r="D71" s="17" t="s">
        <v>35</v>
      </c>
      <c r="E71" s="17" t="s">
        <v>35</v>
      </c>
      <c r="F71" s="17" t="s">
        <v>35</v>
      </c>
      <c r="G71" s="17" t="s">
        <v>35</v>
      </c>
      <c r="H71" s="17" t="s">
        <v>35</v>
      </c>
      <c r="I71" s="17" t="s">
        <v>35</v>
      </c>
      <c r="J71" s="17" t="s">
        <v>35</v>
      </c>
      <c r="K71" s="17" t="s">
        <v>35</v>
      </c>
      <c r="L71" s="17" t="s">
        <v>35</v>
      </c>
      <c r="M71" s="17" t="s">
        <v>35</v>
      </c>
      <c r="N71" s="17" t="s">
        <v>35</v>
      </c>
      <c r="O71" s="17" t="s">
        <v>35</v>
      </c>
      <c r="P71" s="17" t="s">
        <v>35</v>
      </c>
      <c r="Q71" s="17" t="s">
        <v>35</v>
      </c>
      <c r="R71" s="17" t="s">
        <v>35</v>
      </c>
    </row>
    <row r="72" spans="1:18">
      <c r="A72" s="21" t="s">
        <v>362</v>
      </c>
      <c r="B72" s="10" t="s">
        <v>58</v>
      </c>
      <c r="C72" s="11" t="s">
        <v>106</v>
      </c>
      <c r="D72" s="18" t="s">
        <v>59</v>
      </c>
      <c r="E72" s="18" t="s">
        <v>59</v>
      </c>
      <c r="F72" s="18" t="s">
        <v>59</v>
      </c>
      <c r="G72" s="18" t="s">
        <v>59</v>
      </c>
      <c r="H72" s="18" t="s">
        <v>59</v>
      </c>
      <c r="I72" s="18" t="s">
        <v>59</v>
      </c>
      <c r="J72" s="18" t="s">
        <v>59</v>
      </c>
      <c r="K72" s="18" t="s">
        <v>59</v>
      </c>
      <c r="L72" s="18" t="s">
        <v>59</v>
      </c>
      <c r="M72" s="18" t="s">
        <v>59</v>
      </c>
      <c r="N72" s="18" t="s">
        <v>59</v>
      </c>
      <c r="O72" s="18" t="s">
        <v>59</v>
      </c>
      <c r="P72" s="18" t="s">
        <v>59</v>
      </c>
      <c r="Q72" s="18" t="s">
        <v>59</v>
      </c>
      <c r="R72" s="18" t="s">
        <v>59</v>
      </c>
    </row>
    <row r="73" spans="1:18">
      <c r="A73" s="21" t="s">
        <v>363</v>
      </c>
      <c r="B73" s="10" t="s">
        <v>52</v>
      </c>
      <c r="C73" s="11" t="s">
        <v>106</v>
      </c>
      <c r="D73" s="17">
        <v>168</v>
      </c>
      <c r="E73" s="17">
        <v>5</v>
      </c>
      <c r="F73" s="17">
        <v>47</v>
      </c>
      <c r="G73" s="17">
        <v>116</v>
      </c>
      <c r="H73" s="17">
        <v>6329</v>
      </c>
      <c r="I73" s="17">
        <v>93</v>
      </c>
      <c r="J73" s="17">
        <v>4</v>
      </c>
      <c r="K73" s="17">
        <v>8</v>
      </c>
      <c r="L73" s="17">
        <v>81</v>
      </c>
      <c r="M73" s="17">
        <v>3995</v>
      </c>
      <c r="N73" s="17">
        <v>75</v>
      </c>
      <c r="O73" s="17">
        <v>1</v>
      </c>
      <c r="P73" s="17">
        <v>39</v>
      </c>
      <c r="Q73" s="17">
        <v>35</v>
      </c>
      <c r="R73" s="17">
        <v>2334</v>
      </c>
    </row>
    <row r="74" spans="1:18">
      <c r="A74" s="21" t="s">
        <v>364</v>
      </c>
      <c r="B74" s="10" t="s">
        <v>25</v>
      </c>
      <c r="C74" s="11" t="s">
        <v>25</v>
      </c>
      <c r="D74" s="17" t="s">
        <v>35</v>
      </c>
      <c r="E74" s="17" t="s">
        <v>35</v>
      </c>
      <c r="F74" s="17" t="s">
        <v>35</v>
      </c>
      <c r="G74" s="17" t="s">
        <v>35</v>
      </c>
      <c r="H74" s="17" t="s">
        <v>35</v>
      </c>
      <c r="I74" s="17" t="s">
        <v>35</v>
      </c>
      <c r="J74" s="17" t="s">
        <v>35</v>
      </c>
      <c r="K74" s="17" t="s">
        <v>35</v>
      </c>
      <c r="L74" s="17" t="s">
        <v>35</v>
      </c>
      <c r="M74" s="17" t="s">
        <v>35</v>
      </c>
      <c r="N74" s="17" t="s">
        <v>35</v>
      </c>
      <c r="O74" s="17" t="s">
        <v>35</v>
      </c>
      <c r="P74" s="17" t="s">
        <v>35</v>
      </c>
      <c r="Q74" s="17" t="s">
        <v>35</v>
      </c>
      <c r="R74" s="17" t="s">
        <v>35</v>
      </c>
    </row>
    <row r="75" spans="1:18">
      <c r="A75" s="21" t="s">
        <v>365</v>
      </c>
      <c r="B75" s="10" t="s">
        <v>58</v>
      </c>
      <c r="C75" s="11" t="s">
        <v>106</v>
      </c>
      <c r="D75" s="18" t="s">
        <v>59</v>
      </c>
      <c r="E75" s="18" t="s">
        <v>59</v>
      </c>
      <c r="F75" s="18" t="s">
        <v>59</v>
      </c>
      <c r="G75" s="18" t="s">
        <v>59</v>
      </c>
      <c r="H75" s="18" t="s">
        <v>59</v>
      </c>
      <c r="I75" s="18" t="s">
        <v>59</v>
      </c>
      <c r="J75" s="18" t="s">
        <v>59</v>
      </c>
      <c r="K75" s="18" t="s">
        <v>59</v>
      </c>
      <c r="L75" s="18" t="s">
        <v>59</v>
      </c>
      <c r="M75" s="18" t="s">
        <v>59</v>
      </c>
      <c r="N75" s="18" t="s">
        <v>59</v>
      </c>
      <c r="O75" s="18" t="s">
        <v>59</v>
      </c>
      <c r="P75" s="18" t="s">
        <v>59</v>
      </c>
      <c r="Q75" s="18" t="s">
        <v>59</v>
      </c>
      <c r="R75" s="18" t="s">
        <v>59</v>
      </c>
    </row>
    <row r="76" spans="1:18">
      <c r="A76" s="21" t="s">
        <v>366</v>
      </c>
      <c r="B76" s="10" t="s">
        <v>58</v>
      </c>
      <c r="C76" s="11" t="s">
        <v>106</v>
      </c>
      <c r="D76" s="18" t="s">
        <v>59</v>
      </c>
      <c r="E76" s="18" t="s">
        <v>59</v>
      </c>
      <c r="F76" s="18" t="s">
        <v>59</v>
      </c>
      <c r="G76" s="18" t="s">
        <v>59</v>
      </c>
      <c r="H76" s="18" t="s">
        <v>59</v>
      </c>
      <c r="I76" s="18" t="s">
        <v>59</v>
      </c>
      <c r="J76" s="18" t="s">
        <v>59</v>
      </c>
      <c r="K76" s="18" t="s">
        <v>59</v>
      </c>
      <c r="L76" s="18" t="s">
        <v>59</v>
      </c>
      <c r="M76" s="18" t="s">
        <v>59</v>
      </c>
      <c r="N76" s="18" t="s">
        <v>59</v>
      </c>
      <c r="O76" s="18" t="s">
        <v>59</v>
      </c>
      <c r="P76" s="18" t="s">
        <v>59</v>
      </c>
      <c r="Q76" s="18" t="s">
        <v>59</v>
      </c>
      <c r="R76" s="18" t="s">
        <v>59</v>
      </c>
    </row>
    <row r="77" spans="1:18">
      <c r="A77" s="21" t="s">
        <v>367</v>
      </c>
      <c r="B77" s="10" t="s">
        <v>25</v>
      </c>
      <c r="C77" s="11" t="s">
        <v>25</v>
      </c>
      <c r="D77" s="17" t="s">
        <v>35</v>
      </c>
      <c r="E77" s="17" t="s">
        <v>35</v>
      </c>
      <c r="F77" s="17" t="s">
        <v>35</v>
      </c>
      <c r="G77" s="17" t="s">
        <v>35</v>
      </c>
      <c r="H77" s="17" t="s">
        <v>35</v>
      </c>
      <c r="I77" s="17" t="s">
        <v>35</v>
      </c>
      <c r="J77" s="17" t="s">
        <v>35</v>
      </c>
      <c r="K77" s="17" t="s">
        <v>35</v>
      </c>
      <c r="L77" s="17" t="s">
        <v>35</v>
      </c>
      <c r="M77" s="17" t="s">
        <v>35</v>
      </c>
      <c r="N77" s="17" t="s">
        <v>35</v>
      </c>
      <c r="O77" s="17" t="s">
        <v>35</v>
      </c>
      <c r="P77" s="17" t="s">
        <v>35</v>
      </c>
      <c r="Q77" s="17" t="s">
        <v>35</v>
      </c>
      <c r="R77" s="17" t="s">
        <v>35</v>
      </c>
    </row>
    <row r="78" spans="1:18">
      <c r="A78" s="21" t="s">
        <v>368</v>
      </c>
      <c r="B78" s="10" t="s">
        <v>25</v>
      </c>
      <c r="C78" s="11" t="s">
        <v>25</v>
      </c>
      <c r="D78" s="17" t="s">
        <v>35</v>
      </c>
      <c r="E78" s="17" t="s">
        <v>35</v>
      </c>
      <c r="F78" s="17" t="s">
        <v>35</v>
      </c>
      <c r="G78" s="17" t="s">
        <v>35</v>
      </c>
      <c r="H78" s="17" t="s">
        <v>35</v>
      </c>
      <c r="I78" s="17" t="s">
        <v>35</v>
      </c>
      <c r="J78" s="17" t="s">
        <v>35</v>
      </c>
      <c r="K78" s="17" t="s">
        <v>35</v>
      </c>
      <c r="L78" s="17" t="s">
        <v>35</v>
      </c>
      <c r="M78" s="17" t="s">
        <v>35</v>
      </c>
      <c r="N78" s="17" t="s">
        <v>35</v>
      </c>
      <c r="O78" s="17" t="s">
        <v>35</v>
      </c>
      <c r="P78" s="17" t="s">
        <v>35</v>
      </c>
      <c r="Q78" s="17" t="s">
        <v>35</v>
      </c>
      <c r="R78" s="17" t="s">
        <v>35</v>
      </c>
    </row>
    <row r="79" spans="1:18">
      <c r="A79" s="21" t="s">
        <v>369</v>
      </c>
      <c r="B79" s="10" t="s">
        <v>25</v>
      </c>
      <c r="C79" s="11" t="s">
        <v>25</v>
      </c>
      <c r="D79" s="17" t="s">
        <v>35</v>
      </c>
      <c r="E79" s="17" t="s">
        <v>35</v>
      </c>
      <c r="F79" s="17" t="s">
        <v>35</v>
      </c>
      <c r="G79" s="17" t="s">
        <v>35</v>
      </c>
      <c r="H79" s="17" t="s">
        <v>35</v>
      </c>
      <c r="I79" s="17" t="s">
        <v>35</v>
      </c>
      <c r="J79" s="17" t="s">
        <v>35</v>
      </c>
      <c r="K79" s="17" t="s">
        <v>35</v>
      </c>
      <c r="L79" s="17" t="s">
        <v>35</v>
      </c>
      <c r="M79" s="17" t="s">
        <v>35</v>
      </c>
      <c r="N79" s="17" t="s">
        <v>35</v>
      </c>
      <c r="O79" s="17" t="s">
        <v>35</v>
      </c>
      <c r="P79" s="17" t="s">
        <v>35</v>
      </c>
      <c r="Q79" s="17" t="s">
        <v>35</v>
      </c>
      <c r="R79" s="17" t="s">
        <v>35</v>
      </c>
    </row>
    <row r="80" spans="1:18">
      <c r="A80" s="21" t="s">
        <v>370</v>
      </c>
      <c r="B80" s="10" t="s">
        <v>25</v>
      </c>
      <c r="C80" s="11" t="s">
        <v>25</v>
      </c>
      <c r="D80" s="17" t="s">
        <v>35</v>
      </c>
      <c r="E80" s="17" t="s">
        <v>35</v>
      </c>
      <c r="F80" s="17" t="s">
        <v>35</v>
      </c>
      <c r="G80" s="17" t="s">
        <v>35</v>
      </c>
      <c r="H80" s="17" t="s">
        <v>35</v>
      </c>
      <c r="I80" s="17" t="s">
        <v>35</v>
      </c>
      <c r="J80" s="17" t="s">
        <v>35</v>
      </c>
      <c r="K80" s="17" t="s">
        <v>35</v>
      </c>
      <c r="L80" s="17" t="s">
        <v>35</v>
      </c>
      <c r="M80" s="17" t="s">
        <v>35</v>
      </c>
      <c r="N80" s="17" t="s">
        <v>35</v>
      </c>
      <c r="O80" s="18" t="s">
        <v>35</v>
      </c>
      <c r="P80" s="17" t="s">
        <v>35</v>
      </c>
      <c r="Q80" s="17" t="s">
        <v>35</v>
      </c>
      <c r="R80" s="17" t="s">
        <v>35</v>
      </c>
    </row>
    <row r="81" spans="1:18">
      <c r="A81" s="21" t="s">
        <v>371</v>
      </c>
      <c r="B81" s="10" t="s">
        <v>25</v>
      </c>
      <c r="C81" s="11" t="s">
        <v>25</v>
      </c>
      <c r="D81" s="17" t="s">
        <v>35</v>
      </c>
      <c r="E81" s="17" t="s">
        <v>35</v>
      </c>
      <c r="F81" s="17" t="s">
        <v>35</v>
      </c>
      <c r="G81" s="17" t="s">
        <v>35</v>
      </c>
      <c r="H81" s="17" t="s">
        <v>35</v>
      </c>
      <c r="I81" s="17" t="s">
        <v>35</v>
      </c>
      <c r="J81" s="17" t="s">
        <v>35</v>
      </c>
      <c r="K81" s="17" t="s">
        <v>35</v>
      </c>
      <c r="L81" s="17" t="s">
        <v>35</v>
      </c>
      <c r="M81" s="17" t="s">
        <v>35</v>
      </c>
      <c r="N81" s="17" t="s">
        <v>35</v>
      </c>
      <c r="O81" s="18" t="s">
        <v>35</v>
      </c>
      <c r="P81" s="17" t="s">
        <v>35</v>
      </c>
      <c r="Q81" s="17" t="s">
        <v>35</v>
      </c>
      <c r="R81" s="17" t="s">
        <v>35</v>
      </c>
    </row>
    <row r="82" spans="1:18">
      <c r="A82" s="21" t="s">
        <v>372</v>
      </c>
      <c r="B82" s="10" t="s">
        <v>25</v>
      </c>
      <c r="C82" s="11" t="s">
        <v>25</v>
      </c>
      <c r="D82" s="17" t="s">
        <v>35</v>
      </c>
      <c r="E82" s="18" t="s">
        <v>35</v>
      </c>
      <c r="F82" s="17" t="s">
        <v>35</v>
      </c>
      <c r="G82" s="17" t="s">
        <v>35</v>
      </c>
      <c r="H82" s="17" t="s">
        <v>35</v>
      </c>
      <c r="I82" s="17" t="s">
        <v>35</v>
      </c>
      <c r="J82" s="18" t="s">
        <v>35</v>
      </c>
      <c r="K82" s="17" t="s">
        <v>35</v>
      </c>
      <c r="L82" s="17" t="s">
        <v>35</v>
      </c>
      <c r="M82" s="17" t="s">
        <v>35</v>
      </c>
      <c r="N82" s="17" t="s">
        <v>35</v>
      </c>
      <c r="O82" s="18" t="s">
        <v>35</v>
      </c>
      <c r="P82" s="17" t="s">
        <v>35</v>
      </c>
      <c r="Q82" s="17" t="s">
        <v>35</v>
      </c>
      <c r="R82" s="17" t="s">
        <v>35</v>
      </c>
    </row>
    <row r="83" spans="1:18">
      <c r="A83" s="21" t="s">
        <v>373</v>
      </c>
      <c r="B83" s="10" t="s">
        <v>25</v>
      </c>
      <c r="C83" s="11" t="s">
        <v>25</v>
      </c>
      <c r="D83" s="17" t="s">
        <v>35</v>
      </c>
      <c r="E83" s="18" t="s">
        <v>35</v>
      </c>
      <c r="F83" s="17" t="s">
        <v>35</v>
      </c>
      <c r="G83" s="17" t="s">
        <v>35</v>
      </c>
      <c r="H83" s="17" t="s">
        <v>35</v>
      </c>
      <c r="I83" s="17" t="s">
        <v>35</v>
      </c>
      <c r="J83" s="18" t="s">
        <v>35</v>
      </c>
      <c r="K83" s="17" t="s">
        <v>35</v>
      </c>
      <c r="L83" s="17" t="s">
        <v>35</v>
      </c>
      <c r="M83" s="17" t="s">
        <v>35</v>
      </c>
      <c r="N83" s="17" t="s">
        <v>35</v>
      </c>
      <c r="O83" s="18" t="s">
        <v>35</v>
      </c>
      <c r="P83" s="17" t="s">
        <v>35</v>
      </c>
      <c r="Q83" s="17" t="s">
        <v>35</v>
      </c>
      <c r="R83" s="17" t="s">
        <v>35</v>
      </c>
    </row>
    <row r="84" spans="1:18">
      <c r="A84" s="21" t="s">
        <v>374</v>
      </c>
      <c r="B84" s="10" t="s">
        <v>25</v>
      </c>
      <c r="C84" s="11" t="s">
        <v>25</v>
      </c>
      <c r="D84" s="18" t="s">
        <v>2472</v>
      </c>
      <c r="E84" s="18" t="s">
        <v>2472</v>
      </c>
      <c r="F84" s="18" t="s">
        <v>2472</v>
      </c>
      <c r="G84" s="18" t="s">
        <v>2472</v>
      </c>
      <c r="H84" s="18" t="s">
        <v>2472</v>
      </c>
      <c r="I84" s="18" t="s">
        <v>2472</v>
      </c>
      <c r="J84" s="18" t="s">
        <v>2472</v>
      </c>
      <c r="K84" s="18" t="s">
        <v>2472</v>
      </c>
      <c r="L84" s="18" t="s">
        <v>2472</v>
      </c>
      <c r="M84" s="18" t="s">
        <v>2472</v>
      </c>
      <c r="N84" s="18" t="s">
        <v>2472</v>
      </c>
      <c r="O84" s="18" t="s">
        <v>2472</v>
      </c>
      <c r="P84" s="18" t="s">
        <v>2472</v>
      </c>
      <c r="Q84" s="18" t="s">
        <v>2472</v>
      </c>
      <c r="R84" s="18" t="s">
        <v>2472</v>
      </c>
    </row>
    <row r="85" spans="1:18">
      <c r="A85" s="21" t="s">
        <v>375</v>
      </c>
      <c r="B85" s="10" t="s">
        <v>25</v>
      </c>
      <c r="C85" s="11" t="s">
        <v>25</v>
      </c>
      <c r="D85" s="18" t="s">
        <v>2472</v>
      </c>
      <c r="E85" s="18" t="s">
        <v>2472</v>
      </c>
      <c r="F85" s="18" t="s">
        <v>2472</v>
      </c>
      <c r="G85" s="18" t="s">
        <v>2472</v>
      </c>
      <c r="H85" s="18" t="s">
        <v>2472</v>
      </c>
      <c r="I85" s="18" t="s">
        <v>2472</v>
      </c>
      <c r="J85" s="18" t="s">
        <v>2472</v>
      </c>
      <c r="K85" s="18" t="s">
        <v>2472</v>
      </c>
      <c r="L85" s="18" t="s">
        <v>2472</v>
      </c>
      <c r="M85" s="18" t="s">
        <v>2472</v>
      </c>
      <c r="N85" s="18" t="s">
        <v>2472</v>
      </c>
      <c r="O85" s="18" t="s">
        <v>2472</v>
      </c>
      <c r="P85" s="18" t="s">
        <v>2472</v>
      </c>
      <c r="Q85" s="18" t="s">
        <v>2472</v>
      </c>
      <c r="R85" s="18" t="s">
        <v>2472</v>
      </c>
    </row>
    <row r="86" spans="1:18">
      <c r="A86" s="22"/>
      <c r="B86" s="24"/>
      <c r="C86" s="25"/>
    </row>
  </sheetData>
  <mergeCells count="7">
    <mergeCell ref="A1:D1"/>
    <mergeCell ref="A3:R3"/>
    <mergeCell ref="A6:A7"/>
    <mergeCell ref="B6:C7"/>
    <mergeCell ref="D6:H6"/>
    <mergeCell ref="I6:M6"/>
    <mergeCell ref="N6:R6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65" fitToHeight="0" pageOrder="overThenDown" orientation="landscape" horizontalDpi="300" verticalDpi="300" r:id="rId1"/>
  <headerFooter alignWithMargins="0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R250"/>
  <sheetViews>
    <sheetView zoomScaleNormal="100" workbookViewId="0">
      <selection sqref="A1:D1"/>
    </sheetView>
  </sheetViews>
  <sheetFormatPr defaultRowHeight="13.5"/>
  <cols>
    <col min="1" max="1" width="25.83203125" style="12" customWidth="1"/>
    <col min="2" max="3" width="4.83203125" style="12" customWidth="1"/>
    <col min="4" max="4" width="22.1640625" style="9" customWidth="1"/>
    <col min="5" max="5" width="13.6640625" style="9" bestFit="1" customWidth="1"/>
    <col min="6" max="7" width="19.5" style="9" bestFit="1" customWidth="1"/>
    <col min="8" max="8" width="30.33203125" style="9" bestFit="1" customWidth="1"/>
    <col min="9" max="9" width="22.1640625" style="9" customWidth="1"/>
    <col min="10" max="10" width="13.6640625" style="9" bestFit="1" customWidth="1"/>
    <col min="11" max="12" width="19.5" style="9" bestFit="1" customWidth="1"/>
    <col min="13" max="13" width="30.33203125" style="9" bestFit="1" customWidth="1"/>
    <col min="14" max="14" width="22.6640625" style="9" customWidth="1"/>
    <col min="15" max="15" width="13.6640625" style="9" bestFit="1" customWidth="1"/>
    <col min="16" max="17" width="19.5" style="9" bestFit="1" customWidth="1"/>
    <col min="18" max="18" width="30.33203125" style="9" bestFit="1" customWidth="1"/>
    <col min="19" max="16384" width="9.33203125" style="9"/>
  </cols>
  <sheetData>
    <row r="1" spans="1:18" s="1" customFormat="1" ht="16.5" customHeight="1">
      <c r="A1" s="37" t="s">
        <v>0</v>
      </c>
      <c r="B1" s="37"/>
      <c r="C1" s="37"/>
      <c r="D1" s="37"/>
      <c r="E1" s="31"/>
      <c r="F1" s="31"/>
      <c r="G1" s="31"/>
      <c r="H1" s="31"/>
      <c r="I1" s="32"/>
      <c r="J1" s="32"/>
      <c r="K1" s="32"/>
      <c r="L1" s="32"/>
      <c r="M1" s="32"/>
      <c r="N1" s="32"/>
      <c r="O1" s="32"/>
      <c r="P1" s="31"/>
      <c r="Q1" s="31"/>
      <c r="R1" s="31"/>
    </row>
    <row r="2" spans="1:18" s="1" customFormat="1" ht="16.5" customHeight="1">
      <c r="D2" s="31"/>
      <c r="E2" s="31"/>
      <c r="F2" s="31"/>
      <c r="G2" s="31"/>
      <c r="H2" s="31"/>
      <c r="I2" s="32"/>
      <c r="J2" s="32"/>
      <c r="K2" s="32"/>
      <c r="L2" s="32"/>
      <c r="M2" s="32"/>
      <c r="N2" s="32"/>
      <c r="O2" s="32"/>
      <c r="P2" s="31"/>
      <c r="Q2" s="31"/>
      <c r="R2" s="31"/>
    </row>
    <row r="3" spans="1:18">
      <c r="A3" s="38" t="s">
        <v>2462</v>
      </c>
      <c r="B3" s="38"/>
      <c r="C3" s="38"/>
      <c r="D3" s="38"/>
      <c r="E3" s="38"/>
      <c r="F3" s="38"/>
      <c r="G3" s="38"/>
      <c r="H3" s="38"/>
      <c r="I3" s="38"/>
      <c r="J3" s="38"/>
      <c r="K3" s="38"/>
      <c r="L3" s="38"/>
      <c r="M3" s="38"/>
    </row>
    <row r="4" spans="1:18">
      <c r="A4" s="9"/>
      <c r="B4" s="9"/>
      <c r="C4" s="9"/>
    </row>
    <row r="6" spans="1:18" ht="13.5" customHeight="1">
      <c r="A6" s="48" t="s">
        <v>26</v>
      </c>
      <c r="B6" s="41" t="s">
        <v>27</v>
      </c>
      <c r="C6" s="42"/>
      <c r="D6" s="45" t="s">
        <v>2463</v>
      </c>
      <c r="E6" s="46"/>
      <c r="F6" s="46"/>
      <c r="G6" s="46"/>
      <c r="H6" s="47"/>
      <c r="I6" s="45" t="s">
        <v>2464</v>
      </c>
      <c r="J6" s="46"/>
      <c r="K6" s="46"/>
      <c r="L6" s="46"/>
      <c r="M6" s="47"/>
      <c r="N6" s="45" t="s">
        <v>2465</v>
      </c>
      <c r="O6" s="46"/>
      <c r="P6" s="46"/>
      <c r="Q6" s="46"/>
      <c r="R6" s="47"/>
    </row>
    <row r="7" spans="1:18" s="23" customFormat="1">
      <c r="A7" s="49"/>
      <c r="B7" s="43"/>
      <c r="C7" s="44"/>
      <c r="D7" s="29" t="s">
        <v>2466</v>
      </c>
      <c r="E7" s="29" t="s">
        <v>2467</v>
      </c>
      <c r="F7" s="29" t="s">
        <v>2468</v>
      </c>
      <c r="G7" s="29" t="s">
        <v>2469</v>
      </c>
      <c r="H7" s="29" t="s">
        <v>2470</v>
      </c>
      <c r="I7" s="29" t="s">
        <v>2471</v>
      </c>
      <c r="J7" s="29" t="s">
        <v>2467</v>
      </c>
      <c r="K7" s="29" t="s">
        <v>2468</v>
      </c>
      <c r="L7" s="29" t="s">
        <v>2469</v>
      </c>
      <c r="M7" s="29" t="s">
        <v>2470</v>
      </c>
      <c r="N7" s="29" t="s">
        <v>2471</v>
      </c>
      <c r="O7" s="29" t="s">
        <v>2467</v>
      </c>
      <c r="P7" s="29" t="s">
        <v>2468</v>
      </c>
      <c r="Q7" s="29" t="s">
        <v>2469</v>
      </c>
      <c r="R7" s="29" t="s">
        <v>2470</v>
      </c>
    </row>
    <row r="8" spans="1:18" s="15" customFormat="1">
      <c r="A8" s="20" t="s">
        <v>376</v>
      </c>
      <c r="B8" s="13"/>
      <c r="C8" s="14"/>
      <c r="D8" s="16">
        <v>30328</v>
      </c>
      <c r="E8" s="16">
        <v>508</v>
      </c>
      <c r="F8" s="16">
        <v>6950</v>
      </c>
      <c r="G8" s="16">
        <v>22810</v>
      </c>
      <c r="H8" s="16">
        <v>1275883</v>
      </c>
      <c r="I8" s="16">
        <v>15890</v>
      </c>
      <c r="J8" s="16">
        <v>237</v>
      </c>
      <c r="K8" s="16">
        <v>2085</v>
      </c>
      <c r="L8" s="16">
        <v>13533</v>
      </c>
      <c r="M8" s="16">
        <v>743172</v>
      </c>
      <c r="N8" s="16">
        <v>14438</v>
      </c>
      <c r="O8" s="16">
        <v>271</v>
      </c>
      <c r="P8" s="16">
        <v>4865</v>
      </c>
      <c r="Q8" s="16">
        <v>9277</v>
      </c>
      <c r="R8" s="16">
        <v>532711</v>
      </c>
    </row>
    <row r="9" spans="1:18">
      <c r="A9" s="30" t="s">
        <v>377</v>
      </c>
      <c r="B9" s="10"/>
      <c r="C9" s="11"/>
      <c r="D9" s="17">
        <v>798</v>
      </c>
      <c r="E9" s="17">
        <v>8</v>
      </c>
      <c r="F9" s="17">
        <v>184</v>
      </c>
      <c r="G9" s="17">
        <v>606</v>
      </c>
      <c r="H9" s="17">
        <v>33976</v>
      </c>
      <c r="I9" s="17">
        <v>422</v>
      </c>
      <c r="J9" s="17">
        <v>4</v>
      </c>
      <c r="K9" s="17">
        <v>45</v>
      </c>
      <c r="L9" s="17">
        <v>373</v>
      </c>
      <c r="M9" s="17">
        <v>20379</v>
      </c>
      <c r="N9" s="17">
        <v>376</v>
      </c>
      <c r="O9" s="17">
        <v>4</v>
      </c>
      <c r="P9" s="17">
        <v>139</v>
      </c>
      <c r="Q9" s="17">
        <v>233</v>
      </c>
      <c r="R9" s="17">
        <v>13597</v>
      </c>
    </row>
    <row r="10" spans="1:18">
      <c r="A10" s="21" t="s">
        <v>378</v>
      </c>
      <c r="B10" s="10"/>
      <c r="C10" s="11"/>
      <c r="D10" s="17">
        <v>272</v>
      </c>
      <c r="E10" s="17">
        <v>3</v>
      </c>
      <c r="F10" s="17">
        <v>70</v>
      </c>
      <c r="G10" s="17">
        <v>199</v>
      </c>
      <c r="H10" s="17">
        <v>11351</v>
      </c>
      <c r="I10" s="17">
        <v>138</v>
      </c>
      <c r="J10" s="17">
        <v>1</v>
      </c>
      <c r="K10" s="17">
        <v>13</v>
      </c>
      <c r="L10" s="17">
        <v>124</v>
      </c>
      <c r="M10" s="17">
        <v>6827</v>
      </c>
      <c r="N10" s="17">
        <v>134</v>
      </c>
      <c r="O10" s="17">
        <v>2</v>
      </c>
      <c r="P10" s="17">
        <v>57</v>
      </c>
      <c r="Q10" s="17">
        <v>75</v>
      </c>
      <c r="R10" s="17">
        <v>4524</v>
      </c>
    </row>
    <row r="11" spans="1:18">
      <c r="A11" s="21" t="s">
        <v>379</v>
      </c>
      <c r="B11" s="10"/>
      <c r="C11" s="11"/>
      <c r="D11" s="17">
        <v>526</v>
      </c>
      <c r="E11" s="17">
        <v>5</v>
      </c>
      <c r="F11" s="17">
        <v>114</v>
      </c>
      <c r="G11" s="17">
        <v>407</v>
      </c>
      <c r="H11" s="17">
        <v>22625</v>
      </c>
      <c r="I11" s="17">
        <v>284</v>
      </c>
      <c r="J11" s="17">
        <v>3</v>
      </c>
      <c r="K11" s="17">
        <v>32</v>
      </c>
      <c r="L11" s="17">
        <v>249</v>
      </c>
      <c r="M11" s="17">
        <v>13552</v>
      </c>
      <c r="N11" s="17">
        <v>242</v>
      </c>
      <c r="O11" s="17">
        <v>2</v>
      </c>
      <c r="P11" s="17">
        <v>82</v>
      </c>
      <c r="Q11" s="17">
        <v>158</v>
      </c>
      <c r="R11" s="17">
        <v>9073</v>
      </c>
    </row>
    <row r="12" spans="1:18">
      <c r="A12" s="21" t="s">
        <v>380</v>
      </c>
      <c r="B12" s="10"/>
      <c r="C12" s="11"/>
      <c r="D12" s="17">
        <v>1465</v>
      </c>
      <c r="E12" s="17">
        <v>22</v>
      </c>
      <c r="F12" s="17">
        <v>354</v>
      </c>
      <c r="G12" s="17">
        <v>1085</v>
      </c>
      <c r="H12" s="17">
        <v>61878</v>
      </c>
      <c r="I12" s="17">
        <v>804</v>
      </c>
      <c r="J12" s="17">
        <v>8</v>
      </c>
      <c r="K12" s="17">
        <v>110</v>
      </c>
      <c r="L12" s="17">
        <v>684</v>
      </c>
      <c r="M12" s="17">
        <v>37979</v>
      </c>
      <c r="N12" s="17">
        <v>661</v>
      </c>
      <c r="O12" s="17">
        <v>14</v>
      </c>
      <c r="P12" s="17">
        <v>244</v>
      </c>
      <c r="Q12" s="17">
        <v>401</v>
      </c>
      <c r="R12" s="17">
        <v>23899</v>
      </c>
    </row>
    <row r="13" spans="1:18">
      <c r="A13" s="21" t="s">
        <v>381</v>
      </c>
      <c r="B13" s="10"/>
      <c r="C13" s="11"/>
      <c r="D13" s="17">
        <v>297</v>
      </c>
      <c r="E13" s="17">
        <v>7</v>
      </c>
      <c r="F13" s="17">
        <v>61</v>
      </c>
      <c r="G13" s="17">
        <v>229</v>
      </c>
      <c r="H13" s="17">
        <v>12412</v>
      </c>
      <c r="I13" s="17">
        <v>157</v>
      </c>
      <c r="J13" s="17">
        <v>3</v>
      </c>
      <c r="K13" s="17">
        <v>17</v>
      </c>
      <c r="L13" s="17">
        <v>137</v>
      </c>
      <c r="M13" s="17">
        <v>7152</v>
      </c>
      <c r="N13" s="17">
        <v>140</v>
      </c>
      <c r="O13" s="17">
        <v>4</v>
      </c>
      <c r="P13" s="17">
        <v>44</v>
      </c>
      <c r="Q13" s="17">
        <v>92</v>
      </c>
      <c r="R13" s="17">
        <v>5260</v>
      </c>
    </row>
    <row r="14" spans="1:18">
      <c r="A14" s="21" t="s">
        <v>382</v>
      </c>
      <c r="B14" s="10"/>
      <c r="C14" s="11"/>
      <c r="D14" s="17">
        <v>516</v>
      </c>
      <c r="E14" s="17">
        <v>6</v>
      </c>
      <c r="F14" s="17">
        <v>136</v>
      </c>
      <c r="G14" s="17">
        <v>370</v>
      </c>
      <c r="H14" s="17">
        <v>21675</v>
      </c>
      <c r="I14" s="17">
        <v>297</v>
      </c>
      <c r="J14" s="17">
        <v>3</v>
      </c>
      <c r="K14" s="17">
        <v>49</v>
      </c>
      <c r="L14" s="17">
        <v>243</v>
      </c>
      <c r="M14" s="17">
        <v>13843</v>
      </c>
      <c r="N14" s="17">
        <v>219</v>
      </c>
      <c r="O14" s="18">
        <v>3</v>
      </c>
      <c r="P14" s="17">
        <v>87</v>
      </c>
      <c r="Q14" s="18">
        <v>127</v>
      </c>
      <c r="R14" s="17">
        <v>7832</v>
      </c>
    </row>
    <row r="15" spans="1:18">
      <c r="A15" s="21" t="s">
        <v>383</v>
      </c>
      <c r="B15" s="10"/>
      <c r="C15" s="11"/>
      <c r="D15" s="17">
        <v>323</v>
      </c>
      <c r="E15" s="17">
        <v>2</v>
      </c>
      <c r="F15" s="18">
        <v>79</v>
      </c>
      <c r="G15" s="17">
        <v>242</v>
      </c>
      <c r="H15" s="17">
        <v>14083</v>
      </c>
      <c r="I15" s="17">
        <v>174</v>
      </c>
      <c r="J15" s="17">
        <v>1</v>
      </c>
      <c r="K15" s="18">
        <v>18</v>
      </c>
      <c r="L15" s="17">
        <v>155</v>
      </c>
      <c r="M15" s="17">
        <v>8663</v>
      </c>
      <c r="N15" s="17">
        <v>149</v>
      </c>
      <c r="O15" s="18">
        <v>1</v>
      </c>
      <c r="P15" s="18">
        <v>61</v>
      </c>
      <c r="Q15" s="17">
        <v>87</v>
      </c>
      <c r="R15" s="17">
        <v>5420</v>
      </c>
    </row>
    <row r="16" spans="1:18">
      <c r="A16" s="21" t="s">
        <v>384</v>
      </c>
      <c r="B16" s="10"/>
      <c r="C16" s="11"/>
      <c r="D16" s="17">
        <v>189</v>
      </c>
      <c r="E16" s="17">
        <v>1</v>
      </c>
      <c r="F16" s="18">
        <v>42</v>
      </c>
      <c r="G16" s="18">
        <v>146</v>
      </c>
      <c r="H16" s="18">
        <v>8265</v>
      </c>
      <c r="I16" s="18">
        <v>105</v>
      </c>
      <c r="J16" s="18" t="s">
        <v>35</v>
      </c>
      <c r="K16" s="18">
        <v>12</v>
      </c>
      <c r="L16" s="18">
        <v>93</v>
      </c>
      <c r="M16" s="18">
        <v>5222</v>
      </c>
      <c r="N16" s="17">
        <v>84</v>
      </c>
      <c r="O16" s="17">
        <v>1</v>
      </c>
      <c r="P16" s="18">
        <v>30</v>
      </c>
      <c r="Q16" s="18">
        <v>53</v>
      </c>
      <c r="R16" s="18">
        <v>3043</v>
      </c>
    </row>
    <row r="17" spans="1:18">
      <c r="A17" s="21" t="s">
        <v>385</v>
      </c>
      <c r="B17" s="10"/>
      <c r="C17" s="11"/>
      <c r="D17" s="17">
        <v>140</v>
      </c>
      <c r="E17" s="17">
        <v>6</v>
      </c>
      <c r="F17" s="17">
        <v>36</v>
      </c>
      <c r="G17" s="17">
        <v>98</v>
      </c>
      <c r="H17" s="17">
        <v>5443</v>
      </c>
      <c r="I17" s="17">
        <v>71</v>
      </c>
      <c r="J17" s="17">
        <v>1</v>
      </c>
      <c r="K17" s="17">
        <v>14</v>
      </c>
      <c r="L17" s="17">
        <v>56</v>
      </c>
      <c r="M17" s="17">
        <v>3099</v>
      </c>
      <c r="N17" s="17">
        <v>69</v>
      </c>
      <c r="O17" s="17">
        <v>5</v>
      </c>
      <c r="P17" s="17">
        <v>22</v>
      </c>
      <c r="Q17" s="17">
        <v>42</v>
      </c>
      <c r="R17" s="17">
        <v>2344</v>
      </c>
    </row>
    <row r="18" spans="1:18">
      <c r="A18" s="21" t="s">
        <v>386</v>
      </c>
      <c r="B18" s="10"/>
      <c r="C18" s="11"/>
      <c r="D18" s="18">
        <v>547</v>
      </c>
      <c r="E18" s="18">
        <v>14</v>
      </c>
      <c r="F18" s="18">
        <v>130</v>
      </c>
      <c r="G18" s="18">
        <v>403</v>
      </c>
      <c r="H18" s="18">
        <v>22773</v>
      </c>
      <c r="I18" s="18">
        <v>319</v>
      </c>
      <c r="J18" s="18">
        <v>7</v>
      </c>
      <c r="K18" s="18">
        <v>55</v>
      </c>
      <c r="L18" s="18">
        <v>257</v>
      </c>
      <c r="M18" s="18">
        <v>14335</v>
      </c>
      <c r="N18" s="18">
        <v>228</v>
      </c>
      <c r="O18" s="18">
        <v>7</v>
      </c>
      <c r="P18" s="18">
        <v>75</v>
      </c>
      <c r="Q18" s="18">
        <v>146</v>
      </c>
      <c r="R18" s="18">
        <v>8438</v>
      </c>
    </row>
    <row r="19" spans="1:18">
      <c r="A19" s="21" t="s">
        <v>387</v>
      </c>
      <c r="B19" s="10"/>
      <c r="C19" s="11"/>
      <c r="D19" s="17">
        <v>370</v>
      </c>
      <c r="E19" s="17">
        <v>11</v>
      </c>
      <c r="F19" s="17">
        <v>90</v>
      </c>
      <c r="G19" s="17">
        <v>269</v>
      </c>
      <c r="H19" s="17">
        <v>15688</v>
      </c>
      <c r="I19" s="17">
        <v>225</v>
      </c>
      <c r="J19" s="17">
        <v>4</v>
      </c>
      <c r="K19" s="17">
        <v>35</v>
      </c>
      <c r="L19" s="17">
        <v>186</v>
      </c>
      <c r="M19" s="17">
        <v>10524</v>
      </c>
      <c r="N19" s="17">
        <v>145</v>
      </c>
      <c r="O19" s="17">
        <v>7</v>
      </c>
      <c r="P19" s="17">
        <v>55</v>
      </c>
      <c r="Q19" s="17">
        <v>83</v>
      </c>
      <c r="R19" s="17">
        <v>5164</v>
      </c>
    </row>
    <row r="20" spans="1:18">
      <c r="A20" s="21" t="s">
        <v>388</v>
      </c>
      <c r="B20" s="10"/>
      <c r="C20" s="11"/>
      <c r="D20" s="18">
        <v>177</v>
      </c>
      <c r="E20" s="18">
        <v>3</v>
      </c>
      <c r="F20" s="18">
        <v>40</v>
      </c>
      <c r="G20" s="18">
        <v>134</v>
      </c>
      <c r="H20" s="18">
        <v>7085</v>
      </c>
      <c r="I20" s="18">
        <v>94</v>
      </c>
      <c r="J20" s="18">
        <v>3</v>
      </c>
      <c r="K20" s="18">
        <v>20</v>
      </c>
      <c r="L20" s="18">
        <v>71</v>
      </c>
      <c r="M20" s="18">
        <v>3811</v>
      </c>
      <c r="N20" s="18">
        <v>83</v>
      </c>
      <c r="O20" s="18" t="s">
        <v>35</v>
      </c>
      <c r="P20" s="18">
        <v>20</v>
      </c>
      <c r="Q20" s="18">
        <v>63</v>
      </c>
      <c r="R20" s="18">
        <v>3274</v>
      </c>
    </row>
    <row r="21" spans="1:18">
      <c r="A21" s="21" t="s">
        <v>389</v>
      </c>
      <c r="B21" s="10"/>
      <c r="C21" s="11"/>
      <c r="D21" s="17">
        <v>528</v>
      </c>
      <c r="E21" s="17">
        <v>10</v>
      </c>
      <c r="F21" s="17">
        <v>114</v>
      </c>
      <c r="G21" s="17">
        <v>403</v>
      </c>
      <c r="H21" s="17">
        <v>22183</v>
      </c>
      <c r="I21" s="17">
        <v>274</v>
      </c>
      <c r="J21" s="17">
        <v>5</v>
      </c>
      <c r="K21" s="17">
        <v>40</v>
      </c>
      <c r="L21" s="17">
        <v>228</v>
      </c>
      <c r="M21" s="17">
        <v>12401</v>
      </c>
      <c r="N21" s="17">
        <v>254</v>
      </c>
      <c r="O21" s="17">
        <v>5</v>
      </c>
      <c r="P21" s="17">
        <v>74</v>
      </c>
      <c r="Q21" s="17">
        <v>175</v>
      </c>
      <c r="R21" s="17">
        <v>9782</v>
      </c>
    </row>
    <row r="22" spans="1:18">
      <c r="A22" s="21" t="s">
        <v>390</v>
      </c>
      <c r="B22" s="10"/>
      <c r="C22" s="11"/>
      <c r="D22" s="17">
        <v>210</v>
      </c>
      <c r="E22" s="17">
        <v>5</v>
      </c>
      <c r="F22" s="17">
        <v>52</v>
      </c>
      <c r="G22" s="17">
        <v>153</v>
      </c>
      <c r="H22" s="17">
        <v>8537</v>
      </c>
      <c r="I22" s="17">
        <v>113</v>
      </c>
      <c r="J22" s="17">
        <v>2</v>
      </c>
      <c r="K22" s="17">
        <v>21</v>
      </c>
      <c r="L22" s="17">
        <v>90</v>
      </c>
      <c r="M22" s="17">
        <v>5030</v>
      </c>
      <c r="N22" s="17">
        <v>97</v>
      </c>
      <c r="O22" s="17">
        <v>3</v>
      </c>
      <c r="P22" s="17">
        <v>31</v>
      </c>
      <c r="Q22" s="17">
        <v>63</v>
      </c>
      <c r="R22" s="17">
        <v>3507</v>
      </c>
    </row>
    <row r="23" spans="1:18">
      <c r="A23" s="21" t="s">
        <v>391</v>
      </c>
      <c r="B23" s="10"/>
      <c r="C23" s="11"/>
      <c r="D23" s="17">
        <v>318</v>
      </c>
      <c r="E23" s="18">
        <v>5</v>
      </c>
      <c r="F23" s="17">
        <v>62</v>
      </c>
      <c r="G23" s="17">
        <v>250</v>
      </c>
      <c r="H23" s="17">
        <v>13646</v>
      </c>
      <c r="I23" s="17">
        <v>161</v>
      </c>
      <c r="J23" s="18">
        <v>3</v>
      </c>
      <c r="K23" s="17">
        <v>19</v>
      </c>
      <c r="L23" s="17">
        <v>138</v>
      </c>
      <c r="M23" s="17">
        <v>7371</v>
      </c>
      <c r="N23" s="17">
        <v>157</v>
      </c>
      <c r="O23" s="18">
        <v>2</v>
      </c>
      <c r="P23" s="17">
        <v>43</v>
      </c>
      <c r="Q23" s="17">
        <v>112</v>
      </c>
      <c r="R23" s="17">
        <v>6275</v>
      </c>
    </row>
    <row r="24" spans="1:18">
      <c r="A24" s="21" t="s">
        <v>392</v>
      </c>
      <c r="B24" s="10"/>
      <c r="C24" s="11"/>
      <c r="D24" s="17">
        <v>229</v>
      </c>
      <c r="E24" s="17">
        <v>7</v>
      </c>
      <c r="F24" s="17">
        <v>74</v>
      </c>
      <c r="G24" s="17">
        <v>147</v>
      </c>
      <c r="H24" s="17">
        <v>8737</v>
      </c>
      <c r="I24" s="17">
        <v>120</v>
      </c>
      <c r="J24" s="17">
        <v>4</v>
      </c>
      <c r="K24" s="17">
        <v>35</v>
      </c>
      <c r="L24" s="17">
        <v>81</v>
      </c>
      <c r="M24" s="17">
        <v>4895</v>
      </c>
      <c r="N24" s="17">
        <v>109</v>
      </c>
      <c r="O24" s="17">
        <v>3</v>
      </c>
      <c r="P24" s="17">
        <v>39</v>
      </c>
      <c r="Q24" s="17">
        <v>66</v>
      </c>
      <c r="R24" s="17">
        <v>3842</v>
      </c>
    </row>
    <row r="25" spans="1:18">
      <c r="A25" s="21" t="s">
        <v>393</v>
      </c>
      <c r="B25" s="10"/>
      <c r="C25" s="11"/>
      <c r="D25" s="17">
        <v>91</v>
      </c>
      <c r="E25" s="17">
        <v>3</v>
      </c>
      <c r="F25" s="17">
        <v>32</v>
      </c>
      <c r="G25" s="17">
        <v>56</v>
      </c>
      <c r="H25" s="17">
        <v>3482</v>
      </c>
      <c r="I25" s="17">
        <v>45</v>
      </c>
      <c r="J25" s="17">
        <v>1</v>
      </c>
      <c r="K25" s="17">
        <v>15</v>
      </c>
      <c r="L25" s="17">
        <v>29</v>
      </c>
      <c r="M25" s="17">
        <v>1854</v>
      </c>
      <c r="N25" s="17">
        <v>46</v>
      </c>
      <c r="O25" s="17">
        <v>2</v>
      </c>
      <c r="P25" s="17">
        <v>17</v>
      </c>
      <c r="Q25" s="17">
        <v>27</v>
      </c>
      <c r="R25" s="17">
        <v>1628</v>
      </c>
    </row>
    <row r="26" spans="1:18">
      <c r="A26" s="21" t="s">
        <v>394</v>
      </c>
      <c r="B26" s="10"/>
      <c r="C26" s="11"/>
      <c r="D26" s="17">
        <v>138</v>
      </c>
      <c r="E26" s="17">
        <v>4</v>
      </c>
      <c r="F26" s="17">
        <v>42</v>
      </c>
      <c r="G26" s="17">
        <v>91</v>
      </c>
      <c r="H26" s="17">
        <v>5255</v>
      </c>
      <c r="I26" s="17">
        <v>75</v>
      </c>
      <c r="J26" s="17">
        <v>3</v>
      </c>
      <c r="K26" s="17">
        <v>20</v>
      </c>
      <c r="L26" s="17">
        <v>52</v>
      </c>
      <c r="M26" s="17">
        <v>3041</v>
      </c>
      <c r="N26" s="17">
        <v>63</v>
      </c>
      <c r="O26" s="17">
        <v>1</v>
      </c>
      <c r="P26" s="17">
        <v>22</v>
      </c>
      <c r="Q26" s="17">
        <v>39</v>
      </c>
      <c r="R26" s="17">
        <v>2214</v>
      </c>
    </row>
    <row r="27" spans="1:18">
      <c r="A27" s="21" t="s">
        <v>395</v>
      </c>
      <c r="B27" s="10"/>
      <c r="C27" s="11"/>
      <c r="D27" s="17">
        <v>487</v>
      </c>
      <c r="E27" s="17">
        <v>9</v>
      </c>
      <c r="F27" s="17">
        <v>78</v>
      </c>
      <c r="G27" s="17">
        <v>398</v>
      </c>
      <c r="H27" s="17">
        <v>21323</v>
      </c>
      <c r="I27" s="17">
        <v>264</v>
      </c>
      <c r="J27" s="17">
        <v>5</v>
      </c>
      <c r="K27" s="17">
        <v>21</v>
      </c>
      <c r="L27" s="17">
        <v>237</v>
      </c>
      <c r="M27" s="17">
        <v>12705</v>
      </c>
      <c r="N27" s="17">
        <v>223</v>
      </c>
      <c r="O27" s="17">
        <v>4</v>
      </c>
      <c r="P27" s="17">
        <v>57</v>
      </c>
      <c r="Q27" s="17">
        <v>161</v>
      </c>
      <c r="R27" s="17">
        <v>8618</v>
      </c>
    </row>
    <row r="28" spans="1:18">
      <c r="A28" s="21" t="s">
        <v>396</v>
      </c>
      <c r="B28" s="10"/>
      <c r="C28" s="11"/>
      <c r="D28" s="17">
        <v>1490</v>
      </c>
      <c r="E28" s="17">
        <v>41</v>
      </c>
      <c r="F28" s="17">
        <v>348</v>
      </c>
      <c r="G28" s="17">
        <v>1089</v>
      </c>
      <c r="H28" s="17">
        <v>61136</v>
      </c>
      <c r="I28" s="17">
        <v>795</v>
      </c>
      <c r="J28" s="17">
        <v>16</v>
      </c>
      <c r="K28" s="17">
        <v>109</v>
      </c>
      <c r="L28" s="17">
        <v>663</v>
      </c>
      <c r="M28" s="17">
        <v>36240</v>
      </c>
      <c r="N28" s="17">
        <v>695</v>
      </c>
      <c r="O28" s="17">
        <v>25</v>
      </c>
      <c r="P28" s="17">
        <v>239</v>
      </c>
      <c r="Q28" s="17">
        <v>426</v>
      </c>
      <c r="R28" s="17">
        <v>24896</v>
      </c>
    </row>
    <row r="29" spans="1:18">
      <c r="A29" s="21" t="s">
        <v>397</v>
      </c>
      <c r="B29" s="10"/>
      <c r="C29" s="11"/>
      <c r="D29" s="17">
        <v>532</v>
      </c>
      <c r="E29" s="17">
        <v>14</v>
      </c>
      <c r="F29" s="17">
        <v>122</v>
      </c>
      <c r="G29" s="17">
        <v>394</v>
      </c>
      <c r="H29" s="17">
        <v>21638</v>
      </c>
      <c r="I29" s="17">
        <v>280</v>
      </c>
      <c r="J29" s="17">
        <v>7</v>
      </c>
      <c r="K29" s="17">
        <v>41</v>
      </c>
      <c r="L29" s="17">
        <v>231</v>
      </c>
      <c r="M29" s="17">
        <v>12435</v>
      </c>
      <c r="N29" s="17">
        <v>252</v>
      </c>
      <c r="O29" s="17">
        <v>7</v>
      </c>
      <c r="P29" s="17">
        <v>81</v>
      </c>
      <c r="Q29" s="17">
        <v>163</v>
      </c>
      <c r="R29" s="17">
        <v>9203</v>
      </c>
    </row>
    <row r="30" spans="1:18">
      <c r="A30" s="21" t="s">
        <v>398</v>
      </c>
      <c r="B30" s="10"/>
      <c r="C30" s="11"/>
      <c r="D30" s="17">
        <v>638</v>
      </c>
      <c r="E30" s="17">
        <v>13</v>
      </c>
      <c r="F30" s="17">
        <v>154</v>
      </c>
      <c r="G30" s="17">
        <v>462</v>
      </c>
      <c r="H30" s="17">
        <v>26621</v>
      </c>
      <c r="I30" s="17">
        <v>326</v>
      </c>
      <c r="J30" s="17">
        <v>5</v>
      </c>
      <c r="K30" s="17">
        <v>41</v>
      </c>
      <c r="L30" s="17">
        <v>275</v>
      </c>
      <c r="M30" s="17">
        <v>15322</v>
      </c>
      <c r="N30" s="17">
        <v>312</v>
      </c>
      <c r="O30" s="17">
        <v>8</v>
      </c>
      <c r="P30" s="17">
        <v>113</v>
      </c>
      <c r="Q30" s="17">
        <v>187</v>
      </c>
      <c r="R30" s="17">
        <v>11299</v>
      </c>
    </row>
    <row r="31" spans="1:18">
      <c r="A31" s="21" t="s">
        <v>399</v>
      </c>
      <c r="B31" s="10"/>
      <c r="C31" s="11"/>
      <c r="D31" s="17">
        <v>320</v>
      </c>
      <c r="E31" s="17">
        <v>14</v>
      </c>
      <c r="F31" s="17">
        <v>72</v>
      </c>
      <c r="G31" s="17">
        <v>233</v>
      </c>
      <c r="H31" s="17">
        <v>12877</v>
      </c>
      <c r="I31" s="17">
        <v>189</v>
      </c>
      <c r="J31" s="17">
        <v>4</v>
      </c>
      <c r="K31" s="17">
        <v>27</v>
      </c>
      <c r="L31" s="17">
        <v>157</v>
      </c>
      <c r="M31" s="17">
        <v>8483</v>
      </c>
      <c r="N31" s="17">
        <v>131</v>
      </c>
      <c r="O31" s="17">
        <v>10</v>
      </c>
      <c r="P31" s="17">
        <v>45</v>
      </c>
      <c r="Q31" s="17">
        <v>76</v>
      </c>
      <c r="R31" s="17">
        <v>4394</v>
      </c>
    </row>
    <row r="32" spans="1:18">
      <c r="A32" s="21" t="s">
        <v>400</v>
      </c>
      <c r="B32" s="10"/>
      <c r="C32" s="11"/>
      <c r="D32" s="17">
        <v>1346</v>
      </c>
      <c r="E32" s="17">
        <v>35</v>
      </c>
      <c r="F32" s="17">
        <v>360</v>
      </c>
      <c r="G32" s="17">
        <v>949</v>
      </c>
      <c r="H32" s="17">
        <v>55483</v>
      </c>
      <c r="I32" s="17">
        <v>689</v>
      </c>
      <c r="J32" s="18">
        <v>15</v>
      </c>
      <c r="K32" s="17">
        <v>109</v>
      </c>
      <c r="L32" s="17">
        <v>563</v>
      </c>
      <c r="M32" s="17">
        <v>31843</v>
      </c>
      <c r="N32" s="17">
        <v>657</v>
      </c>
      <c r="O32" s="17">
        <v>20</v>
      </c>
      <c r="P32" s="17">
        <v>251</v>
      </c>
      <c r="Q32" s="17">
        <v>386</v>
      </c>
      <c r="R32" s="17">
        <v>23640</v>
      </c>
    </row>
    <row r="33" spans="1:18">
      <c r="A33" s="21" t="s">
        <v>401</v>
      </c>
      <c r="B33" s="10"/>
      <c r="C33" s="11"/>
      <c r="D33" s="17">
        <v>254</v>
      </c>
      <c r="E33" s="17">
        <v>8</v>
      </c>
      <c r="F33" s="17">
        <v>66</v>
      </c>
      <c r="G33" s="17">
        <v>180</v>
      </c>
      <c r="H33" s="17">
        <v>10623</v>
      </c>
      <c r="I33" s="17">
        <v>134</v>
      </c>
      <c r="J33" s="17">
        <v>2</v>
      </c>
      <c r="K33" s="17">
        <v>19</v>
      </c>
      <c r="L33" s="17">
        <v>113</v>
      </c>
      <c r="M33" s="17">
        <v>6415</v>
      </c>
      <c r="N33" s="17">
        <v>120</v>
      </c>
      <c r="O33" s="17">
        <v>6</v>
      </c>
      <c r="P33" s="17">
        <v>47</v>
      </c>
      <c r="Q33" s="17">
        <v>67</v>
      </c>
      <c r="R33" s="17">
        <v>4208</v>
      </c>
    </row>
    <row r="34" spans="1:18">
      <c r="A34" s="21" t="s">
        <v>402</v>
      </c>
      <c r="B34" s="10"/>
      <c r="C34" s="11"/>
      <c r="D34" s="18">
        <v>193</v>
      </c>
      <c r="E34" s="18">
        <v>6</v>
      </c>
      <c r="F34" s="18">
        <v>59</v>
      </c>
      <c r="G34" s="18">
        <v>127</v>
      </c>
      <c r="H34" s="18">
        <v>7471</v>
      </c>
      <c r="I34" s="18">
        <v>92</v>
      </c>
      <c r="J34" s="18">
        <v>4</v>
      </c>
      <c r="K34" s="18">
        <v>16</v>
      </c>
      <c r="L34" s="18">
        <v>71</v>
      </c>
      <c r="M34" s="18">
        <v>3902</v>
      </c>
      <c r="N34" s="18">
        <v>101</v>
      </c>
      <c r="O34" s="18">
        <v>2</v>
      </c>
      <c r="P34" s="18">
        <v>43</v>
      </c>
      <c r="Q34" s="18">
        <v>56</v>
      </c>
      <c r="R34" s="18">
        <v>3569</v>
      </c>
    </row>
    <row r="35" spans="1:18">
      <c r="A35" s="21" t="s">
        <v>403</v>
      </c>
      <c r="B35" s="10"/>
      <c r="C35" s="11"/>
      <c r="D35" s="17">
        <v>899</v>
      </c>
      <c r="E35" s="18">
        <v>21</v>
      </c>
      <c r="F35" s="17">
        <v>235</v>
      </c>
      <c r="G35" s="17">
        <v>642</v>
      </c>
      <c r="H35" s="17">
        <v>37389</v>
      </c>
      <c r="I35" s="17">
        <v>463</v>
      </c>
      <c r="J35" s="18">
        <v>9</v>
      </c>
      <c r="K35" s="17">
        <v>74</v>
      </c>
      <c r="L35" s="17">
        <v>379</v>
      </c>
      <c r="M35" s="17">
        <v>21526</v>
      </c>
      <c r="N35" s="17">
        <v>436</v>
      </c>
      <c r="O35" s="18">
        <v>12</v>
      </c>
      <c r="P35" s="17">
        <v>161</v>
      </c>
      <c r="Q35" s="17">
        <v>263</v>
      </c>
      <c r="R35" s="17">
        <v>15863</v>
      </c>
    </row>
    <row r="36" spans="1:18">
      <c r="A36" s="21" t="s">
        <v>404</v>
      </c>
      <c r="B36" s="10"/>
      <c r="C36" s="11"/>
      <c r="D36" s="17">
        <v>951</v>
      </c>
      <c r="E36" s="17">
        <v>10</v>
      </c>
      <c r="F36" s="17">
        <v>199</v>
      </c>
      <c r="G36" s="17">
        <v>742</v>
      </c>
      <c r="H36" s="17">
        <v>40657</v>
      </c>
      <c r="I36" s="17">
        <v>502</v>
      </c>
      <c r="J36" s="17">
        <v>3</v>
      </c>
      <c r="K36" s="17">
        <v>58</v>
      </c>
      <c r="L36" s="17">
        <v>441</v>
      </c>
      <c r="M36" s="17">
        <v>23889</v>
      </c>
      <c r="N36" s="17">
        <v>449</v>
      </c>
      <c r="O36" s="17">
        <v>7</v>
      </c>
      <c r="P36" s="17">
        <v>141</v>
      </c>
      <c r="Q36" s="17">
        <v>301</v>
      </c>
      <c r="R36" s="17">
        <v>16768</v>
      </c>
    </row>
    <row r="37" spans="1:18">
      <c r="A37" s="21" t="s">
        <v>405</v>
      </c>
      <c r="B37" s="10"/>
      <c r="C37" s="11"/>
      <c r="D37" s="17">
        <v>689</v>
      </c>
      <c r="E37" s="17">
        <v>6</v>
      </c>
      <c r="F37" s="17">
        <v>137</v>
      </c>
      <c r="G37" s="17">
        <v>546</v>
      </c>
      <c r="H37" s="17">
        <v>29869</v>
      </c>
      <c r="I37" s="17">
        <v>373</v>
      </c>
      <c r="J37" s="17">
        <v>2</v>
      </c>
      <c r="K37" s="17">
        <v>38</v>
      </c>
      <c r="L37" s="17">
        <v>333</v>
      </c>
      <c r="M37" s="17">
        <v>17979</v>
      </c>
      <c r="N37" s="17">
        <v>316</v>
      </c>
      <c r="O37" s="17">
        <v>4</v>
      </c>
      <c r="P37" s="17">
        <v>99</v>
      </c>
      <c r="Q37" s="17">
        <v>213</v>
      </c>
      <c r="R37" s="17">
        <v>11890</v>
      </c>
    </row>
    <row r="38" spans="1:18">
      <c r="A38" s="21" t="s">
        <v>406</v>
      </c>
      <c r="B38" s="10"/>
      <c r="C38" s="11"/>
      <c r="D38" s="17">
        <v>134</v>
      </c>
      <c r="E38" s="17">
        <v>2</v>
      </c>
      <c r="F38" s="17">
        <v>32</v>
      </c>
      <c r="G38" s="17">
        <v>100</v>
      </c>
      <c r="H38" s="17">
        <v>5530</v>
      </c>
      <c r="I38" s="17">
        <v>68</v>
      </c>
      <c r="J38" s="17">
        <v>1</v>
      </c>
      <c r="K38" s="17">
        <v>13</v>
      </c>
      <c r="L38" s="17">
        <v>54</v>
      </c>
      <c r="M38" s="17">
        <v>3000</v>
      </c>
      <c r="N38" s="17">
        <v>66</v>
      </c>
      <c r="O38" s="17">
        <v>1</v>
      </c>
      <c r="P38" s="17">
        <v>19</v>
      </c>
      <c r="Q38" s="17">
        <v>46</v>
      </c>
      <c r="R38" s="17">
        <v>2530</v>
      </c>
    </row>
    <row r="39" spans="1:18">
      <c r="A39" s="21" t="s">
        <v>407</v>
      </c>
      <c r="B39" s="10"/>
      <c r="C39" s="11"/>
      <c r="D39" s="17">
        <v>41</v>
      </c>
      <c r="E39" s="17">
        <v>2</v>
      </c>
      <c r="F39" s="17">
        <v>13</v>
      </c>
      <c r="G39" s="17">
        <v>26</v>
      </c>
      <c r="H39" s="17">
        <v>1474</v>
      </c>
      <c r="I39" s="17">
        <v>13</v>
      </c>
      <c r="J39" s="17" t="s">
        <v>35</v>
      </c>
      <c r="K39" s="17">
        <v>2</v>
      </c>
      <c r="L39" s="17">
        <v>11</v>
      </c>
      <c r="M39" s="17">
        <v>593</v>
      </c>
      <c r="N39" s="17">
        <v>28</v>
      </c>
      <c r="O39" s="17">
        <v>2</v>
      </c>
      <c r="P39" s="17">
        <v>11</v>
      </c>
      <c r="Q39" s="17">
        <v>15</v>
      </c>
      <c r="R39" s="17">
        <v>881</v>
      </c>
    </row>
    <row r="40" spans="1:18">
      <c r="A40" s="21" t="s">
        <v>408</v>
      </c>
      <c r="B40" s="10"/>
      <c r="C40" s="11"/>
      <c r="D40" s="17">
        <v>87</v>
      </c>
      <c r="E40" s="17" t="s">
        <v>35</v>
      </c>
      <c r="F40" s="17">
        <v>17</v>
      </c>
      <c r="G40" s="17">
        <v>70</v>
      </c>
      <c r="H40" s="17">
        <v>3784</v>
      </c>
      <c r="I40" s="17">
        <v>48</v>
      </c>
      <c r="J40" s="18" t="s">
        <v>35</v>
      </c>
      <c r="K40" s="17">
        <v>5</v>
      </c>
      <c r="L40" s="17">
        <v>43</v>
      </c>
      <c r="M40" s="17">
        <v>2317</v>
      </c>
      <c r="N40" s="17">
        <v>39</v>
      </c>
      <c r="O40" s="17" t="s">
        <v>35</v>
      </c>
      <c r="P40" s="17">
        <v>12</v>
      </c>
      <c r="Q40" s="17">
        <v>27</v>
      </c>
      <c r="R40" s="17">
        <v>1467</v>
      </c>
    </row>
    <row r="41" spans="1:18">
      <c r="A41" s="21" t="s">
        <v>409</v>
      </c>
      <c r="B41" s="10"/>
      <c r="C41" s="11"/>
      <c r="D41" s="17">
        <v>1569</v>
      </c>
      <c r="E41" s="17">
        <v>37</v>
      </c>
      <c r="F41" s="17">
        <v>487</v>
      </c>
      <c r="G41" s="17">
        <v>1038</v>
      </c>
      <c r="H41" s="17">
        <v>62698</v>
      </c>
      <c r="I41" s="17">
        <v>750</v>
      </c>
      <c r="J41" s="17">
        <v>16</v>
      </c>
      <c r="K41" s="17">
        <v>135</v>
      </c>
      <c r="L41" s="17">
        <v>596</v>
      </c>
      <c r="M41" s="17">
        <v>34190</v>
      </c>
      <c r="N41" s="17">
        <v>819</v>
      </c>
      <c r="O41" s="17">
        <v>21</v>
      </c>
      <c r="P41" s="17">
        <v>352</v>
      </c>
      <c r="Q41" s="17">
        <v>442</v>
      </c>
      <c r="R41" s="17">
        <v>28508</v>
      </c>
    </row>
    <row r="42" spans="1:18">
      <c r="A42" s="21" t="s">
        <v>410</v>
      </c>
      <c r="B42" s="10"/>
      <c r="C42" s="11"/>
      <c r="D42" s="18">
        <v>550</v>
      </c>
      <c r="E42" s="18">
        <v>17</v>
      </c>
      <c r="F42" s="18">
        <v>156</v>
      </c>
      <c r="G42" s="18">
        <v>376</v>
      </c>
      <c r="H42" s="18">
        <v>21882</v>
      </c>
      <c r="I42" s="18">
        <v>282</v>
      </c>
      <c r="J42" s="18">
        <v>4</v>
      </c>
      <c r="K42" s="18">
        <v>49</v>
      </c>
      <c r="L42" s="18">
        <v>228</v>
      </c>
      <c r="M42" s="18">
        <v>12474</v>
      </c>
      <c r="N42" s="18">
        <v>268</v>
      </c>
      <c r="O42" s="18">
        <v>13</v>
      </c>
      <c r="P42" s="18">
        <v>107</v>
      </c>
      <c r="Q42" s="18">
        <v>148</v>
      </c>
      <c r="R42" s="18">
        <v>9408</v>
      </c>
    </row>
    <row r="43" spans="1:18">
      <c r="A43" s="21" t="s">
        <v>411</v>
      </c>
      <c r="B43" s="10"/>
      <c r="C43" s="11"/>
      <c r="D43" s="17">
        <v>1019</v>
      </c>
      <c r="E43" s="17">
        <v>20</v>
      </c>
      <c r="F43" s="17">
        <v>331</v>
      </c>
      <c r="G43" s="17">
        <v>662</v>
      </c>
      <c r="H43" s="17">
        <v>40816</v>
      </c>
      <c r="I43" s="17">
        <v>468</v>
      </c>
      <c r="J43" s="17">
        <v>12</v>
      </c>
      <c r="K43" s="17">
        <v>86</v>
      </c>
      <c r="L43" s="17">
        <v>368</v>
      </c>
      <c r="M43" s="17">
        <v>21716</v>
      </c>
      <c r="N43" s="17">
        <v>551</v>
      </c>
      <c r="O43" s="17">
        <v>8</v>
      </c>
      <c r="P43" s="17">
        <v>245</v>
      </c>
      <c r="Q43" s="17">
        <v>294</v>
      </c>
      <c r="R43" s="17">
        <v>19100</v>
      </c>
    </row>
    <row r="44" spans="1:18">
      <c r="A44" s="21" t="s">
        <v>412</v>
      </c>
      <c r="B44" s="10"/>
      <c r="C44" s="11"/>
      <c r="D44" s="17">
        <v>220</v>
      </c>
      <c r="E44" s="18">
        <v>6</v>
      </c>
      <c r="F44" s="17">
        <v>61</v>
      </c>
      <c r="G44" s="17">
        <v>153</v>
      </c>
      <c r="H44" s="17">
        <v>9041</v>
      </c>
      <c r="I44" s="17">
        <v>104</v>
      </c>
      <c r="J44" s="18">
        <v>1</v>
      </c>
      <c r="K44" s="17">
        <v>18</v>
      </c>
      <c r="L44" s="17">
        <v>85</v>
      </c>
      <c r="M44" s="17">
        <v>4878</v>
      </c>
      <c r="N44" s="17">
        <v>116</v>
      </c>
      <c r="O44" s="18">
        <v>5</v>
      </c>
      <c r="P44" s="17">
        <v>43</v>
      </c>
      <c r="Q44" s="17">
        <v>68</v>
      </c>
      <c r="R44" s="17">
        <v>4163</v>
      </c>
    </row>
    <row r="45" spans="1:18">
      <c r="A45" s="21" t="s">
        <v>413</v>
      </c>
      <c r="B45" s="10"/>
      <c r="C45" s="11"/>
      <c r="D45" s="17">
        <v>188</v>
      </c>
      <c r="E45" s="17">
        <v>4</v>
      </c>
      <c r="F45" s="17">
        <v>57</v>
      </c>
      <c r="G45" s="17">
        <v>127</v>
      </c>
      <c r="H45" s="17">
        <v>7675</v>
      </c>
      <c r="I45" s="17">
        <v>91</v>
      </c>
      <c r="J45" s="17">
        <v>1</v>
      </c>
      <c r="K45" s="17">
        <v>17</v>
      </c>
      <c r="L45" s="17">
        <v>73</v>
      </c>
      <c r="M45" s="17">
        <v>4244</v>
      </c>
      <c r="N45" s="17">
        <v>97</v>
      </c>
      <c r="O45" s="17">
        <v>3</v>
      </c>
      <c r="P45" s="17">
        <v>40</v>
      </c>
      <c r="Q45" s="17">
        <v>54</v>
      </c>
      <c r="R45" s="17">
        <v>3431</v>
      </c>
    </row>
    <row r="46" spans="1:18">
      <c r="A46" s="21" t="s">
        <v>414</v>
      </c>
      <c r="B46" s="10"/>
      <c r="C46" s="11"/>
      <c r="D46" s="17">
        <v>32</v>
      </c>
      <c r="E46" s="17">
        <v>2</v>
      </c>
      <c r="F46" s="17">
        <v>4</v>
      </c>
      <c r="G46" s="17">
        <v>26</v>
      </c>
      <c r="H46" s="17">
        <v>1366</v>
      </c>
      <c r="I46" s="17">
        <v>13</v>
      </c>
      <c r="J46" s="17" t="s">
        <v>35</v>
      </c>
      <c r="K46" s="17">
        <v>1</v>
      </c>
      <c r="L46" s="17">
        <v>12</v>
      </c>
      <c r="M46" s="17">
        <v>634</v>
      </c>
      <c r="N46" s="17">
        <v>19</v>
      </c>
      <c r="O46" s="17">
        <v>2</v>
      </c>
      <c r="P46" s="17">
        <v>3</v>
      </c>
      <c r="Q46" s="17">
        <v>14</v>
      </c>
      <c r="R46" s="17">
        <v>732</v>
      </c>
    </row>
    <row r="47" spans="1:18">
      <c r="A47" s="21" t="s">
        <v>415</v>
      </c>
      <c r="B47" s="10"/>
      <c r="C47" s="11"/>
      <c r="D47" s="17">
        <v>188</v>
      </c>
      <c r="E47" s="17">
        <v>3</v>
      </c>
      <c r="F47" s="17">
        <v>40</v>
      </c>
      <c r="G47" s="17">
        <v>145</v>
      </c>
      <c r="H47" s="17">
        <v>8815</v>
      </c>
      <c r="I47" s="17">
        <v>96</v>
      </c>
      <c r="J47" s="17">
        <v>1</v>
      </c>
      <c r="K47" s="17">
        <v>11</v>
      </c>
      <c r="L47" s="17">
        <v>84</v>
      </c>
      <c r="M47" s="17">
        <v>5123</v>
      </c>
      <c r="N47" s="17">
        <v>92</v>
      </c>
      <c r="O47" s="17">
        <v>2</v>
      </c>
      <c r="P47" s="17">
        <v>29</v>
      </c>
      <c r="Q47" s="17">
        <v>61</v>
      </c>
      <c r="R47" s="17">
        <v>3692</v>
      </c>
    </row>
    <row r="48" spans="1:18">
      <c r="A48" s="21" t="s">
        <v>416</v>
      </c>
      <c r="B48" s="10"/>
      <c r="C48" s="11"/>
      <c r="D48" s="17">
        <v>99</v>
      </c>
      <c r="E48" s="18">
        <v>1</v>
      </c>
      <c r="F48" s="17">
        <v>19</v>
      </c>
      <c r="G48" s="17">
        <v>79</v>
      </c>
      <c r="H48" s="17">
        <v>4788</v>
      </c>
      <c r="I48" s="17">
        <v>52</v>
      </c>
      <c r="J48" s="18">
        <v>1</v>
      </c>
      <c r="K48" s="17">
        <v>6</v>
      </c>
      <c r="L48" s="17">
        <v>45</v>
      </c>
      <c r="M48" s="17">
        <v>2792</v>
      </c>
      <c r="N48" s="17">
        <v>47</v>
      </c>
      <c r="O48" s="18" t="s">
        <v>35</v>
      </c>
      <c r="P48" s="17">
        <v>13</v>
      </c>
      <c r="Q48" s="17">
        <v>34</v>
      </c>
      <c r="R48" s="17">
        <v>1996</v>
      </c>
    </row>
    <row r="49" spans="1:18">
      <c r="A49" s="21" t="s">
        <v>417</v>
      </c>
      <c r="B49" s="10"/>
      <c r="C49" s="11"/>
      <c r="D49" s="17">
        <v>89</v>
      </c>
      <c r="E49" s="18">
        <v>2</v>
      </c>
      <c r="F49" s="17">
        <v>21</v>
      </c>
      <c r="G49" s="17">
        <v>66</v>
      </c>
      <c r="H49" s="17">
        <v>4027</v>
      </c>
      <c r="I49" s="17">
        <v>44</v>
      </c>
      <c r="J49" s="18" t="s">
        <v>35</v>
      </c>
      <c r="K49" s="17">
        <v>5</v>
      </c>
      <c r="L49" s="17">
        <v>39</v>
      </c>
      <c r="M49" s="17">
        <v>2331</v>
      </c>
      <c r="N49" s="17">
        <v>45</v>
      </c>
      <c r="O49" s="18">
        <v>2</v>
      </c>
      <c r="P49" s="17">
        <v>16</v>
      </c>
      <c r="Q49" s="17">
        <v>27</v>
      </c>
      <c r="R49" s="17">
        <v>1696</v>
      </c>
    </row>
    <row r="50" spans="1:18">
      <c r="A50" s="21" t="s">
        <v>418</v>
      </c>
      <c r="B50" s="10"/>
      <c r="C50" s="11"/>
      <c r="D50" s="17">
        <v>296</v>
      </c>
      <c r="E50" s="18">
        <v>8</v>
      </c>
      <c r="F50" s="17">
        <v>80</v>
      </c>
      <c r="G50" s="17">
        <v>208</v>
      </c>
      <c r="H50" s="17">
        <v>12005</v>
      </c>
      <c r="I50" s="17">
        <v>140</v>
      </c>
      <c r="J50" s="18">
        <v>5</v>
      </c>
      <c r="K50" s="17">
        <v>24</v>
      </c>
      <c r="L50" s="17">
        <v>111</v>
      </c>
      <c r="M50" s="17">
        <v>6133</v>
      </c>
      <c r="N50" s="17">
        <v>156</v>
      </c>
      <c r="O50" s="18">
        <v>3</v>
      </c>
      <c r="P50" s="17">
        <v>56</v>
      </c>
      <c r="Q50" s="17">
        <v>97</v>
      </c>
      <c r="R50" s="17">
        <v>5872</v>
      </c>
    </row>
    <row r="51" spans="1:18">
      <c r="A51" s="21" t="s">
        <v>419</v>
      </c>
      <c r="B51" s="10"/>
      <c r="C51" s="11"/>
      <c r="D51" s="17">
        <v>117</v>
      </c>
      <c r="E51" s="17" t="s">
        <v>35</v>
      </c>
      <c r="F51" s="17">
        <v>27</v>
      </c>
      <c r="G51" s="17">
        <v>89</v>
      </c>
      <c r="H51" s="17">
        <v>5357</v>
      </c>
      <c r="I51" s="17">
        <v>57</v>
      </c>
      <c r="J51" s="18" t="s">
        <v>35</v>
      </c>
      <c r="K51" s="17">
        <v>10</v>
      </c>
      <c r="L51" s="17">
        <v>47</v>
      </c>
      <c r="M51" s="17">
        <v>2835</v>
      </c>
      <c r="N51" s="17">
        <v>60</v>
      </c>
      <c r="O51" s="17" t="s">
        <v>35</v>
      </c>
      <c r="P51" s="17">
        <v>17</v>
      </c>
      <c r="Q51" s="17">
        <v>42</v>
      </c>
      <c r="R51" s="17">
        <v>2522</v>
      </c>
    </row>
    <row r="52" spans="1:18">
      <c r="A52" s="21" t="s">
        <v>420</v>
      </c>
      <c r="B52" s="10"/>
      <c r="C52" s="11"/>
      <c r="D52" s="17">
        <v>30</v>
      </c>
      <c r="E52" s="17" t="s">
        <v>35</v>
      </c>
      <c r="F52" s="17">
        <v>3</v>
      </c>
      <c r="G52" s="17">
        <v>26</v>
      </c>
      <c r="H52" s="17">
        <v>1402</v>
      </c>
      <c r="I52" s="17">
        <v>19</v>
      </c>
      <c r="J52" s="18" t="s">
        <v>35</v>
      </c>
      <c r="K52" s="17" t="s">
        <v>35</v>
      </c>
      <c r="L52" s="17">
        <v>19</v>
      </c>
      <c r="M52" s="17">
        <v>965</v>
      </c>
      <c r="N52" s="17">
        <v>11</v>
      </c>
      <c r="O52" s="17" t="s">
        <v>35</v>
      </c>
      <c r="P52" s="17">
        <v>3</v>
      </c>
      <c r="Q52" s="17">
        <v>7</v>
      </c>
      <c r="R52" s="17">
        <v>437</v>
      </c>
    </row>
    <row r="53" spans="1:18">
      <c r="A53" s="21" t="s">
        <v>421</v>
      </c>
      <c r="B53" s="10"/>
      <c r="C53" s="11"/>
      <c r="D53" s="17">
        <v>10</v>
      </c>
      <c r="E53" s="18" t="s">
        <v>35</v>
      </c>
      <c r="F53" s="17">
        <v>1</v>
      </c>
      <c r="G53" s="17">
        <v>9</v>
      </c>
      <c r="H53" s="17">
        <v>515</v>
      </c>
      <c r="I53" s="17">
        <v>3</v>
      </c>
      <c r="J53" s="18" t="s">
        <v>35</v>
      </c>
      <c r="K53" s="17" t="s">
        <v>35</v>
      </c>
      <c r="L53" s="17">
        <v>3</v>
      </c>
      <c r="M53" s="17">
        <v>166</v>
      </c>
      <c r="N53" s="17">
        <v>7</v>
      </c>
      <c r="O53" s="18" t="s">
        <v>35</v>
      </c>
      <c r="P53" s="17">
        <v>1</v>
      </c>
      <c r="Q53" s="17">
        <v>6</v>
      </c>
      <c r="R53" s="17">
        <v>349</v>
      </c>
    </row>
    <row r="54" spans="1:18">
      <c r="A54" s="21" t="s">
        <v>422</v>
      </c>
      <c r="B54" s="10"/>
      <c r="C54" s="11"/>
      <c r="D54" s="17">
        <v>23</v>
      </c>
      <c r="E54" s="18" t="s">
        <v>35</v>
      </c>
      <c r="F54" s="17">
        <v>5</v>
      </c>
      <c r="G54" s="17">
        <v>18</v>
      </c>
      <c r="H54" s="17">
        <v>1025</v>
      </c>
      <c r="I54" s="17">
        <v>10</v>
      </c>
      <c r="J54" s="18" t="s">
        <v>35</v>
      </c>
      <c r="K54" s="17">
        <v>4</v>
      </c>
      <c r="L54" s="17">
        <v>6</v>
      </c>
      <c r="M54" s="17">
        <v>418</v>
      </c>
      <c r="N54" s="17">
        <v>13</v>
      </c>
      <c r="O54" s="18" t="s">
        <v>35</v>
      </c>
      <c r="P54" s="17">
        <v>1</v>
      </c>
      <c r="Q54" s="17">
        <v>12</v>
      </c>
      <c r="R54" s="17">
        <v>607</v>
      </c>
    </row>
    <row r="55" spans="1:18">
      <c r="A55" s="21" t="s">
        <v>423</v>
      </c>
      <c r="B55" s="10" t="s">
        <v>52</v>
      </c>
      <c r="C55" s="11" t="s">
        <v>53</v>
      </c>
      <c r="D55" s="17">
        <v>54</v>
      </c>
      <c r="E55" s="17" t="s">
        <v>35</v>
      </c>
      <c r="F55" s="17">
        <v>18</v>
      </c>
      <c r="G55" s="17">
        <v>36</v>
      </c>
      <c r="H55" s="17">
        <v>2415</v>
      </c>
      <c r="I55" s="17">
        <v>25</v>
      </c>
      <c r="J55" s="17" t="s">
        <v>35</v>
      </c>
      <c r="K55" s="17">
        <v>6</v>
      </c>
      <c r="L55" s="17">
        <v>19</v>
      </c>
      <c r="M55" s="17">
        <v>1286</v>
      </c>
      <c r="N55" s="17">
        <v>29</v>
      </c>
      <c r="O55" s="17" t="s">
        <v>35</v>
      </c>
      <c r="P55" s="17">
        <v>12</v>
      </c>
      <c r="Q55" s="17">
        <v>17</v>
      </c>
      <c r="R55" s="17">
        <v>1129</v>
      </c>
    </row>
    <row r="56" spans="1:18">
      <c r="A56" s="21" t="s">
        <v>424</v>
      </c>
      <c r="B56" s="10" t="s">
        <v>58</v>
      </c>
      <c r="C56" s="11" t="s">
        <v>53</v>
      </c>
      <c r="D56" s="17" t="s">
        <v>59</v>
      </c>
      <c r="E56" s="17" t="s">
        <v>59</v>
      </c>
      <c r="F56" s="17" t="s">
        <v>59</v>
      </c>
      <c r="G56" s="17" t="s">
        <v>59</v>
      </c>
      <c r="H56" s="17" t="s">
        <v>59</v>
      </c>
      <c r="I56" s="17" t="s">
        <v>59</v>
      </c>
      <c r="J56" s="17" t="s">
        <v>59</v>
      </c>
      <c r="K56" s="17" t="s">
        <v>59</v>
      </c>
      <c r="L56" s="17" t="s">
        <v>59</v>
      </c>
      <c r="M56" s="17" t="s">
        <v>59</v>
      </c>
      <c r="N56" s="17" t="s">
        <v>59</v>
      </c>
      <c r="O56" s="17" t="s">
        <v>59</v>
      </c>
      <c r="P56" s="17" t="s">
        <v>59</v>
      </c>
      <c r="Q56" s="17" t="s">
        <v>59</v>
      </c>
      <c r="R56" s="17" t="s">
        <v>59</v>
      </c>
    </row>
    <row r="57" spans="1:18">
      <c r="A57" s="21" t="s">
        <v>425</v>
      </c>
      <c r="B57" s="10"/>
      <c r="C57" s="11"/>
      <c r="D57" s="17">
        <v>1160</v>
      </c>
      <c r="E57" s="17">
        <v>19</v>
      </c>
      <c r="F57" s="17">
        <v>300</v>
      </c>
      <c r="G57" s="17">
        <v>838</v>
      </c>
      <c r="H57" s="17">
        <v>49183</v>
      </c>
      <c r="I57" s="17">
        <v>622</v>
      </c>
      <c r="J57" s="18">
        <v>13</v>
      </c>
      <c r="K57" s="17">
        <v>103</v>
      </c>
      <c r="L57" s="17">
        <v>505</v>
      </c>
      <c r="M57" s="17">
        <v>28757</v>
      </c>
      <c r="N57" s="17">
        <v>538</v>
      </c>
      <c r="O57" s="17">
        <v>6</v>
      </c>
      <c r="P57" s="17">
        <v>197</v>
      </c>
      <c r="Q57" s="17">
        <v>333</v>
      </c>
      <c r="R57" s="17">
        <v>20426</v>
      </c>
    </row>
    <row r="58" spans="1:18">
      <c r="A58" s="21" t="s">
        <v>426</v>
      </c>
      <c r="B58" s="10"/>
      <c r="C58" s="11"/>
      <c r="D58" s="17">
        <v>479</v>
      </c>
      <c r="E58" s="17">
        <v>9</v>
      </c>
      <c r="F58" s="17">
        <v>119</v>
      </c>
      <c r="G58" s="17">
        <v>350</v>
      </c>
      <c r="H58" s="17">
        <v>20522</v>
      </c>
      <c r="I58" s="17">
        <v>258</v>
      </c>
      <c r="J58" s="17">
        <v>7</v>
      </c>
      <c r="K58" s="17">
        <v>48</v>
      </c>
      <c r="L58" s="17">
        <v>203</v>
      </c>
      <c r="M58" s="17">
        <v>11762</v>
      </c>
      <c r="N58" s="17">
        <v>221</v>
      </c>
      <c r="O58" s="17">
        <v>2</v>
      </c>
      <c r="P58" s="17">
        <v>71</v>
      </c>
      <c r="Q58" s="17">
        <v>147</v>
      </c>
      <c r="R58" s="17">
        <v>8760</v>
      </c>
    </row>
    <row r="59" spans="1:18">
      <c r="A59" s="21" t="s">
        <v>427</v>
      </c>
      <c r="B59" s="10"/>
      <c r="C59" s="11"/>
      <c r="D59" s="17">
        <v>681</v>
      </c>
      <c r="E59" s="17">
        <v>10</v>
      </c>
      <c r="F59" s="17">
        <v>181</v>
      </c>
      <c r="G59" s="17">
        <v>488</v>
      </c>
      <c r="H59" s="17">
        <v>28661</v>
      </c>
      <c r="I59" s="17">
        <v>364</v>
      </c>
      <c r="J59" s="17">
        <v>6</v>
      </c>
      <c r="K59" s="17">
        <v>55</v>
      </c>
      <c r="L59" s="17">
        <v>302</v>
      </c>
      <c r="M59" s="17">
        <v>16995</v>
      </c>
      <c r="N59" s="17">
        <v>317</v>
      </c>
      <c r="O59" s="17">
        <v>4</v>
      </c>
      <c r="P59" s="17">
        <v>126</v>
      </c>
      <c r="Q59" s="17">
        <v>186</v>
      </c>
      <c r="R59" s="17">
        <v>11666</v>
      </c>
    </row>
    <row r="60" spans="1:18">
      <c r="A60" s="21" t="s">
        <v>428</v>
      </c>
      <c r="B60" s="10"/>
      <c r="C60" s="11"/>
      <c r="D60" s="17">
        <v>483</v>
      </c>
      <c r="E60" s="17">
        <v>9</v>
      </c>
      <c r="F60" s="17">
        <v>145</v>
      </c>
      <c r="G60" s="17">
        <v>326</v>
      </c>
      <c r="H60" s="17">
        <v>19327</v>
      </c>
      <c r="I60" s="17">
        <v>226</v>
      </c>
      <c r="J60" s="17">
        <v>3</v>
      </c>
      <c r="K60" s="17">
        <v>37</v>
      </c>
      <c r="L60" s="17">
        <v>184</v>
      </c>
      <c r="M60" s="17">
        <v>10370</v>
      </c>
      <c r="N60" s="17">
        <v>257</v>
      </c>
      <c r="O60" s="17">
        <v>6</v>
      </c>
      <c r="P60" s="17">
        <v>108</v>
      </c>
      <c r="Q60" s="17">
        <v>142</v>
      </c>
      <c r="R60" s="17">
        <v>8957</v>
      </c>
    </row>
    <row r="61" spans="1:18">
      <c r="A61" s="21" t="s">
        <v>429</v>
      </c>
      <c r="B61" s="10"/>
      <c r="C61" s="11"/>
      <c r="D61" s="17">
        <v>390</v>
      </c>
      <c r="E61" s="17">
        <v>7</v>
      </c>
      <c r="F61" s="17">
        <v>113</v>
      </c>
      <c r="G61" s="17">
        <v>267</v>
      </c>
      <c r="H61" s="17">
        <v>15869</v>
      </c>
      <c r="I61" s="17">
        <v>179</v>
      </c>
      <c r="J61" s="17">
        <v>2</v>
      </c>
      <c r="K61" s="17">
        <v>26</v>
      </c>
      <c r="L61" s="17">
        <v>149</v>
      </c>
      <c r="M61" s="17">
        <v>8392</v>
      </c>
      <c r="N61" s="17">
        <v>211</v>
      </c>
      <c r="O61" s="17">
        <v>5</v>
      </c>
      <c r="P61" s="17">
        <v>87</v>
      </c>
      <c r="Q61" s="17">
        <v>118</v>
      </c>
      <c r="R61" s="17">
        <v>7477</v>
      </c>
    </row>
    <row r="62" spans="1:18">
      <c r="A62" s="21" t="s">
        <v>430</v>
      </c>
      <c r="B62" s="10"/>
      <c r="C62" s="11"/>
      <c r="D62" s="17">
        <v>93</v>
      </c>
      <c r="E62" s="17">
        <v>2</v>
      </c>
      <c r="F62" s="17">
        <v>32</v>
      </c>
      <c r="G62" s="17">
        <v>59</v>
      </c>
      <c r="H62" s="17">
        <v>3458</v>
      </c>
      <c r="I62" s="17">
        <v>47</v>
      </c>
      <c r="J62" s="17">
        <v>1</v>
      </c>
      <c r="K62" s="17">
        <v>11</v>
      </c>
      <c r="L62" s="17">
        <v>35</v>
      </c>
      <c r="M62" s="17">
        <v>1978</v>
      </c>
      <c r="N62" s="17">
        <v>46</v>
      </c>
      <c r="O62" s="17">
        <v>1</v>
      </c>
      <c r="P62" s="17">
        <v>21</v>
      </c>
      <c r="Q62" s="17">
        <v>24</v>
      </c>
      <c r="R62" s="17">
        <v>1480</v>
      </c>
    </row>
    <row r="63" spans="1:18">
      <c r="A63" s="21" t="s">
        <v>431</v>
      </c>
      <c r="B63" s="10"/>
      <c r="C63" s="11"/>
      <c r="D63" s="17">
        <v>97</v>
      </c>
      <c r="E63" s="17">
        <v>2</v>
      </c>
      <c r="F63" s="17">
        <v>21</v>
      </c>
      <c r="G63" s="17">
        <v>74</v>
      </c>
      <c r="H63" s="17">
        <v>3976</v>
      </c>
      <c r="I63" s="17">
        <v>48</v>
      </c>
      <c r="J63" s="17">
        <v>1</v>
      </c>
      <c r="K63" s="17">
        <v>4</v>
      </c>
      <c r="L63" s="17">
        <v>43</v>
      </c>
      <c r="M63" s="17">
        <v>2192</v>
      </c>
      <c r="N63" s="17">
        <v>49</v>
      </c>
      <c r="O63" s="17">
        <v>1</v>
      </c>
      <c r="P63" s="17">
        <v>17</v>
      </c>
      <c r="Q63" s="17">
        <v>31</v>
      </c>
      <c r="R63" s="17">
        <v>1784</v>
      </c>
    </row>
    <row r="64" spans="1:18">
      <c r="A64" s="21" t="s">
        <v>432</v>
      </c>
      <c r="B64" s="10"/>
      <c r="C64" s="11"/>
      <c r="D64" s="17">
        <v>62</v>
      </c>
      <c r="E64" s="17">
        <v>1</v>
      </c>
      <c r="F64" s="17">
        <v>17</v>
      </c>
      <c r="G64" s="17">
        <v>44</v>
      </c>
      <c r="H64" s="17">
        <v>2419</v>
      </c>
      <c r="I64" s="17">
        <v>30</v>
      </c>
      <c r="J64" s="17" t="s">
        <v>35</v>
      </c>
      <c r="K64" s="17">
        <v>4</v>
      </c>
      <c r="L64" s="17">
        <v>26</v>
      </c>
      <c r="M64" s="17">
        <v>1333</v>
      </c>
      <c r="N64" s="17">
        <v>32</v>
      </c>
      <c r="O64" s="18">
        <v>1</v>
      </c>
      <c r="P64" s="17">
        <v>13</v>
      </c>
      <c r="Q64" s="17">
        <v>18</v>
      </c>
      <c r="R64" s="17">
        <v>1086</v>
      </c>
    </row>
    <row r="65" spans="1:18">
      <c r="A65" s="21" t="s">
        <v>433</v>
      </c>
      <c r="B65" s="10"/>
      <c r="C65" s="11"/>
      <c r="D65" s="17">
        <v>35</v>
      </c>
      <c r="E65" s="17">
        <v>1</v>
      </c>
      <c r="F65" s="17">
        <v>4</v>
      </c>
      <c r="G65" s="17">
        <v>30</v>
      </c>
      <c r="H65" s="17">
        <v>1557</v>
      </c>
      <c r="I65" s="17">
        <v>18</v>
      </c>
      <c r="J65" s="17">
        <v>1</v>
      </c>
      <c r="K65" s="17" t="s">
        <v>35</v>
      </c>
      <c r="L65" s="17">
        <v>17</v>
      </c>
      <c r="M65" s="17">
        <v>859</v>
      </c>
      <c r="N65" s="17">
        <v>17</v>
      </c>
      <c r="O65" s="17" t="s">
        <v>35</v>
      </c>
      <c r="P65" s="17">
        <v>4</v>
      </c>
      <c r="Q65" s="17">
        <v>13</v>
      </c>
      <c r="R65" s="17">
        <v>698</v>
      </c>
    </row>
    <row r="66" spans="1:18">
      <c r="A66" s="21" t="s">
        <v>434</v>
      </c>
      <c r="B66" s="10"/>
      <c r="C66" s="11"/>
      <c r="D66" s="17">
        <v>255</v>
      </c>
      <c r="E66" s="17">
        <v>4</v>
      </c>
      <c r="F66" s="17">
        <v>69</v>
      </c>
      <c r="G66" s="17">
        <v>182</v>
      </c>
      <c r="H66" s="17">
        <v>10875</v>
      </c>
      <c r="I66" s="17">
        <v>127</v>
      </c>
      <c r="J66" s="17">
        <v>2</v>
      </c>
      <c r="K66" s="17">
        <v>16</v>
      </c>
      <c r="L66" s="17">
        <v>109</v>
      </c>
      <c r="M66" s="17">
        <v>6235</v>
      </c>
      <c r="N66" s="17">
        <v>128</v>
      </c>
      <c r="O66" s="17">
        <v>2</v>
      </c>
      <c r="P66" s="17">
        <v>53</v>
      </c>
      <c r="Q66" s="17">
        <v>73</v>
      </c>
      <c r="R66" s="17">
        <v>4640</v>
      </c>
    </row>
    <row r="67" spans="1:18">
      <c r="A67" s="21" t="s">
        <v>435</v>
      </c>
      <c r="B67" s="10"/>
      <c r="C67" s="11"/>
      <c r="D67" s="17">
        <v>93</v>
      </c>
      <c r="E67" s="17">
        <v>1</v>
      </c>
      <c r="F67" s="17">
        <v>30</v>
      </c>
      <c r="G67" s="17">
        <v>62</v>
      </c>
      <c r="H67" s="17">
        <v>3762</v>
      </c>
      <c r="I67" s="17">
        <v>50</v>
      </c>
      <c r="J67" s="17">
        <v>1</v>
      </c>
      <c r="K67" s="17">
        <v>7</v>
      </c>
      <c r="L67" s="17">
        <v>42</v>
      </c>
      <c r="M67" s="17">
        <v>2343</v>
      </c>
      <c r="N67" s="17">
        <v>43</v>
      </c>
      <c r="O67" s="17" t="s">
        <v>35</v>
      </c>
      <c r="P67" s="17">
        <v>23</v>
      </c>
      <c r="Q67" s="17">
        <v>20</v>
      </c>
      <c r="R67" s="17">
        <v>1419</v>
      </c>
    </row>
    <row r="68" spans="1:18">
      <c r="A68" s="21" t="s">
        <v>436</v>
      </c>
      <c r="B68" s="10"/>
      <c r="C68" s="11"/>
      <c r="D68" s="17">
        <v>162</v>
      </c>
      <c r="E68" s="17">
        <v>3</v>
      </c>
      <c r="F68" s="17">
        <v>39</v>
      </c>
      <c r="G68" s="17">
        <v>120</v>
      </c>
      <c r="H68" s="17">
        <v>7113</v>
      </c>
      <c r="I68" s="17">
        <v>77</v>
      </c>
      <c r="J68" s="17">
        <v>1</v>
      </c>
      <c r="K68" s="17">
        <v>9</v>
      </c>
      <c r="L68" s="17">
        <v>67</v>
      </c>
      <c r="M68" s="17">
        <v>3892</v>
      </c>
      <c r="N68" s="17">
        <v>85</v>
      </c>
      <c r="O68" s="17">
        <v>2</v>
      </c>
      <c r="P68" s="17">
        <v>30</v>
      </c>
      <c r="Q68" s="17">
        <v>53</v>
      </c>
      <c r="R68" s="17">
        <v>3221</v>
      </c>
    </row>
    <row r="69" spans="1:18">
      <c r="A69" s="21" t="s">
        <v>437</v>
      </c>
      <c r="B69" s="10"/>
      <c r="C69" s="11"/>
      <c r="D69" s="17">
        <v>47</v>
      </c>
      <c r="E69" s="17">
        <v>3</v>
      </c>
      <c r="F69" s="17">
        <v>14</v>
      </c>
      <c r="G69" s="17">
        <v>30</v>
      </c>
      <c r="H69" s="17">
        <v>1823</v>
      </c>
      <c r="I69" s="17">
        <v>22</v>
      </c>
      <c r="J69" s="17">
        <v>3</v>
      </c>
      <c r="K69" s="17">
        <v>6</v>
      </c>
      <c r="L69" s="17">
        <v>13</v>
      </c>
      <c r="M69" s="17">
        <v>812</v>
      </c>
      <c r="N69" s="17">
        <v>25</v>
      </c>
      <c r="O69" s="17" t="s">
        <v>35</v>
      </c>
      <c r="P69" s="17">
        <v>8</v>
      </c>
      <c r="Q69" s="17">
        <v>17</v>
      </c>
      <c r="R69" s="17">
        <v>1011</v>
      </c>
    </row>
    <row r="70" spans="1:18">
      <c r="A70" s="21" t="s">
        <v>438</v>
      </c>
      <c r="B70" s="10" t="s">
        <v>52</v>
      </c>
      <c r="C70" s="11" t="s">
        <v>106</v>
      </c>
      <c r="D70" s="17">
        <v>36</v>
      </c>
      <c r="E70" s="17">
        <v>1</v>
      </c>
      <c r="F70" s="17">
        <v>8</v>
      </c>
      <c r="G70" s="17">
        <v>27</v>
      </c>
      <c r="H70" s="17">
        <v>1570</v>
      </c>
      <c r="I70" s="17">
        <v>18</v>
      </c>
      <c r="J70" s="17" t="s">
        <v>35</v>
      </c>
      <c r="K70" s="17">
        <v>2</v>
      </c>
      <c r="L70" s="17">
        <v>16</v>
      </c>
      <c r="M70" s="17">
        <v>933</v>
      </c>
      <c r="N70" s="17">
        <v>18</v>
      </c>
      <c r="O70" s="17">
        <v>1</v>
      </c>
      <c r="P70" s="17">
        <v>6</v>
      </c>
      <c r="Q70" s="17">
        <v>11</v>
      </c>
      <c r="R70" s="17">
        <v>637</v>
      </c>
    </row>
    <row r="71" spans="1:18">
      <c r="A71" s="21" t="s">
        <v>439</v>
      </c>
      <c r="B71" s="10" t="s">
        <v>58</v>
      </c>
      <c r="C71" s="11" t="s">
        <v>106</v>
      </c>
      <c r="D71" s="17" t="s">
        <v>59</v>
      </c>
      <c r="E71" s="17" t="s">
        <v>59</v>
      </c>
      <c r="F71" s="17" t="s">
        <v>59</v>
      </c>
      <c r="G71" s="17" t="s">
        <v>59</v>
      </c>
      <c r="H71" s="17" t="s">
        <v>59</v>
      </c>
      <c r="I71" s="17" t="s">
        <v>59</v>
      </c>
      <c r="J71" s="17" t="s">
        <v>59</v>
      </c>
      <c r="K71" s="17" t="s">
        <v>59</v>
      </c>
      <c r="L71" s="17" t="s">
        <v>59</v>
      </c>
      <c r="M71" s="17" t="s">
        <v>59</v>
      </c>
      <c r="N71" s="17" t="s">
        <v>59</v>
      </c>
      <c r="O71" s="17" t="s">
        <v>59</v>
      </c>
      <c r="P71" s="17" t="s">
        <v>59</v>
      </c>
      <c r="Q71" s="17" t="s">
        <v>59</v>
      </c>
      <c r="R71" s="17" t="s">
        <v>59</v>
      </c>
    </row>
    <row r="72" spans="1:18">
      <c r="A72" s="21" t="s">
        <v>440</v>
      </c>
      <c r="B72" s="10" t="s">
        <v>58</v>
      </c>
      <c r="C72" s="11" t="s">
        <v>106</v>
      </c>
      <c r="D72" s="17" t="s">
        <v>59</v>
      </c>
      <c r="E72" s="17" t="s">
        <v>59</v>
      </c>
      <c r="F72" s="17" t="s">
        <v>59</v>
      </c>
      <c r="G72" s="17" t="s">
        <v>59</v>
      </c>
      <c r="H72" s="17" t="s">
        <v>59</v>
      </c>
      <c r="I72" s="17" t="s">
        <v>59</v>
      </c>
      <c r="J72" s="17" t="s">
        <v>59</v>
      </c>
      <c r="K72" s="17" t="s">
        <v>59</v>
      </c>
      <c r="L72" s="17" t="s">
        <v>59</v>
      </c>
      <c r="M72" s="17" t="s">
        <v>59</v>
      </c>
      <c r="N72" s="17" t="s">
        <v>59</v>
      </c>
      <c r="O72" s="17" t="s">
        <v>59</v>
      </c>
      <c r="P72" s="17" t="s">
        <v>59</v>
      </c>
      <c r="Q72" s="17" t="s">
        <v>59</v>
      </c>
      <c r="R72" s="17" t="s">
        <v>59</v>
      </c>
    </row>
    <row r="73" spans="1:18">
      <c r="A73" s="21" t="s">
        <v>441</v>
      </c>
      <c r="B73" s="10" t="s">
        <v>58</v>
      </c>
      <c r="C73" s="11" t="s">
        <v>106</v>
      </c>
      <c r="D73" s="17" t="s">
        <v>59</v>
      </c>
      <c r="E73" s="17" t="s">
        <v>59</v>
      </c>
      <c r="F73" s="17" t="s">
        <v>59</v>
      </c>
      <c r="G73" s="17" t="s">
        <v>59</v>
      </c>
      <c r="H73" s="17" t="s">
        <v>59</v>
      </c>
      <c r="I73" s="17" t="s">
        <v>59</v>
      </c>
      <c r="J73" s="17" t="s">
        <v>59</v>
      </c>
      <c r="K73" s="17" t="s">
        <v>59</v>
      </c>
      <c r="L73" s="17" t="s">
        <v>59</v>
      </c>
      <c r="M73" s="17" t="s">
        <v>59</v>
      </c>
      <c r="N73" s="17" t="s">
        <v>59</v>
      </c>
      <c r="O73" s="17" t="s">
        <v>59</v>
      </c>
      <c r="P73" s="17" t="s">
        <v>59</v>
      </c>
      <c r="Q73" s="17" t="s">
        <v>59</v>
      </c>
      <c r="R73" s="17" t="s">
        <v>59</v>
      </c>
    </row>
    <row r="74" spans="1:18">
      <c r="A74" s="21" t="s">
        <v>442</v>
      </c>
      <c r="B74" s="10" t="s">
        <v>58</v>
      </c>
      <c r="C74" s="11" t="s">
        <v>106</v>
      </c>
      <c r="D74" s="17" t="s">
        <v>59</v>
      </c>
      <c r="E74" s="17" t="s">
        <v>59</v>
      </c>
      <c r="F74" s="17" t="s">
        <v>59</v>
      </c>
      <c r="G74" s="17" t="s">
        <v>59</v>
      </c>
      <c r="H74" s="17" t="s">
        <v>59</v>
      </c>
      <c r="I74" s="17" t="s">
        <v>59</v>
      </c>
      <c r="J74" s="17" t="s">
        <v>59</v>
      </c>
      <c r="K74" s="17" t="s">
        <v>59</v>
      </c>
      <c r="L74" s="17" t="s">
        <v>59</v>
      </c>
      <c r="M74" s="17" t="s">
        <v>59</v>
      </c>
      <c r="N74" s="17" t="s">
        <v>59</v>
      </c>
      <c r="O74" s="17" t="s">
        <v>59</v>
      </c>
      <c r="P74" s="17" t="s">
        <v>59</v>
      </c>
      <c r="Q74" s="17" t="s">
        <v>59</v>
      </c>
      <c r="R74" s="17" t="s">
        <v>59</v>
      </c>
    </row>
    <row r="75" spans="1:18">
      <c r="A75" s="21" t="s">
        <v>443</v>
      </c>
      <c r="B75" s="10" t="s">
        <v>52</v>
      </c>
      <c r="C75" s="11" t="s">
        <v>444</v>
      </c>
      <c r="D75" s="17">
        <v>77</v>
      </c>
      <c r="E75" s="17">
        <v>1</v>
      </c>
      <c r="F75" s="17">
        <v>7</v>
      </c>
      <c r="G75" s="17">
        <v>69</v>
      </c>
      <c r="H75" s="17">
        <v>3332</v>
      </c>
      <c r="I75" s="17">
        <v>47</v>
      </c>
      <c r="J75" s="18">
        <v>1</v>
      </c>
      <c r="K75" s="17" t="s">
        <v>35</v>
      </c>
      <c r="L75" s="17">
        <v>46</v>
      </c>
      <c r="M75" s="17">
        <v>2159</v>
      </c>
      <c r="N75" s="17">
        <v>30</v>
      </c>
      <c r="O75" s="17" t="s">
        <v>35</v>
      </c>
      <c r="P75" s="17">
        <v>7</v>
      </c>
      <c r="Q75" s="17">
        <v>23</v>
      </c>
      <c r="R75" s="17">
        <v>1173</v>
      </c>
    </row>
    <row r="76" spans="1:18">
      <c r="A76" s="21" t="s">
        <v>445</v>
      </c>
      <c r="B76" s="10" t="s">
        <v>58</v>
      </c>
      <c r="C76" s="11" t="s">
        <v>444</v>
      </c>
      <c r="D76" s="17" t="s">
        <v>59</v>
      </c>
      <c r="E76" s="17" t="s">
        <v>59</v>
      </c>
      <c r="F76" s="17" t="s">
        <v>59</v>
      </c>
      <c r="G76" s="17" t="s">
        <v>59</v>
      </c>
      <c r="H76" s="17" t="s">
        <v>59</v>
      </c>
      <c r="I76" s="17" t="s">
        <v>59</v>
      </c>
      <c r="J76" s="17" t="s">
        <v>59</v>
      </c>
      <c r="K76" s="17" t="s">
        <v>59</v>
      </c>
      <c r="L76" s="17" t="s">
        <v>59</v>
      </c>
      <c r="M76" s="17" t="s">
        <v>59</v>
      </c>
      <c r="N76" s="17" t="s">
        <v>59</v>
      </c>
      <c r="O76" s="17" t="s">
        <v>59</v>
      </c>
      <c r="P76" s="17" t="s">
        <v>59</v>
      </c>
      <c r="Q76" s="17" t="s">
        <v>59</v>
      </c>
      <c r="R76" s="17" t="s">
        <v>59</v>
      </c>
    </row>
    <row r="77" spans="1:18">
      <c r="A77" s="21" t="s">
        <v>446</v>
      </c>
      <c r="B77" s="10" t="s">
        <v>58</v>
      </c>
      <c r="C77" s="11" t="s">
        <v>444</v>
      </c>
      <c r="D77" s="17" t="s">
        <v>59</v>
      </c>
      <c r="E77" s="17" t="s">
        <v>59</v>
      </c>
      <c r="F77" s="17" t="s">
        <v>59</v>
      </c>
      <c r="G77" s="17" t="s">
        <v>59</v>
      </c>
      <c r="H77" s="17" t="s">
        <v>59</v>
      </c>
      <c r="I77" s="17" t="s">
        <v>59</v>
      </c>
      <c r="J77" s="17" t="s">
        <v>59</v>
      </c>
      <c r="K77" s="17" t="s">
        <v>59</v>
      </c>
      <c r="L77" s="17" t="s">
        <v>59</v>
      </c>
      <c r="M77" s="17" t="s">
        <v>59</v>
      </c>
      <c r="N77" s="17" t="s">
        <v>59</v>
      </c>
      <c r="O77" s="17" t="s">
        <v>59</v>
      </c>
      <c r="P77" s="17" t="s">
        <v>59</v>
      </c>
      <c r="Q77" s="17" t="s">
        <v>59</v>
      </c>
      <c r="R77" s="17" t="s">
        <v>59</v>
      </c>
    </row>
    <row r="78" spans="1:18">
      <c r="A78" s="21" t="s">
        <v>447</v>
      </c>
      <c r="B78" s="10" t="s">
        <v>58</v>
      </c>
      <c r="C78" s="11" t="s">
        <v>444</v>
      </c>
      <c r="D78" s="17" t="s">
        <v>59</v>
      </c>
      <c r="E78" s="17" t="s">
        <v>59</v>
      </c>
      <c r="F78" s="17" t="s">
        <v>59</v>
      </c>
      <c r="G78" s="17" t="s">
        <v>59</v>
      </c>
      <c r="H78" s="17" t="s">
        <v>59</v>
      </c>
      <c r="I78" s="17" t="s">
        <v>59</v>
      </c>
      <c r="J78" s="17" t="s">
        <v>59</v>
      </c>
      <c r="K78" s="17" t="s">
        <v>59</v>
      </c>
      <c r="L78" s="17" t="s">
        <v>59</v>
      </c>
      <c r="M78" s="17" t="s">
        <v>59</v>
      </c>
      <c r="N78" s="17" t="s">
        <v>59</v>
      </c>
      <c r="O78" s="17" t="s">
        <v>59</v>
      </c>
      <c r="P78" s="17" t="s">
        <v>59</v>
      </c>
      <c r="Q78" s="17" t="s">
        <v>59</v>
      </c>
      <c r="R78" s="17" t="s">
        <v>59</v>
      </c>
    </row>
    <row r="79" spans="1:18">
      <c r="A79" s="21" t="s">
        <v>448</v>
      </c>
      <c r="B79" s="10"/>
      <c r="C79" s="11"/>
      <c r="D79" s="17" t="s">
        <v>35</v>
      </c>
      <c r="E79" s="17" t="s">
        <v>35</v>
      </c>
      <c r="F79" s="17" t="s">
        <v>35</v>
      </c>
      <c r="G79" s="17" t="s">
        <v>35</v>
      </c>
      <c r="H79" s="17" t="s">
        <v>35</v>
      </c>
      <c r="I79" s="17" t="s">
        <v>35</v>
      </c>
      <c r="J79" s="17" t="s">
        <v>35</v>
      </c>
      <c r="K79" s="17" t="s">
        <v>35</v>
      </c>
      <c r="L79" s="17" t="s">
        <v>35</v>
      </c>
      <c r="M79" s="17" t="s">
        <v>35</v>
      </c>
      <c r="N79" s="17" t="s">
        <v>35</v>
      </c>
      <c r="O79" s="17" t="s">
        <v>35</v>
      </c>
      <c r="P79" s="17" t="s">
        <v>35</v>
      </c>
      <c r="Q79" s="17" t="s">
        <v>35</v>
      </c>
      <c r="R79" s="17" t="s">
        <v>35</v>
      </c>
    </row>
    <row r="80" spans="1:18">
      <c r="A80" s="21" t="s">
        <v>449</v>
      </c>
      <c r="B80" s="10"/>
      <c r="C80" s="11"/>
      <c r="D80" s="17">
        <v>52</v>
      </c>
      <c r="E80" s="17">
        <v>1</v>
      </c>
      <c r="F80" s="17">
        <v>8</v>
      </c>
      <c r="G80" s="17">
        <v>43</v>
      </c>
      <c r="H80" s="17">
        <v>2508</v>
      </c>
      <c r="I80" s="17">
        <v>32</v>
      </c>
      <c r="J80" s="17">
        <v>1</v>
      </c>
      <c r="K80" s="17">
        <v>3</v>
      </c>
      <c r="L80" s="17">
        <v>28</v>
      </c>
      <c r="M80" s="17">
        <v>1650</v>
      </c>
      <c r="N80" s="17">
        <v>20</v>
      </c>
      <c r="O80" s="18" t="s">
        <v>35</v>
      </c>
      <c r="P80" s="17">
        <v>5</v>
      </c>
      <c r="Q80" s="17">
        <v>15</v>
      </c>
      <c r="R80" s="17">
        <v>858</v>
      </c>
    </row>
    <row r="81" spans="1:18">
      <c r="A81" s="21" t="s">
        <v>450</v>
      </c>
      <c r="B81" s="10"/>
      <c r="C81" s="11"/>
      <c r="D81" s="17">
        <v>36</v>
      </c>
      <c r="E81" s="17">
        <v>1</v>
      </c>
      <c r="F81" s="17">
        <v>7</v>
      </c>
      <c r="G81" s="17">
        <v>28</v>
      </c>
      <c r="H81" s="17">
        <v>1607</v>
      </c>
      <c r="I81" s="17">
        <v>22</v>
      </c>
      <c r="J81" s="17">
        <v>1</v>
      </c>
      <c r="K81" s="17">
        <v>3</v>
      </c>
      <c r="L81" s="17">
        <v>18</v>
      </c>
      <c r="M81" s="17">
        <v>1034</v>
      </c>
      <c r="N81" s="17">
        <v>14</v>
      </c>
      <c r="O81" s="18" t="s">
        <v>35</v>
      </c>
      <c r="P81" s="17">
        <v>4</v>
      </c>
      <c r="Q81" s="17">
        <v>10</v>
      </c>
      <c r="R81" s="17">
        <v>573</v>
      </c>
    </row>
    <row r="82" spans="1:18">
      <c r="A82" s="21" t="s">
        <v>451</v>
      </c>
      <c r="B82" s="10"/>
      <c r="C82" s="11"/>
      <c r="D82" s="17">
        <v>10</v>
      </c>
      <c r="E82" s="18" t="s">
        <v>35</v>
      </c>
      <c r="F82" s="17" t="s">
        <v>35</v>
      </c>
      <c r="G82" s="17">
        <v>10</v>
      </c>
      <c r="H82" s="17">
        <v>586</v>
      </c>
      <c r="I82" s="17">
        <v>8</v>
      </c>
      <c r="J82" s="18" t="s">
        <v>35</v>
      </c>
      <c r="K82" s="17" t="s">
        <v>35</v>
      </c>
      <c r="L82" s="17">
        <v>8</v>
      </c>
      <c r="M82" s="17">
        <v>501</v>
      </c>
      <c r="N82" s="17">
        <v>2</v>
      </c>
      <c r="O82" s="18" t="s">
        <v>35</v>
      </c>
      <c r="P82" s="17" t="s">
        <v>35</v>
      </c>
      <c r="Q82" s="17">
        <v>2</v>
      </c>
      <c r="R82" s="17">
        <v>85</v>
      </c>
    </row>
    <row r="83" spans="1:18">
      <c r="A83" s="21" t="s">
        <v>452</v>
      </c>
      <c r="B83" s="10" t="s">
        <v>58</v>
      </c>
      <c r="C83" s="11" t="s">
        <v>453</v>
      </c>
      <c r="D83" s="17" t="s">
        <v>59</v>
      </c>
      <c r="E83" s="18" t="s">
        <v>59</v>
      </c>
      <c r="F83" s="17" t="s">
        <v>59</v>
      </c>
      <c r="G83" s="17" t="s">
        <v>59</v>
      </c>
      <c r="H83" s="17" t="s">
        <v>59</v>
      </c>
      <c r="I83" s="17" t="s">
        <v>59</v>
      </c>
      <c r="J83" s="18" t="s">
        <v>59</v>
      </c>
      <c r="K83" s="17" t="s">
        <v>59</v>
      </c>
      <c r="L83" s="17" t="s">
        <v>59</v>
      </c>
      <c r="M83" s="17" t="s">
        <v>59</v>
      </c>
      <c r="N83" s="17" t="s">
        <v>59</v>
      </c>
      <c r="O83" s="18" t="s">
        <v>59</v>
      </c>
      <c r="P83" s="17" t="s">
        <v>59</v>
      </c>
      <c r="Q83" s="17" t="s">
        <v>59</v>
      </c>
      <c r="R83" s="17" t="s">
        <v>59</v>
      </c>
    </row>
    <row r="84" spans="1:18">
      <c r="A84" s="21" t="s">
        <v>454</v>
      </c>
      <c r="B84" s="10" t="s">
        <v>52</v>
      </c>
      <c r="C84" s="11" t="s">
        <v>453</v>
      </c>
      <c r="D84" s="18">
        <v>6</v>
      </c>
      <c r="E84" s="18" t="s">
        <v>2472</v>
      </c>
      <c r="F84" s="18">
        <v>1</v>
      </c>
      <c r="G84" s="18">
        <v>5</v>
      </c>
      <c r="H84" s="18">
        <v>315</v>
      </c>
      <c r="I84" s="18">
        <v>2</v>
      </c>
      <c r="J84" s="18" t="s">
        <v>2472</v>
      </c>
      <c r="K84" s="18" t="s">
        <v>2472</v>
      </c>
      <c r="L84" s="18">
        <v>2</v>
      </c>
      <c r="M84" s="18">
        <v>115</v>
      </c>
      <c r="N84" s="18">
        <v>4</v>
      </c>
      <c r="O84" s="18" t="s">
        <v>2472</v>
      </c>
      <c r="P84" s="18">
        <v>1</v>
      </c>
      <c r="Q84" s="18">
        <v>3</v>
      </c>
      <c r="R84" s="18">
        <v>200</v>
      </c>
    </row>
    <row r="85" spans="1:18">
      <c r="A85" s="21" t="s">
        <v>455</v>
      </c>
      <c r="B85" s="10" t="s">
        <v>52</v>
      </c>
      <c r="C85" s="11" t="s">
        <v>456</v>
      </c>
      <c r="D85" s="18">
        <v>10</v>
      </c>
      <c r="E85" s="18" t="s">
        <v>2472</v>
      </c>
      <c r="F85" s="18">
        <v>3</v>
      </c>
      <c r="G85" s="18">
        <v>7</v>
      </c>
      <c r="H85" s="18">
        <v>388</v>
      </c>
      <c r="I85" s="18">
        <v>5</v>
      </c>
      <c r="J85" s="18" t="s">
        <v>2472</v>
      </c>
      <c r="K85" s="18">
        <v>1</v>
      </c>
      <c r="L85" s="18">
        <v>4</v>
      </c>
      <c r="M85" s="18">
        <v>208</v>
      </c>
      <c r="N85" s="18">
        <v>5</v>
      </c>
      <c r="O85" s="18" t="s">
        <v>2472</v>
      </c>
      <c r="P85" s="18">
        <v>2</v>
      </c>
      <c r="Q85" s="18">
        <v>3</v>
      </c>
      <c r="R85" s="18">
        <v>180</v>
      </c>
    </row>
    <row r="86" spans="1:18">
      <c r="A86" s="21" t="s">
        <v>457</v>
      </c>
      <c r="B86" s="10"/>
      <c r="C86" s="11"/>
      <c r="D86" s="18" t="s">
        <v>35</v>
      </c>
      <c r="E86" s="18" t="s">
        <v>35</v>
      </c>
      <c r="F86" s="18" t="s">
        <v>35</v>
      </c>
      <c r="G86" s="18" t="s">
        <v>35</v>
      </c>
      <c r="H86" s="18" t="s">
        <v>35</v>
      </c>
      <c r="I86" s="18" t="s">
        <v>35</v>
      </c>
      <c r="J86" s="18" t="s">
        <v>35</v>
      </c>
      <c r="K86" s="18" t="s">
        <v>35</v>
      </c>
      <c r="L86" s="18" t="s">
        <v>35</v>
      </c>
      <c r="M86" s="18" t="s">
        <v>35</v>
      </c>
      <c r="N86" s="18" t="s">
        <v>35</v>
      </c>
      <c r="O86" s="18" t="s">
        <v>35</v>
      </c>
      <c r="P86" s="18" t="s">
        <v>35</v>
      </c>
      <c r="Q86" s="18" t="s">
        <v>35</v>
      </c>
      <c r="R86" s="18" t="s">
        <v>35</v>
      </c>
    </row>
    <row r="87" spans="1:18">
      <c r="A87" s="21" t="s">
        <v>458</v>
      </c>
      <c r="B87" s="10" t="s">
        <v>58</v>
      </c>
      <c r="C87" s="11" t="s">
        <v>456</v>
      </c>
      <c r="D87" s="17" t="s">
        <v>59</v>
      </c>
      <c r="E87" s="17" t="s">
        <v>59</v>
      </c>
      <c r="F87" s="17" t="s">
        <v>59</v>
      </c>
      <c r="G87" s="17" t="s">
        <v>59</v>
      </c>
      <c r="H87" s="17" t="s">
        <v>59</v>
      </c>
      <c r="I87" s="17" t="s">
        <v>59</v>
      </c>
      <c r="J87" s="17" t="s">
        <v>59</v>
      </c>
      <c r="K87" s="17" t="s">
        <v>59</v>
      </c>
      <c r="L87" s="17" t="s">
        <v>59</v>
      </c>
      <c r="M87" s="17" t="s">
        <v>59</v>
      </c>
      <c r="N87" s="17" t="s">
        <v>59</v>
      </c>
      <c r="O87" s="17" t="s">
        <v>59</v>
      </c>
      <c r="P87" s="17" t="s">
        <v>59</v>
      </c>
      <c r="Q87" s="17" t="s">
        <v>59</v>
      </c>
      <c r="R87" s="17" t="s">
        <v>59</v>
      </c>
    </row>
    <row r="88" spans="1:18">
      <c r="A88" s="21" t="s">
        <v>459</v>
      </c>
      <c r="B88" s="10"/>
      <c r="C88" s="11"/>
      <c r="D88" s="17" t="s">
        <v>35</v>
      </c>
      <c r="E88" s="17" t="s">
        <v>35</v>
      </c>
      <c r="F88" s="17" t="s">
        <v>35</v>
      </c>
      <c r="G88" s="17" t="s">
        <v>35</v>
      </c>
      <c r="H88" s="17" t="s">
        <v>35</v>
      </c>
      <c r="I88" s="17" t="s">
        <v>35</v>
      </c>
      <c r="J88" s="17" t="s">
        <v>35</v>
      </c>
      <c r="K88" s="17" t="s">
        <v>35</v>
      </c>
      <c r="L88" s="17" t="s">
        <v>35</v>
      </c>
      <c r="M88" s="17" t="s">
        <v>35</v>
      </c>
      <c r="N88" s="17" t="s">
        <v>35</v>
      </c>
      <c r="O88" s="17" t="s">
        <v>35</v>
      </c>
      <c r="P88" s="17" t="s">
        <v>35</v>
      </c>
      <c r="Q88" s="17" t="s">
        <v>35</v>
      </c>
      <c r="R88" s="17" t="s">
        <v>35</v>
      </c>
    </row>
    <row r="89" spans="1:18">
      <c r="A89" s="21" t="s">
        <v>460</v>
      </c>
      <c r="B89" s="10" t="s">
        <v>58</v>
      </c>
      <c r="C89" s="11" t="s">
        <v>456</v>
      </c>
      <c r="D89" s="17" t="s">
        <v>59</v>
      </c>
      <c r="E89" s="17" t="s">
        <v>59</v>
      </c>
      <c r="F89" s="17" t="s">
        <v>59</v>
      </c>
      <c r="G89" s="17" t="s">
        <v>59</v>
      </c>
      <c r="H89" s="17" t="s">
        <v>59</v>
      </c>
      <c r="I89" s="17" t="s">
        <v>59</v>
      </c>
      <c r="J89" s="17" t="s">
        <v>59</v>
      </c>
      <c r="K89" s="17" t="s">
        <v>59</v>
      </c>
      <c r="L89" s="17" t="s">
        <v>59</v>
      </c>
      <c r="M89" s="17" t="s">
        <v>59</v>
      </c>
      <c r="N89" s="17" t="s">
        <v>59</v>
      </c>
      <c r="O89" s="17" t="s">
        <v>59</v>
      </c>
      <c r="P89" s="17" t="s">
        <v>59</v>
      </c>
      <c r="Q89" s="17" t="s">
        <v>59</v>
      </c>
      <c r="R89" s="17" t="s">
        <v>59</v>
      </c>
    </row>
    <row r="90" spans="1:18">
      <c r="A90" s="21" t="s">
        <v>461</v>
      </c>
      <c r="B90" s="10"/>
      <c r="C90" s="11"/>
      <c r="D90" s="17">
        <v>27</v>
      </c>
      <c r="E90" s="17">
        <v>2</v>
      </c>
      <c r="F90" s="17">
        <v>3</v>
      </c>
      <c r="G90" s="17">
        <v>22</v>
      </c>
      <c r="H90" s="17">
        <v>1276</v>
      </c>
      <c r="I90" s="17">
        <v>13</v>
      </c>
      <c r="J90" s="17" t="s">
        <v>35</v>
      </c>
      <c r="K90" s="17">
        <v>1</v>
      </c>
      <c r="L90" s="17">
        <v>12</v>
      </c>
      <c r="M90" s="17">
        <v>685</v>
      </c>
      <c r="N90" s="17">
        <v>14</v>
      </c>
      <c r="O90" s="17">
        <v>2</v>
      </c>
      <c r="P90" s="17">
        <v>2</v>
      </c>
      <c r="Q90" s="17">
        <v>10</v>
      </c>
      <c r="R90" s="17">
        <v>591</v>
      </c>
    </row>
    <row r="91" spans="1:18">
      <c r="A91" s="21" t="s">
        <v>462</v>
      </c>
      <c r="B91" s="10" t="s">
        <v>52</v>
      </c>
      <c r="C91" s="11" t="s">
        <v>463</v>
      </c>
      <c r="D91" s="17">
        <v>16</v>
      </c>
      <c r="E91" s="17">
        <v>2</v>
      </c>
      <c r="F91" s="17">
        <v>1</v>
      </c>
      <c r="G91" s="17">
        <v>13</v>
      </c>
      <c r="H91" s="17">
        <v>757</v>
      </c>
      <c r="I91" s="17">
        <v>7</v>
      </c>
      <c r="J91" s="17" t="s">
        <v>35</v>
      </c>
      <c r="K91" s="17" t="s">
        <v>35</v>
      </c>
      <c r="L91" s="17">
        <v>7</v>
      </c>
      <c r="M91" s="17">
        <v>389</v>
      </c>
      <c r="N91" s="17">
        <v>9</v>
      </c>
      <c r="O91" s="18">
        <v>2</v>
      </c>
      <c r="P91" s="17">
        <v>1</v>
      </c>
      <c r="Q91" s="17">
        <v>6</v>
      </c>
      <c r="R91" s="17">
        <v>368</v>
      </c>
    </row>
    <row r="92" spans="1:18">
      <c r="A92" s="21" t="s">
        <v>464</v>
      </c>
      <c r="B92" s="10" t="s">
        <v>58</v>
      </c>
      <c r="C92" s="11" t="s">
        <v>463</v>
      </c>
      <c r="D92" s="17" t="s">
        <v>59</v>
      </c>
      <c r="E92" s="17" t="s">
        <v>59</v>
      </c>
      <c r="F92" s="17" t="s">
        <v>59</v>
      </c>
      <c r="G92" s="17" t="s">
        <v>59</v>
      </c>
      <c r="H92" s="17" t="s">
        <v>59</v>
      </c>
      <c r="I92" s="17" t="s">
        <v>59</v>
      </c>
      <c r="J92" s="17" t="s">
        <v>59</v>
      </c>
      <c r="K92" s="17" t="s">
        <v>59</v>
      </c>
      <c r="L92" s="17" t="s">
        <v>59</v>
      </c>
      <c r="M92" s="17" t="s">
        <v>59</v>
      </c>
      <c r="N92" s="17" t="s">
        <v>59</v>
      </c>
      <c r="O92" s="17" t="s">
        <v>59</v>
      </c>
      <c r="P92" s="17" t="s">
        <v>59</v>
      </c>
      <c r="Q92" s="17" t="s">
        <v>59</v>
      </c>
      <c r="R92" s="17" t="s">
        <v>59</v>
      </c>
    </row>
    <row r="93" spans="1:18">
      <c r="A93" s="21" t="s">
        <v>465</v>
      </c>
      <c r="B93" s="10" t="s">
        <v>58</v>
      </c>
      <c r="C93" s="11" t="s">
        <v>463</v>
      </c>
      <c r="D93" s="17" t="s">
        <v>59</v>
      </c>
      <c r="E93" s="17" t="s">
        <v>59</v>
      </c>
      <c r="F93" s="17" t="s">
        <v>59</v>
      </c>
      <c r="G93" s="17" t="s">
        <v>59</v>
      </c>
      <c r="H93" s="17" t="s">
        <v>59</v>
      </c>
      <c r="I93" s="17" t="s">
        <v>59</v>
      </c>
      <c r="J93" s="17" t="s">
        <v>59</v>
      </c>
      <c r="K93" s="17" t="s">
        <v>59</v>
      </c>
      <c r="L93" s="17" t="s">
        <v>59</v>
      </c>
      <c r="M93" s="17" t="s">
        <v>59</v>
      </c>
      <c r="N93" s="17" t="s">
        <v>59</v>
      </c>
      <c r="O93" s="17" t="s">
        <v>59</v>
      </c>
      <c r="P93" s="17" t="s">
        <v>59</v>
      </c>
      <c r="Q93" s="17" t="s">
        <v>59</v>
      </c>
      <c r="R93" s="17" t="s">
        <v>59</v>
      </c>
    </row>
    <row r="94" spans="1:18">
      <c r="A94" s="21" t="s">
        <v>466</v>
      </c>
      <c r="B94" s="10"/>
      <c r="C94" s="11"/>
      <c r="D94" s="17">
        <v>11</v>
      </c>
      <c r="E94" s="17" t="s">
        <v>35</v>
      </c>
      <c r="F94" s="17">
        <v>2</v>
      </c>
      <c r="G94" s="17">
        <v>9</v>
      </c>
      <c r="H94" s="17">
        <v>519</v>
      </c>
      <c r="I94" s="17">
        <v>6</v>
      </c>
      <c r="J94" s="17" t="s">
        <v>35</v>
      </c>
      <c r="K94" s="17">
        <v>1</v>
      </c>
      <c r="L94" s="17">
        <v>5</v>
      </c>
      <c r="M94" s="17">
        <v>296</v>
      </c>
      <c r="N94" s="17">
        <v>5</v>
      </c>
      <c r="O94" s="17" t="s">
        <v>35</v>
      </c>
      <c r="P94" s="17">
        <v>1</v>
      </c>
      <c r="Q94" s="17">
        <v>4</v>
      </c>
      <c r="R94" s="17">
        <v>223</v>
      </c>
    </row>
    <row r="95" spans="1:18">
      <c r="A95" s="21" t="s">
        <v>467</v>
      </c>
      <c r="B95" s="10"/>
      <c r="C95" s="11"/>
      <c r="D95" s="17">
        <v>95</v>
      </c>
      <c r="E95" s="17">
        <v>3</v>
      </c>
      <c r="F95" s="17">
        <v>19</v>
      </c>
      <c r="G95" s="17">
        <v>72</v>
      </c>
      <c r="H95" s="17">
        <v>3855</v>
      </c>
      <c r="I95" s="17">
        <v>41</v>
      </c>
      <c r="J95" s="17" t="s">
        <v>35</v>
      </c>
      <c r="K95" s="17">
        <v>5</v>
      </c>
      <c r="L95" s="17">
        <v>35</v>
      </c>
      <c r="M95" s="17">
        <v>1859</v>
      </c>
      <c r="N95" s="17">
        <v>54</v>
      </c>
      <c r="O95" s="17">
        <v>3</v>
      </c>
      <c r="P95" s="17">
        <v>14</v>
      </c>
      <c r="Q95" s="17">
        <v>37</v>
      </c>
      <c r="R95" s="17">
        <v>1996</v>
      </c>
    </row>
    <row r="96" spans="1:18">
      <c r="A96" s="21" t="s">
        <v>468</v>
      </c>
      <c r="B96" s="10"/>
      <c r="C96" s="11"/>
      <c r="D96" s="17">
        <v>32</v>
      </c>
      <c r="E96" s="17">
        <v>2</v>
      </c>
      <c r="F96" s="17">
        <v>6</v>
      </c>
      <c r="G96" s="17">
        <v>24</v>
      </c>
      <c r="H96" s="17">
        <v>1370</v>
      </c>
      <c r="I96" s="17">
        <v>14</v>
      </c>
      <c r="J96" s="17" t="s">
        <v>35</v>
      </c>
      <c r="K96" s="17">
        <v>2</v>
      </c>
      <c r="L96" s="17">
        <v>12</v>
      </c>
      <c r="M96" s="17">
        <v>680</v>
      </c>
      <c r="N96" s="17">
        <v>18</v>
      </c>
      <c r="O96" s="17">
        <v>2</v>
      </c>
      <c r="P96" s="17">
        <v>4</v>
      </c>
      <c r="Q96" s="17">
        <v>12</v>
      </c>
      <c r="R96" s="17">
        <v>690</v>
      </c>
    </row>
    <row r="97" spans="1:18">
      <c r="A97" s="21" t="s">
        <v>469</v>
      </c>
      <c r="B97" s="10"/>
      <c r="C97" s="11"/>
      <c r="D97" s="17">
        <v>13</v>
      </c>
      <c r="E97" s="17">
        <v>1</v>
      </c>
      <c r="F97" s="17">
        <v>2</v>
      </c>
      <c r="G97" s="17">
        <v>10</v>
      </c>
      <c r="H97" s="17">
        <v>535</v>
      </c>
      <c r="I97" s="17">
        <v>5</v>
      </c>
      <c r="J97" s="17" t="s">
        <v>35</v>
      </c>
      <c r="K97" s="17">
        <v>1</v>
      </c>
      <c r="L97" s="17">
        <v>4</v>
      </c>
      <c r="M97" s="17">
        <v>176</v>
      </c>
      <c r="N97" s="17">
        <v>8</v>
      </c>
      <c r="O97" s="17">
        <v>1</v>
      </c>
      <c r="P97" s="17">
        <v>1</v>
      </c>
      <c r="Q97" s="17">
        <v>6</v>
      </c>
      <c r="R97" s="17">
        <v>359</v>
      </c>
    </row>
    <row r="98" spans="1:18">
      <c r="A98" s="21" t="s">
        <v>470</v>
      </c>
      <c r="B98" s="10"/>
      <c r="C98" s="11"/>
      <c r="D98" s="17">
        <v>28</v>
      </c>
      <c r="E98" s="17" t="s">
        <v>35</v>
      </c>
      <c r="F98" s="17">
        <v>7</v>
      </c>
      <c r="G98" s="17">
        <v>20</v>
      </c>
      <c r="H98" s="17">
        <v>1017</v>
      </c>
      <c r="I98" s="17">
        <v>14</v>
      </c>
      <c r="J98" s="17" t="s">
        <v>35</v>
      </c>
      <c r="K98" s="17">
        <v>2</v>
      </c>
      <c r="L98" s="17">
        <v>11</v>
      </c>
      <c r="M98" s="17">
        <v>589</v>
      </c>
      <c r="N98" s="17">
        <v>14</v>
      </c>
      <c r="O98" s="17" t="s">
        <v>35</v>
      </c>
      <c r="P98" s="17">
        <v>5</v>
      </c>
      <c r="Q98" s="17">
        <v>9</v>
      </c>
      <c r="R98" s="17">
        <v>428</v>
      </c>
    </row>
    <row r="99" spans="1:18">
      <c r="A99" s="21" t="s">
        <v>471</v>
      </c>
      <c r="B99" s="10"/>
      <c r="C99" s="11"/>
      <c r="D99" s="17">
        <v>22</v>
      </c>
      <c r="E99" s="17" t="s">
        <v>35</v>
      </c>
      <c r="F99" s="17">
        <v>4</v>
      </c>
      <c r="G99" s="17">
        <v>18</v>
      </c>
      <c r="H99" s="17">
        <v>933</v>
      </c>
      <c r="I99" s="17">
        <v>8</v>
      </c>
      <c r="J99" s="17" t="s">
        <v>35</v>
      </c>
      <c r="K99" s="17" t="s">
        <v>35</v>
      </c>
      <c r="L99" s="17">
        <v>8</v>
      </c>
      <c r="M99" s="17">
        <v>414</v>
      </c>
      <c r="N99" s="17">
        <v>14</v>
      </c>
      <c r="O99" s="17" t="s">
        <v>35</v>
      </c>
      <c r="P99" s="17">
        <v>4</v>
      </c>
      <c r="Q99" s="17">
        <v>10</v>
      </c>
      <c r="R99" s="17">
        <v>519</v>
      </c>
    </row>
    <row r="100" spans="1:18">
      <c r="A100" s="21" t="s">
        <v>472</v>
      </c>
      <c r="B100" s="10"/>
      <c r="C100" s="11"/>
      <c r="D100" s="17">
        <v>103</v>
      </c>
      <c r="E100" s="17">
        <v>2</v>
      </c>
      <c r="F100" s="17">
        <v>23</v>
      </c>
      <c r="G100" s="17">
        <v>78</v>
      </c>
      <c r="H100" s="17">
        <v>4504</v>
      </c>
      <c r="I100" s="17">
        <v>51</v>
      </c>
      <c r="J100" s="17">
        <v>2</v>
      </c>
      <c r="K100" s="17">
        <v>6</v>
      </c>
      <c r="L100" s="17">
        <v>43</v>
      </c>
      <c r="M100" s="17">
        <v>2430</v>
      </c>
      <c r="N100" s="17">
        <v>52</v>
      </c>
      <c r="O100" s="17" t="s">
        <v>35</v>
      </c>
      <c r="P100" s="17">
        <v>17</v>
      </c>
      <c r="Q100" s="17">
        <v>35</v>
      </c>
      <c r="R100" s="17">
        <v>2074</v>
      </c>
    </row>
    <row r="101" spans="1:18">
      <c r="A101" s="21" t="s">
        <v>473</v>
      </c>
      <c r="B101" s="10"/>
      <c r="C101" s="11"/>
      <c r="D101" s="17">
        <v>46</v>
      </c>
      <c r="E101" s="17">
        <v>1</v>
      </c>
      <c r="F101" s="17">
        <v>12</v>
      </c>
      <c r="G101" s="17">
        <v>33</v>
      </c>
      <c r="H101" s="17">
        <v>1921</v>
      </c>
      <c r="I101" s="17">
        <v>20</v>
      </c>
      <c r="J101" s="17">
        <v>1</v>
      </c>
      <c r="K101" s="17">
        <v>2</v>
      </c>
      <c r="L101" s="17">
        <v>17</v>
      </c>
      <c r="M101" s="17">
        <v>878</v>
      </c>
      <c r="N101" s="17">
        <v>26</v>
      </c>
      <c r="O101" s="17" t="s">
        <v>35</v>
      </c>
      <c r="P101" s="17">
        <v>10</v>
      </c>
      <c r="Q101" s="17">
        <v>16</v>
      </c>
      <c r="R101" s="17">
        <v>1043</v>
      </c>
    </row>
    <row r="102" spans="1:18">
      <c r="A102" s="21" t="s">
        <v>474</v>
      </c>
      <c r="B102" s="10"/>
      <c r="C102" s="11"/>
      <c r="D102" s="17">
        <v>47</v>
      </c>
      <c r="E102" s="18" t="s">
        <v>35</v>
      </c>
      <c r="F102" s="17">
        <v>9</v>
      </c>
      <c r="G102" s="17">
        <v>38</v>
      </c>
      <c r="H102" s="17">
        <v>2215</v>
      </c>
      <c r="I102" s="17">
        <v>25</v>
      </c>
      <c r="J102" s="18" t="s">
        <v>35</v>
      </c>
      <c r="K102" s="17">
        <v>3</v>
      </c>
      <c r="L102" s="17">
        <v>22</v>
      </c>
      <c r="M102" s="17">
        <v>1351</v>
      </c>
      <c r="N102" s="17">
        <v>22</v>
      </c>
      <c r="O102" s="18" t="s">
        <v>35</v>
      </c>
      <c r="P102" s="17">
        <v>6</v>
      </c>
      <c r="Q102" s="17">
        <v>16</v>
      </c>
      <c r="R102" s="17">
        <v>864</v>
      </c>
    </row>
    <row r="103" spans="1:18">
      <c r="A103" s="21" t="s">
        <v>475</v>
      </c>
      <c r="B103" s="10" t="s">
        <v>52</v>
      </c>
      <c r="C103" s="11" t="s">
        <v>476</v>
      </c>
      <c r="D103" s="17">
        <v>10</v>
      </c>
      <c r="E103" s="17">
        <v>1</v>
      </c>
      <c r="F103" s="17">
        <v>2</v>
      </c>
      <c r="G103" s="17">
        <v>7</v>
      </c>
      <c r="H103" s="17">
        <v>368</v>
      </c>
      <c r="I103" s="17">
        <v>6</v>
      </c>
      <c r="J103" s="17">
        <v>1</v>
      </c>
      <c r="K103" s="17">
        <v>1</v>
      </c>
      <c r="L103" s="17">
        <v>4</v>
      </c>
      <c r="M103" s="17">
        <v>201</v>
      </c>
      <c r="N103" s="17">
        <v>4</v>
      </c>
      <c r="O103" s="17" t="s">
        <v>35</v>
      </c>
      <c r="P103" s="17">
        <v>1</v>
      </c>
      <c r="Q103" s="17">
        <v>3</v>
      </c>
      <c r="R103" s="17">
        <v>167</v>
      </c>
    </row>
    <row r="104" spans="1:18">
      <c r="A104" s="21" t="s">
        <v>477</v>
      </c>
      <c r="B104" s="10" t="s">
        <v>58</v>
      </c>
      <c r="C104" s="11" t="s">
        <v>476</v>
      </c>
      <c r="D104" s="17" t="s">
        <v>59</v>
      </c>
      <c r="E104" s="17" t="s">
        <v>59</v>
      </c>
      <c r="F104" s="17" t="s">
        <v>59</v>
      </c>
      <c r="G104" s="17" t="s">
        <v>59</v>
      </c>
      <c r="H104" s="17" t="s">
        <v>59</v>
      </c>
      <c r="I104" s="17" t="s">
        <v>59</v>
      </c>
      <c r="J104" s="17" t="s">
        <v>59</v>
      </c>
      <c r="K104" s="17" t="s">
        <v>59</v>
      </c>
      <c r="L104" s="17" t="s">
        <v>59</v>
      </c>
      <c r="M104" s="17" t="s">
        <v>59</v>
      </c>
      <c r="N104" s="17" t="s">
        <v>59</v>
      </c>
      <c r="O104" s="17" t="s">
        <v>59</v>
      </c>
      <c r="P104" s="17" t="s">
        <v>59</v>
      </c>
      <c r="Q104" s="17" t="s">
        <v>59</v>
      </c>
      <c r="R104" s="17" t="s">
        <v>59</v>
      </c>
    </row>
    <row r="105" spans="1:18">
      <c r="A105" s="21" t="s">
        <v>478</v>
      </c>
      <c r="B105" s="10"/>
      <c r="C105" s="11"/>
      <c r="D105" s="17">
        <v>402</v>
      </c>
      <c r="E105" s="17">
        <v>9</v>
      </c>
      <c r="F105" s="17">
        <v>69</v>
      </c>
      <c r="G105" s="17">
        <v>324</v>
      </c>
      <c r="H105" s="17">
        <v>17231</v>
      </c>
      <c r="I105" s="17">
        <v>225</v>
      </c>
      <c r="J105" s="17">
        <v>3</v>
      </c>
      <c r="K105" s="17">
        <v>22</v>
      </c>
      <c r="L105" s="17">
        <v>200</v>
      </c>
      <c r="M105" s="17">
        <v>10625</v>
      </c>
      <c r="N105" s="17">
        <v>177</v>
      </c>
      <c r="O105" s="17">
        <v>6</v>
      </c>
      <c r="P105" s="17">
        <v>47</v>
      </c>
      <c r="Q105" s="17">
        <v>124</v>
      </c>
      <c r="R105" s="17">
        <v>6606</v>
      </c>
    </row>
    <row r="106" spans="1:18">
      <c r="A106" s="21" t="s">
        <v>479</v>
      </c>
      <c r="B106" s="10"/>
      <c r="C106" s="11"/>
      <c r="D106" s="17">
        <v>367</v>
      </c>
      <c r="E106" s="17">
        <v>8</v>
      </c>
      <c r="F106" s="17">
        <v>61</v>
      </c>
      <c r="G106" s="17">
        <v>298</v>
      </c>
      <c r="H106" s="17">
        <v>15819</v>
      </c>
      <c r="I106" s="17">
        <v>207</v>
      </c>
      <c r="J106" s="17">
        <v>2</v>
      </c>
      <c r="K106" s="17">
        <v>19</v>
      </c>
      <c r="L106" s="17">
        <v>186</v>
      </c>
      <c r="M106" s="17">
        <v>9853</v>
      </c>
      <c r="N106" s="17">
        <v>160</v>
      </c>
      <c r="O106" s="17">
        <v>6</v>
      </c>
      <c r="P106" s="17">
        <v>42</v>
      </c>
      <c r="Q106" s="17">
        <v>112</v>
      </c>
      <c r="R106" s="17">
        <v>5966</v>
      </c>
    </row>
    <row r="107" spans="1:18">
      <c r="A107" s="21" t="s">
        <v>480</v>
      </c>
      <c r="B107" s="10" t="s">
        <v>52</v>
      </c>
      <c r="C107" s="11" t="s">
        <v>481</v>
      </c>
      <c r="D107" s="17">
        <v>19</v>
      </c>
      <c r="E107" s="17" t="s">
        <v>35</v>
      </c>
      <c r="F107" s="17">
        <v>3</v>
      </c>
      <c r="G107" s="17">
        <v>16</v>
      </c>
      <c r="H107" s="17">
        <v>821</v>
      </c>
      <c r="I107" s="17">
        <v>9</v>
      </c>
      <c r="J107" s="17" t="s">
        <v>35</v>
      </c>
      <c r="K107" s="17" t="s">
        <v>35</v>
      </c>
      <c r="L107" s="17">
        <v>9</v>
      </c>
      <c r="M107" s="17">
        <v>430</v>
      </c>
      <c r="N107" s="17">
        <v>10</v>
      </c>
      <c r="O107" s="17" t="s">
        <v>35</v>
      </c>
      <c r="P107" s="17">
        <v>3</v>
      </c>
      <c r="Q107" s="17">
        <v>7</v>
      </c>
      <c r="R107" s="17">
        <v>391</v>
      </c>
    </row>
    <row r="108" spans="1:18">
      <c r="A108" s="21" t="s">
        <v>482</v>
      </c>
      <c r="B108" s="10" t="s">
        <v>58</v>
      </c>
      <c r="C108" s="11" t="s">
        <v>481</v>
      </c>
      <c r="D108" s="17" t="s">
        <v>59</v>
      </c>
      <c r="E108" s="17" t="s">
        <v>59</v>
      </c>
      <c r="F108" s="17" t="s">
        <v>59</v>
      </c>
      <c r="G108" s="17" t="s">
        <v>59</v>
      </c>
      <c r="H108" s="17" t="s">
        <v>59</v>
      </c>
      <c r="I108" s="17" t="s">
        <v>59</v>
      </c>
      <c r="J108" s="17" t="s">
        <v>59</v>
      </c>
      <c r="K108" s="17" t="s">
        <v>59</v>
      </c>
      <c r="L108" s="17" t="s">
        <v>59</v>
      </c>
      <c r="M108" s="17" t="s">
        <v>59</v>
      </c>
      <c r="N108" s="17" t="s">
        <v>59</v>
      </c>
      <c r="O108" s="17" t="s">
        <v>59</v>
      </c>
      <c r="P108" s="17" t="s">
        <v>59</v>
      </c>
      <c r="Q108" s="17" t="s">
        <v>59</v>
      </c>
      <c r="R108" s="17" t="s">
        <v>59</v>
      </c>
    </row>
    <row r="109" spans="1:18">
      <c r="A109" s="21" t="s">
        <v>483</v>
      </c>
      <c r="B109" s="10"/>
      <c r="C109" s="11"/>
      <c r="D109" s="17">
        <v>16</v>
      </c>
      <c r="E109" s="17">
        <v>1</v>
      </c>
      <c r="F109" s="17">
        <v>5</v>
      </c>
      <c r="G109" s="17">
        <v>10</v>
      </c>
      <c r="H109" s="17">
        <v>591</v>
      </c>
      <c r="I109" s="17">
        <v>9</v>
      </c>
      <c r="J109" s="17">
        <v>1</v>
      </c>
      <c r="K109" s="17">
        <v>3</v>
      </c>
      <c r="L109" s="17">
        <v>5</v>
      </c>
      <c r="M109" s="17">
        <v>342</v>
      </c>
      <c r="N109" s="17">
        <v>7</v>
      </c>
      <c r="O109" s="17" t="s">
        <v>35</v>
      </c>
      <c r="P109" s="17">
        <v>2</v>
      </c>
      <c r="Q109" s="17">
        <v>5</v>
      </c>
      <c r="R109" s="17">
        <v>249</v>
      </c>
    </row>
    <row r="110" spans="1:18">
      <c r="A110" s="21" t="s">
        <v>484</v>
      </c>
      <c r="B110" s="10" t="s">
        <v>52</v>
      </c>
      <c r="C110" s="11" t="s">
        <v>485</v>
      </c>
      <c r="D110" s="17">
        <v>48</v>
      </c>
      <c r="E110" s="17">
        <v>1</v>
      </c>
      <c r="F110" s="17">
        <v>15</v>
      </c>
      <c r="G110" s="17">
        <v>32</v>
      </c>
      <c r="H110" s="17">
        <v>1861</v>
      </c>
      <c r="I110" s="17">
        <v>24</v>
      </c>
      <c r="J110" s="17">
        <v>1</v>
      </c>
      <c r="K110" s="17">
        <v>6</v>
      </c>
      <c r="L110" s="17">
        <v>17</v>
      </c>
      <c r="M110" s="17">
        <v>965</v>
      </c>
      <c r="N110" s="17">
        <v>24</v>
      </c>
      <c r="O110" s="17" t="s">
        <v>35</v>
      </c>
      <c r="P110" s="17">
        <v>9</v>
      </c>
      <c r="Q110" s="17">
        <v>15</v>
      </c>
      <c r="R110" s="17">
        <v>896</v>
      </c>
    </row>
    <row r="111" spans="1:18">
      <c r="A111" s="21" t="s">
        <v>486</v>
      </c>
      <c r="B111" s="10" t="s">
        <v>58</v>
      </c>
      <c r="C111" s="11" t="s">
        <v>485</v>
      </c>
      <c r="D111" s="17" t="s">
        <v>59</v>
      </c>
      <c r="E111" s="17" t="s">
        <v>59</v>
      </c>
      <c r="F111" s="17" t="s">
        <v>59</v>
      </c>
      <c r="G111" s="17" t="s">
        <v>59</v>
      </c>
      <c r="H111" s="17" t="s">
        <v>59</v>
      </c>
      <c r="I111" s="17" t="s">
        <v>59</v>
      </c>
      <c r="J111" s="17" t="s">
        <v>59</v>
      </c>
      <c r="K111" s="17" t="s">
        <v>59</v>
      </c>
      <c r="L111" s="17" t="s">
        <v>59</v>
      </c>
      <c r="M111" s="17" t="s">
        <v>59</v>
      </c>
      <c r="N111" s="17" t="s">
        <v>59</v>
      </c>
      <c r="O111" s="17" t="s">
        <v>59</v>
      </c>
      <c r="P111" s="17" t="s">
        <v>59</v>
      </c>
      <c r="Q111" s="17" t="s">
        <v>59</v>
      </c>
      <c r="R111" s="17" t="s">
        <v>59</v>
      </c>
    </row>
    <row r="112" spans="1:18">
      <c r="A112" s="21" t="s">
        <v>487</v>
      </c>
      <c r="B112" s="10"/>
      <c r="C112" s="11"/>
      <c r="D112" s="17" t="s">
        <v>35</v>
      </c>
      <c r="E112" s="17" t="s">
        <v>35</v>
      </c>
      <c r="F112" s="17" t="s">
        <v>35</v>
      </c>
      <c r="G112" s="17" t="s">
        <v>35</v>
      </c>
      <c r="H112" s="17" t="s">
        <v>35</v>
      </c>
      <c r="I112" s="17" t="s">
        <v>35</v>
      </c>
      <c r="J112" s="17" t="s">
        <v>35</v>
      </c>
      <c r="K112" s="17" t="s">
        <v>35</v>
      </c>
      <c r="L112" s="17" t="s">
        <v>35</v>
      </c>
      <c r="M112" s="17" t="s">
        <v>35</v>
      </c>
      <c r="N112" s="17" t="s">
        <v>35</v>
      </c>
      <c r="O112" s="17" t="s">
        <v>35</v>
      </c>
      <c r="P112" s="17" t="s">
        <v>35</v>
      </c>
      <c r="Q112" s="17" t="s">
        <v>35</v>
      </c>
      <c r="R112" s="17" t="s">
        <v>35</v>
      </c>
    </row>
    <row r="113" spans="1:18">
      <c r="A113" s="21" t="s">
        <v>488</v>
      </c>
      <c r="B113" s="10" t="s">
        <v>58</v>
      </c>
      <c r="C113" s="11" t="s">
        <v>485</v>
      </c>
      <c r="D113" s="17" t="s">
        <v>59</v>
      </c>
      <c r="E113" s="17" t="s">
        <v>59</v>
      </c>
      <c r="F113" s="17" t="s">
        <v>59</v>
      </c>
      <c r="G113" s="17" t="s">
        <v>59</v>
      </c>
      <c r="H113" s="17" t="s">
        <v>59</v>
      </c>
      <c r="I113" s="17" t="s">
        <v>59</v>
      </c>
      <c r="J113" s="17" t="s">
        <v>59</v>
      </c>
      <c r="K113" s="17" t="s">
        <v>59</v>
      </c>
      <c r="L113" s="17" t="s">
        <v>59</v>
      </c>
      <c r="M113" s="17" t="s">
        <v>59</v>
      </c>
      <c r="N113" s="17" t="s">
        <v>59</v>
      </c>
      <c r="O113" s="17" t="s">
        <v>59</v>
      </c>
      <c r="P113" s="17" t="s">
        <v>59</v>
      </c>
      <c r="Q113" s="17" t="s">
        <v>59</v>
      </c>
      <c r="R113" s="17" t="s">
        <v>59</v>
      </c>
    </row>
    <row r="114" spans="1:18">
      <c r="A114" s="21" t="s">
        <v>489</v>
      </c>
      <c r="B114" s="10" t="s">
        <v>58</v>
      </c>
      <c r="C114" s="11" t="s">
        <v>485</v>
      </c>
      <c r="D114" s="18" t="s">
        <v>59</v>
      </c>
      <c r="E114" s="18" t="s">
        <v>59</v>
      </c>
      <c r="F114" s="18" t="s">
        <v>59</v>
      </c>
      <c r="G114" s="18" t="s">
        <v>59</v>
      </c>
      <c r="H114" s="18" t="s">
        <v>59</v>
      </c>
      <c r="I114" s="18" t="s">
        <v>59</v>
      </c>
      <c r="J114" s="18" t="s">
        <v>59</v>
      </c>
      <c r="K114" s="18" t="s">
        <v>59</v>
      </c>
      <c r="L114" s="18" t="s">
        <v>59</v>
      </c>
      <c r="M114" s="18" t="s">
        <v>59</v>
      </c>
      <c r="N114" s="18" t="s">
        <v>59</v>
      </c>
      <c r="O114" s="18" t="s">
        <v>59</v>
      </c>
      <c r="P114" s="18" t="s">
        <v>59</v>
      </c>
      <c r="Q114" s="18" t="s">
        <v>59</v>
      </c>
      <c r="R114" s="18" t="s">
        <v>59</v>
      </c>
    </row>
    <row r="115" spans="1:18">
      <c r="A115" s="21" t="s">
        <v>490</v>
      </c>
      <c r="B115" s="10"/>
      <c r="C115" s="11"/>
      <c r="D115" s="18">
        <v>107</v>
      </c>
      <c r="E115" s="18" t="s">
        <v>35</v>
      </c>
      <c r="F115" s="18">
        <v>26</v>
      </c>
      <c r="G115" s="18">
        <v>81</v>
      </c>
      <c r="H115" s="18">
        <v>4493</v>
      </c>
      <c r="I115" s="18">
        <v>57</v>
      </c>
      <c r="J115" s="18" t="s">
        <v>35</v>
      </c>
      <c r="K115" s="18">
        <v>5</v>
      </c>
      <c r="L115" s="18">
        <v>52</v>
      </c>
      <c r="M115" s="18">
        <v>2781</v>
      </c>
      <c r="N115" s="18">
        <v>50</v>
      </c>
      <c r="O115" s="18" t="s">
        <v>35</v>
      </c>
      <c r="P115" s="18">
        <v>21</v>
      </c>
      <c r="Q115" s="18">
        <v>29</v>
      </c>
      <c r="R115" s="18">
        <v>1712</v>
      </c>
    </row>
    <row r="116" spans="1:18">
      <c r="A116" s="21" t="s">
        <v>491</v>
      </c>
      <c r="B116" s="10" t="s">
        <v>52</v>
      </c>
      <c r="C116" s="11" t="s">
        <v>492</v>
      </c>
      <c r="D116" s="17">
        <v>64</v>
      </c>
      <c r="E116" s="17" t="s">
        <v>35</v>
      </c>
      <c r="F116" s="17">
        <v>19</v>
      </c>
      <c r="G116" s="17">
        <v>45</v>
      </c>
      <c r="H116" s="17">
        <v>2635</v>
      </c>
      <c r="I116" s="17">
        <v>35</v>
      </c>
      <c r="J116" s="17" t="s">
        <v>35</v>
      </c>
      <c r="K116" s="17">
        <v>5</v>
      </c>
      <c r="L116" s="17">
        <v>30</v>
      </c>
      <c r="M116" s="17">
        <v>1652</v>
      </c>
      <c r="N116" s="17">
        <v>29</v>
      </c>
      <c r="O116" s="17" t="s">
        <v>35</v>
      </c>
      <c r="P116" s="17">
        <v>14</v>
      </c>
      <c r="Q116" s="17">
        <v>15</v>
      </c>
      <c r="R116" s="17">
        <v>983</v>
      </c>
    </row>
    <row r="117" spans="1:18">
      <c r="A117" s="21" t="s">
        <v>493</v>
      </c>
      <c r="B117" s="10" t="s">
        <v>58</v>
      </c>
      <c r="C117" s="11" t="s">
        <v>492</v>
      </c>
      <c r="D117" s="17" t="s">
        <v>59</v>
      </c>
      <c r="E117" s="18" t="s">
        <v>59</v>
      </c>
      <c r="F117" s="17" t="s">
        <v>59</v>
      </c>
      <c r="G117" s="17" t="s">
        <v>59</v>
      </c>
      <c r="H117" s="17" t="s">
        <v>59</v>
      </c>
      <c r="I117" s="17" t="s">
        <v>59</v>
      </c>
      <c r="J117" s="18" t="s">
        <v>59</v>
      </c>
      <c r="K117" s="17" t="s">
        <v>59</v>
      </c>
      <c r="L117" s="17" t="s">
        <v>59</v>
      </c>
      <c r="M117" s="17" t="s">
        <v>59</v>
      </c>
      <c r="N117" s="17" t="s">
        <v>59</v>
      </c>
      <c r="O117" s="18" t="s">
        <v>59</v>
      </c>
      <c r="P117" s="17" t="s">
        <v>59</v>
      </c>
      <c r="Q117" s="17" t="s">
        <v>59</v>
      </c>
      <c r="R117" s="17" t="s">
        <v>59</v>
      </c>
    </row>
    <row r="118" spans="1:18">
      <c r="A118" s="21" t="s">
        <v>494</v>
      </c>
      <c r="B118" s="10"/>
      <c r="C118" s="11"/>
      <c r="D118" s="17">
        <v>43</v>
      </c>
      <c r="E118" s="17" t="s">
        <v>35</v>
      </c>
      <c r="F118" s="17">
        <v>7</v>
      </c>
      <c r="G118" s="17">
        <v>36</v>
      </c>
      <c r="H118" s="17">
        <v>1858</v>
      </c>
      <c r="I118" s="17">
        <v>22</v>
      </c>
      <c r="J118" s="18" t="s">
        <v>35</v>
      </c>
      <c r="K118" s="17" t="s">
        <v>35</v>
      </c>
      <c r="L118" s="17">
        <v>22</v>
      </c>
      <c r="M118" s="17">
        <v>1129</v>
      </c>
      <c r="N118" s="17">
        <v>21</v>
      </c>
      <c r="O118" s="17" t="s">
        <v>35</v>
      </c>
      <c r="P118" s="17">
        <v>7</v>
      </c>
      <c r="Q118" s="17">
        <v>14</v>
      </c>
      <c r="R118" s="17">
        <v>729</v>
      </c>
    </row>
    <row r="119" spans="1:18">
      <c r="A119" s="21" t="s">
        <v>495</v>
      </c>
      <c r="B119" s="10"/>
      <c r="C119" s="11"/>
      <c r="D119" s="17">
        <v>36</v>
      </c>
      <c r="E119" s="18" t="s">
        <v>35</v>
      </c>
      <c r="F119" s="17">
        <v>6</v>
      </c>
      <c r="G119" s="17">
        <v>30</v>
      </c>
      <c r="H119" s="17">
        <v>1548</v>
      </c>
      <c r="I119" s="17">
        <v>21</v>
      </c>
      <c r="J119" s="18" t="s">
        <v>35</v>
      </c>
      <c r="K119" s="17">
        <v>1</v>
      </c>
      <c r="L119" s="17">
        <v>20</v>
      </c>
      <c r="M119" s="17">
        <v>1010</v>
      </c>
      <c r="N119" s="17">
        <v>15</v>
      </c>
      <c r="O119" s="18" t="s">
        <v>35</v>
      </c>
      <c r="P119" s="17">
        <v>5</v>
      </c>
      <c r="Q119" s="17">
        <v>10</v>
      </c>
      <c r="R119" s="17">
        <v>538</v>
      </c>
    </row>
    <row r="120" spans="1:18">
      <c r="A120" s="21" t="s">
        <v>496</v>
      </c>
      <c r="B120" s="10" t="s">
        <v>52</v>
      </c>
      <c r="C120" s="11" t="s">
        <v>497</v>
      </c>
      <c r="D120" s="17">
        <v>16</v>
      </c>
      <c r="E120" s="17" t="s">
        <v>35</v>
      </c>
      <c r="F120" s="17">
        <v>2</v>
      </c>
      <c r="G120" s="17">
        <v>14</v>
      </c>
      <c r="H120" s="17">
        <v>664</v>
      </c>
      <c r="I120" s="17">
        <v>10</v>
      </c>
      <c r="J120" s="17" t="s">
        <v>35</v>
      </c>
      <c r="K120" s="17">
        <v>1</v>
      </c>
      <c r="L120" s="17">
        <v>9</v>
      </c>
      <c r="M120" s="17">
        <v>446</v>
      </c>
      <c r="N120" s="17">
        <v>6</v>
      </c>
      <c r="O120" s="17" t="s">
        <v>35</v>
      </c>
      <c r="P120" s="17">
        <v>1</v>
      </c>
      <c r="Q120" s="17">
        <v>5</v>
      </c>
      <c r="R120" s="17">
        <v>218</v>
      </c>
    </row>
    <row r="121" spans="1:18">
      <c r="A121" s="21" t="s">
        <v>498</v>
      </c>
      <c r="B121" s="10"/>
      <c r="C121" s="11"/>
      <c r="D121" s="17" t="s">
        <v>35</v>
      </c>
      <c r="E121" s="17" t="s">
        <v>35</v>
      </c>
      <c r="F121" s="17" t="s">
        <v>35</v>
      </c>
      <c r="G121" s="17" t="s">
        <v>35</v>
      </c>
      <c r="H121" s="17" t="s">
        <v>35</v>
      </c>
      <c r="I121" s="17" t="s">
        <v>35</v>
      </c>
      <c r="J121" s="17" t="s">
        <v>35</v>
      </c>
      <c r="K121" s="17" t="s">
        <v>35</v>
      </c>
      <c r="L121" s="17" t="s">
        <v>35</v>
      </c>
      <c r="M121" s="17" t="s">
        <v>35</v>
      </c>
      <c r="N121" s="17" t="s">
        <v>35</v>
      </c>
      <c r="O121" s="17" t="s">
        <v>35</v>
      </c>
      <c r="P121" s="17" t="s">
        <v>35</v>
      </c>
      <c r="Q121" s="17" t="s">
        <v>35</v>
      </c>
      <c r="R121" s="17" t="s">
        <v>35</v>
      </c>
    </row>
    <row r="122" spans="1:18">
      <c r="A122" s="21" t="s">
        <v>499</v>
      </c>
      <c r="B122" s="10" t="s">
        <v>58</v>
      </c>
      <c r="C122" s="11" t="s">
        <v>497</v>
      </c>
      <c r="D122" s="17" t="s">
        <v>59</v>
      </c>
      <c r="E122" s="17" t="s">
        <v>59</v>
      </c>
      <c r="F122" s="17" t="s">
        <v>59</v>
      </c>
      <c r="G122" s="17" t="s">
        <v>59</v>
      </c>
      <c r="H122" s="17" t="s">
        <v>59</v>
      </c>
      <c r="I122" s="17" t="s">
        <v>59</v>
      </c>
      <c r="J122" s="17" t="s">
        <v>59</v>
      </c>
      <c r="K122" s="17" t="s">
        <v>59</v>
      </c>
      <c r="L122" s="17" t="s">
        <v>59</v>
      </c>
      <c r="M122" s="17" t="s">
        <v>59</v>
      </c>
      <c r="N122" s="17" t="s">
        <v>59</v>
      </c>
      <c r="O122" s="17" t="s">
        <v>59</v>
      </c>
      <c r="P122" s="17" t="s">
        <v>59</v>
      </c>
      <c r="Q122" s="17" t="s">
        <v>59</v>
      </c>
      <c r="R122" s="17" t="s">
        <v>59</v>
      </c>
    </row>
    <row r="123" spans="1:18">
      <c r="A123" s="21" t="s">
        <v>500</v>
      </c>
      <c r="B123" s="10"/>
      <c r="C123" s="11"/>
      <c r="D123" s="17">
        <v>20</v>
      </c>
      <c r="E123" s="17" t="s">
        <v>35</v>
      </c>
      <c r="F123" s="17">
        <v>4</v>
      </c>
      <c r="G123" s="17">
        <v>16</v>
      </c>
      <c r="H123" s="17">
        <v>884</v>
      </c>
      <c r="I123" s="17">
        <v>11</v>
      </c>
      <c r="J123" s="17" t="s">
        <v>35</v>
      </c>
      <c r="K123" s="17" t="s">
        <v>35</v>
      </c>
      <c r="L123" s="17">
        <v>11</v>
      </c>
      <c r="M123" s="17">
        <v>564</v>
      </c>
      <c r="N123" s="17">
        <v>9</v>
      </c>
      <c r="O123" s="17" t="s">
        <v>35</v>
      </c>
      <c r="P123" s="17">
        <v>4</v>
      </c>
      <c r="Q123" s="17">
        <v>5</v>
      </c>
      <c r="R123" s="17">
        <v>320</v>
      </c>
    </row>
    <row r="124" spans="1:18">
      <c r="A124" s="21" t="s">
        <v>501</v>
      </c>
      <c r="B124" s="10" t="s">
        <v>52</v>
      </c>
      <c r="C124" s="11" t="s">
        <v>502</v>
      </c>
      <c r="D124" s="17">
        <v>109</v>
      </c>
      <c r="E124" s="17" t="s">
        <v>35</v>
      </c>
      <c r="F124" s="17">
        <v>14</v>
      </c>
      <c r="G124" s="17">
        <v>95</v>
      </c>
      <c r="H124" s="17">
        <v>5161</v>
      </c>
      <c r="I124" s="17">
        <v>96</v>
      </c>
      <c r="J124" s="17" t="s">
        <v>35</v>
      </c>
      <c r="K124" s="17">
        <v>6</v>
      </c>
      <c r="L124" s="17">
        <v>90</v>
      </c>
      <c r="M124" s="17">
        <v>4770</v>
      </c>
      <c r="N124" s="17">
        <v>13</v>
      </c>
      <c r="O124" s="17" t="s">
        <v>35</v>
      </c>
      <c r="P124" s="17">
        <v>8</v>
      </c>
      <c r="Q124" s="17">
        <v>5</v>
      </c>
      <c r="R124" s="17">
        <v>391</v>
      </c>
    </row>
    <row r="125" spans="1:18">
      <c r="A125" s="21" t="s">
        <v>503</v>
      </c>
      <c r="B125" s="10"/>
      <c r="C125" s="11"/>
      <c r="D125" s="17">
        <v>101</v>
      </c>
      <c r="E125" s="17" t="s">
        <v>35</v>
      </c>
      <c r="F125" s="17">
        <v>11</v>
      </c>
      <c r="G125" s="17">
        <v>90</v>
      </c>
      <c r="H125" s="17">
        <v>4843</v>
      </c>
      <c r="I125" s="17">
        <v>91</v>
      </c>
      <c r="J125" s="17" t="s">
        <v>35</v>
      </c>
      <c r="K125" s="17">
        <v>3</v>
      </c>
      <c r="L125" s="17">
        <v>88</v>
      </c>
      <c r="M125" s="17">
        <v>4590</v>
      </c>
      <c r="N125" s="17">
        <v>10</v>
      </c>
      <c r="O125" s="17" t="s">
        <v>35</v>
      </c>
      <c r="P125" s="17">
        <v>8</v>
      </c>
      <c r="Q125" s="17">
        <v>2</v>
      </c>
      <c r="R125" s="17">
        <v>253</v>
      </c>
    </row>
    <row r="126" spans="1:18">
      <c r="A126" s="21" t="s">
        <v>504</v>
      </c>
      <c r="B126" s="10"/>
      <c r="C126" s="11"/>
      <c r="D126" s="17" t="s">
        <v>35</v>
      </c>
      <c r="E126" s="17" t="s">
        <v>35</v>
      </c>
      <c r="F126" s="17" t="s">
        <v>35</v>
      </c>
      <c r="G126" s="17" t="s">
        <v>35</v>
      </c>
      <c r="H126" s="17" t="s">
        <v>35</v>
      </c>
      <c r="I126" s="17" t="s">
        <v>35</v>
      </c>
      <c r="J126" s="17" t="s">
        <v>35</v>
      </c>
      <c r="K126" s="17" t="s">
        <v>35</v>
      </c>
      <c r="L126" s="17" t="s">
        <v>35</v>
      </c>
      <c r="M126" s="17" t="s">
        <v>35</v>
      </c>
      <c r="N126" s="17" t="s">
        <v>35</v>
      </c>
      <c r="O126" s="17" t="s">
        <v>35</v>
      </c>
      <c r="P126" s="17" t="s">
        <v>35</v>
      </c>
      <c r="Q126" s="17" t="s">
        <v>35</v>
      </c>
      <c r="R126" s="17" t="s">
        <v>35</v>
      </c>
    </row>
    <row r="127" spans="1:18">
      <c r="A127" s="21" t="s">
        <v>505</v>
      </c>
      <c r="B127" s="10" t="s">
        <v>52</v>
      </c>
      <c r="C127" s="11" t="s">
        <v>502</v>
      </c>
      <c r="D127" s="17">
        <v>8</v>
      </c>
      <c r="E127" s="17" t="s">
        <v>35</v>
      </c>
      <c r="F127" s="17">
        <v>3</v>
      </c>
      <c r="G127" s="17">
        <v>5</v>
      </c>
      <c r="H127" s="17">
        <v>318</v>
      </c>
      <c r="I127" s="17">
        <v>5</v>
      </c>
      <c r="J127" s="17" t="s">
        <v>35</v>
      </c>
      <c r="K127" s="17">
        <v>3</v>
      </c>
      <c r="L127" s="17">
        <v>2</v>
      </c>
      <c r="M127" s="17">
        <v>180</v>
      </c>
      <c r="N127" s="17">
        <v>3</v>
      </c>
      <c r="O127" s="17" t="s">
        <v>35</v>
      </c>
      <c r="P127" s="17" t="s">
        <v>35</v>
      </c>
      <c r="Q127" s="17">
        <v>3</v>
      </c>
      <c r="R127" s="17">
        <v>138</v>
      </c>
    </row>
    <row r="128" spans="1:18">
      <c r="A128" s="21" t="s">
        <v>506</v>
      </c>
      <c r="B128" s="10" t="s">
        <v>58</v>
      </c>
      <c r="C128" s="11" t="s">
        <v>502</v>
      </c>
      <c r="D128" s="17" t="s">
        <v>59</v>
      </c>
      <c r="E128" s="17" t="s">
        <v>59</v>
      </c>
      <c r="F128" s="17" t="s">
        <v>59</v>
      </c>
      <c r="G128" s="17" t="s">
        <v>59</v>
      </c>
      <c r="H128" s="17" t="s">
        <v>59</v>
      </c>
      <c r="I128" s="17" t="s">
        <v>59</v>
      </c>
      <c r="J128" s="17" t="s">
        <v>59</v>
      </c>
      <c r="K128" s="17" t="s">
        <v>59</v>
      </c>
      <c r="L128" s="17" t="s">
        <v>59</v>
      </c>
      <c r="M128" s="17" t="s">
        <v>59</v>
      </c>
      <c r="N128" s="17" t="s">
        <v>59</v>
      </c>
      <c r="O128" s="17" t="s">
        <v>59</v>
      </c>
      <c r="P128" s="17" t="s">
        <v>59</v>
      </c>
      <c r="Q128" s="17" t="s">
        <v>59</v>
      </c>
      <c r="R128" s="17" t="s">
        <v>59</v>
      </c>
    </row>
    <row r="129" spans="1:18">
      <c r="A129" s="21" t="s">
        <v>507</v>
      </c>
      <c r="B129" s="10" t="s">
        <v>58</v>
      </c>
      <c r="C129" s="11" t="s">
        <v>502</v>
      </c>
      <c r="D129" s="17" t="s">
        <v>59</v>
      </c>
      <c r="E129" s="17" t="s">
        <v>59</v>
      </c>
      <c r="F129" s="17" t="s">
        <v>59</v>
      </c>
      <c r="G129" s="17" t="s">
        <v>59</v>
      </c>
      <c r="H129" s="17" t="s">
        <v>59</v>
      </c>
      <c r="I129" s="17" t="s">
        <v>59</v>
      </c>
      <c r="J129" s="17" t="s">
        <v>59</v>
      </c>
      <c r="K129" s="17" t="s">
        <v>59</v>
      </c>
      <c r="L129" s="17" t="s">
        <v>59</v>
      </c>
      <c r="M129" s="17" t="s">
        <v>59</v>
      </c>
      <c r="N129" s="17" t="s">
        <v>59</v>
      </c>
      <c r="O129" s="17" t="s">
        <v>59</v>
      </c>
      <c r="P129" s="17" t="s">
        <v>59</v>
      </c>
      <c r="Q129" s="17" t="s">
        <v>59</v>
      </c>
      <c r="R129" s="17" t="s">
        <v>59</v>
      </c>
    </row>
    <row r="130" spans="1:18">
      <c r="A130" s="21" t="s">
        <v>508</v>
      </c>
      <c r="B130" s="10"/>
      <c r="C130" s="11"/>
      <c r="D130" s="17" t="s">
        <v>35</v>
      </c>
      <c r="E130" s="17" t="s">
        <v>35</v>
      </c>
      <c r="F130" s="17" t="s">
        <v>35</v>
      </c>
      <c r="G130" s="17" t="s">
        <v>35</v>
      </c>
      <c r="H130" s="17" t="s">
        <v>35</v>
      </c>
      <c r="I130" s="17" t="s">
        <v>35</v>
      </c>
      <c r="J130" s="17" t="s">
        <v>35</v>
      </c>
      <c r="K130" s="17" t="s">
        <v>35</v>
      </c>
      <c r="L130" s="17" t="s">
        <v>35</v>
      </c>
      <c r="M130" s="17" t="s">
        <v>35</v>
      </c>
      <c r="N130" s="17" t="s">
        <v>35</v>
      </c>
      <c r="O130" s="17" t="s">
        <v>35</v>
      </c>
      <c r="P130" s="17" t="s">
        <v>35</v>
      </c>
      <c r="Q130" s="17" t="s">
        <v>35</v>
      </c>
      <c r="R130" s="17" t="s">
        <v>35</v>
      </c>
    </row>
    <row r="131" spans="1:18">
      <c r="A131" s="21" t="s">
        <v>509</v>
      </c>
      <c r="B131" s="10" t="s">
        <v>58</v>
      </c>
      <c r="C131" s="11" t="s">
        <v>502</v>
      </c>
      <c r="D131" s="17" t="s">
        <v>59</v>
      </c>
      <c r="E131" s="17" t="s">
        <v>59</v>
      </c>
      <c r="F131" s="17" t="s">
        <v>59</v>
      </c>
      <c r="G131" s="17" t="s">
        <v>59</v>
      </c>
      <c r="H131" s="17" t="s">
        <v>59</v>
      </c>
      <c r="I131" s="17" t="s">
        <v>59</v>
      </c>
      <c r="J131" s="17" t="s">
        <v>59</v>
      </c>
      <c r="K131" s="17" t="s">
        <v>59</v>
      </c>
      <c r="L131" s="17" t="s">
        <v>59</v>
      </c>
      <c r="M131" s="17" t="s">
        <v>59</v>
      </c>
      <c r="N131" s="17" t="s">
        <v>59</v>
      </c>
      <c r="O131" s="17" t="s">
        <v>59</v>
      </c>
      <c r="P131" s="17" t="s">
        <v>59</v>
      </c>
      <c r="Q131" s="17" t="s">
        <v>59</v>
      </c>
      <c r="R131" s="17" t="s">
        <v>59</v>
      </c>
    </row>
    <row r="132" spans="1:18">
      <c r="A132" s="21" t="s">
        <v>510</v>
      </c>
      <c r="B132" s="10"/>
      <c r="C132" s="11"/>
      <c r="D132" s="17" t="s">
        <v>35</v>
      </c>
      <c r="E132" s="17" t="s">
        <v>35</v>
      </c>
      <c r="F132" s="17" t="s">
        <v>35</v>
      </c>
      <c r="G132" s="17" t="s">
        <v>35</v>
      </c>
      <c r="H132" s="17" t="s">
        <v>35</v>
      </c>
      <c r="I132" s="17" t="s">
        <v>35</v>
      </c>
      <c r="J132" s="17" t="s">
        <v>35</v>
      </c>
      <c r="K132" s="17" t="s">
        <v>35</v>
      </c>
      <c r="L132" s="17" t="s">
        <v>35</v>
      </c>
      <c r="M132" s="17" t="s">
        <v>35</v>
      </c>
      <c r="N132" s="17" t="s">
        <v>35</v>
      </c>
      <c r="O132" s="17" t="s">
        <v>35</v>
      </c>
      <c r="P132" s="17" t="s">
        <v>35</v>
      </c>
      <c r="Q132" s="17" t="s">
        <v>35</v>
      </c>
      <c r="R132" s="17" t="s">
        <v>35</v>
      </c>
    </row>
    <row r="133" spans="1:18">
      <c r="A133" s="21" t="s">
        <v>511</v>
      </c>
      <c r="B133" s="10" t="s">
        <v>58</v>
      </c>
      <c r="C133" s="11" t="s">
        <v>502</v>
      </c>
      <c r="D133" s="17" t="s">
        <v>59</v>
      </c>
      <c r="E133" s="17" t="s">
        <v>59</v>
      </c>
      <c r="F133" s="17" t="s">
        <v>59</v>
      </c>
      <c r="G133" s="17" t="s">
        <v>59</v>
      </c>
      <c r="H133" s="17" t="s">
        <v>59</v>
      </c>
      <c r="I133" s="17" t="s">
        <v>59</v>
      </c>
      <c r="J133" s="17" t="s">
        <v>59</v>
      </c>
      <c r="K133" s="17" t="s">
        <v>59</v>
      </c>
      <c r="L133" s="17" t="s">
        <v>59</v>
      </c>
      <c r="M133" s="17" t="s">
        <v>59</v>
      </c>
      <c r="N133" s="17" t="s">
        <v>59</v>
      </c>
      <c r="O133" s="18" t="s">
        <v>59</v>
      </c>
      <c r="P133" s="17" t="s">
        <v>59</v>
      </c>
      <c r="Q133" s="17" t="s">
        <v>59</v>
      </c>
      <c r="R133" s="17" t="s">
        <v>59</v>
      </c>
    </row>
    <row r="134" spans="1:18">
      <c r="A134" s="21" t="s">
        <v>512</v>
      </c>
      <c r="B134" s="10"/>
      <c r="C134" s="11"/>
      <c r="D134" s="17">
        <v>112</v>
      </c>
      <c r="E134" s="17" t="s">
        <v>35</v>
      </c>
      <c r="F134" s="17">
        <v>13</v>
      </c>
      <c r="G134" s="17">
        <v>99</v>
      </c>
      <c r="H134" s="17">
        <v>5091</v>
      </c>
      <c r="I134" s="17">
        <v>62</v>
      </c>
      <c r="J134" s="18" t="s">
        <v>35</v>
      </c>
      <c r="K134" s="17">
        <v>2</v>
      </c>
      <c r="L134" s="17">
        <v>60</v>
      </c>
      <c r="M134" s="17">
        <v>3034</v>
      </c>
      <c r="N134" s="17">
        <v>50</v>
      </c>
      <c r="O134" s="17" t="s">
        <v>35</v>
      </c>
      <c r="P134" s="17">
        <v>11</v>
      </c>
      <c r="Q134" s="17">
        <v>39</v>
      </c>
      <c r="R134" s="17">
        <v>2057</v>
      </c>
    </row>
    <row r="135" spans="1:18">
      <c r="A135" s="21" t="s">
        <v>513</v>
      </c>
      <c r="B135" s="10"/>
      <c r="C135" s="11"/>
      <c r="D135" s="17">
        <v>79</v>
      </c>
      <c r="E135" s="17" t="s">
        <v>35</v>
      </c>
      <c r="F135" s="17">
        <v>6</v>
      </c>
      <c r="G135" s="17">
        <v>73</v>
      </c>
      <c r="H135" s="17">
        <v>3678</v>
      </c>
      <c r="I135" s="17">
        <v>48</v>
      </c>
      <c r="J135" s="17" t="s">
        <v>35</v>
      </c>
      <c r="K135" s="17">
        <v>1</v>
      </c>
      <c r="L135" s="17">
        <v>47</v>
      </c>
      <c r="M135" s="17">
        <v>2365</v>
      </c>
      <c r="N135" s="17">
        <v>31</v>
      </c>
      <c r="O135" s="17" t="s">
        <v>35</v>
      </c>
      <c r="P135" s="17">
        <v>5</v>
      </c>
      <c r="Q135" s="17">
        <v>26</v>
      </c>
      <c r="R135" s="17">
        <v>1313</v>
      </c>
    </row>
    <row r="136" spans="1:18">
      <c r="A136" s="21" t="s">
        <v>514</v>
      </c>
      <c r="B136" s="10" t="s">
        <v>52</v>
      </c>
      <c r="C136" s="11" t="s">
        <v>515</v>
      </c>
      <c r="D136" s="17">
        <v>22</v>
      </c>
      <c r="E136" s="17" t="s">
        <v>35</v>
      </c>
      <c r="F136" s="17">
        <v>4</v>
      </c>
      <c r="G136" s="17">
        <v>18</v>
      </c>
      <c r="H136" s="17">
        <v>925</v>
      </c>
      <c r="I136" s="17">
        <v>8</v>
      </c>
      <c r="J136" s="17" t="s">
        <v>35</v>
      </c>
      <c r="K136" s="17">
        <v>1</v>
      </c>
      <c r="L136" s="17">
        <v>7</v>
      </c>
      <c r="M136" s="17">
        <v>347</v>
      </c>
      <c r="N136" s="17">
        <v>14</v>
      </c>
      <c r="O136" s="17" t="s">
        <v>35</v>
      </c>
      <c r="P136" s="17">
        <v>3</v>
      </c>
      <c r="Q136" s="17">
        <v>11</v>
      </c>
      <c r="R136" s="17">
        <v>578</v>
      </c>
    </row>
    <row r="137" spans="1:18">
      <c r="A137" s="21" t="s">
        <v>516</v>
      </c>
      <c r="B137" s="10" t="s">
        <v>58</v>
      </c>
      <c r="C137" s="11" t="s">
        <v>515</v>
      </c>
      <c r="D137" s="17" t="s">
        <v>59</v>
      </c>
      <c r="E137" s="17" t="s">
        <v>59</v>
      </c>
      <c r="F137" s="17" t="s">
        <v>59</v>
      </c>
      <c r="G137" s="17" t="s">
        <v>59</v>
      </c>
      <c r="H137" s="17" t="s">
        <v>59</v>
      </c>
      <c r="I137" s="17" t="s">
        <v>59</v>
      </c>
      <c r="J137" s="17" t="s">
        <v>59</v>
      </c>
      <c r="K137" s="17" t="s">
        <v>59</v>
      </c>
      <c r="L137" s="17" t="s">
        <v>59</v>
      </c>
      <c r="M137" s="17" t="s">
        <v>59</v>
      </c>
      <c r="N137" s="17" t="s">
        <v>59</v>
      </c>
      <c r="O137" s="17" t="s">
        <v>59</v>
      </c>
      <c r="P137" s="17" t="s">
        <v>59</v>
      </c>
      <c r="Q137" s="17" t="s">
        <v>59</v>
      </c>
      <c r="R137" s="17" t="s">
        <v>59</v>
      </c>
    </row>
    <row r="138" spans="1:18">
      <c r="A138" s="21" t="s">
        <v>517</v>
      </c>
      <c r="B138" s="10"/>
      <c r="C138" s="11"/>
      <c r="D138" s="17">
        <v>11</v>
      </c>
      <c r="E138" s="18" t="s">
        <v>35</v>
      </c>
      <c r="F138" s="17">
        <v>3</v>
      </c>
      <c r="G138" s="17">
        <v>8</v>
      </c>
      <c r="H138" s="17">
        <v>488</v>
      </c>
      <c r="I138" s="17">
        <v>6</v>
      </c>
      <c r="J138" s="18" t="s">
        <v>35</v>
      </c>
      <c r="K138" s="17" t="s">
        <v>35</v>
      </c>
      <c r="L138" s="17">
        <v>6</v>
      </c>
      <c r="M138" s="17">
        <v>322</v>
      </c>
      <c r="N138" s="17">
        <v>5</v>
      </c>
      <c r="O138" s="18" t="s">
        <v>35</v>
      </c>
      <c r="P138" s="17">
        <v>3</v>
      </c>
      <c r="Q138" s="17">
        <v>2</v>
      </c>
      <c r="R138" s="17">
        <v>166</v>
      </c>
    </row>
    <row r="139" spans="1:18">
      <c r="A139" s="21" t="s">
        <v>518</v>
      </c>
      <c r="B139" s="10"/>
      <c r="C139" s="11"/>
      <c r="D139" s="17">
        <v>132</v>
      </c>
      <c r="E139" s="17">
        <v>4</v>
      </c>
      <c r="F139" s="17">
        <v>19</v>
      </c>
      <c r="G139" s="17">
        <v>109</v>
      </c>
      <c r="H139" s="17">
        <v>6206</v>
      </c>
      <c r="I139" s="17">
        <v>73</v>
      </c>
      <c r="J139" s="17">
        <v>3</v>
      </c>
      <c r="K139" s="17">
        <v>6</v>
      </c>
      <c r="L139" s="17">
        <v>64</v>
      </c>
      <c r="M139" s="17">
        <v>3907</v>
      </c>
      <c r="N139" s="17">
        <v>59</v>
      </c>
      <c r="O139" s="18">
        <v>1</v>
      </c>
      <c r="P139" s="17">
        <v>13</v>
      </c>
      <c r="Q139" s="17">
        <v>45</v>
      </c>
      <c r="R139" s="17">
        <v>2299</v>
      </c>
    </row>
    <row r="140" spans="1:18">
      <c r="A140" s="21" t="s">
        <v>519</v>
      </c>
      <c r="B140" s="10"/>
      <c r="C140" s="11"/>
      <c r="D140" s="17">
        <v>81</v>
      </c>
      <c r="E140" s="17">
        <v>3</v>
      </c>
      <c r="F140" s="17">
        <v>8</v>
      </c>
      <c r="G140" s="17">
        <v>70</v>
      </c>
      <c r="H140" s="17">
        <v>3677</v>
      </c>
      <c r="I140" s="17">
        <v>44</v>
      </c>
      <c r="J140" s="17">
        <v>3</v>
      </c>
      <c r="K140" s="17">
        <v>1</v>
      </c>
      <c r="L140" s="17">
        <v>40</v>
      </c>
      <c r="M140" s="17">
        <v>2181</v>
      </c>
      <c r="N140" s="17">
        <v>37</v>
      </c>
      <c r="O140" s="18" t="s">
        <v>35</v>
      </c>
      <c r="P140" s="17">
        <v>7</v>
      </c>
      <c r="Q140" s="17">
        <v>30</v>
      </c>
      <c r="R140" s="17">
        <v>1496</v>
      </c>
    </row>
    <row r="141" spans="1:18">
      <c r="A141" s="21" t="s">
        <v>520</v>
      </c>
      <c r="B141" s="10"/>
      <c r="C141" s="11"/>
      <c r="D141" s="17">
        <v>27</v>
      </c>
      <c r="E141" s="17">
        <v>1</v>
      </c>
      <c r="F141" s="17">
        <v>2</v>
      </c>
      <c r="G141" s="17">
        <v>24</v>
      </c>
      <c r="H141" s="17">
        <v>1598</v>
      </c>
      <c r="I141" s="17">
        <v>17</v>
      </c>
      <c r="J141" s="18" t="s">
        <v>35</v>
      </c>
      <c r="K141" s="17">
        <v>1</v>
      </c>
      <c r="L141" s="17">
        <v>16</v>
      </c>
      <c r="M141" s="17">
        <v>1209</v>
      </c>
      <c r="N141" s="17">
        <v>10</v>
      </c>
      <c r="O141" s="17">
        <v>1</v>
      </c>
      <c r="P141" s="17">
        <v>1</v>
      </c>
      <c r="Q141" s="17">
        <v>8</v>
      </c>
      <c r="R141" s="17">
        <v>389</v>
      </c>
    </row>
    <row r="142" spans="1:18">
      <c r="A142" s="21" t="s">
        <v>521</v>
      </c>
      <c r="B142" s="10"/>
      <c r="C142" s="11"/>
      <c r="D142" s="17">
        <v>14</v>
      </c>
      <c r="E142" s="17" t="s">
        <v>35</v>
      </c>
      <c r="F142" s="17">
        <v>6</v>
      </c>
      <c r="G142" s="17">
        <v>8</v>
      </c>
      <c r="H142" s="17">
        <v>507</v>
      </c>
      <c r="I142" s="17">
        <v>7</v>
      </c>
      <c r="J142" s="17" t="s">
        <v>35</v>
      </c>
      <c r="K142" s="17">
        <v>3</v>
      </c>
      <c r="L142" s="17">
        <v>4</v>
      </c>
      <c r="M142" s="17">
        <v>287</v>
      </c>
      <c r="N142" s="17">
        <v>7</v>
      </c>
      <c r="O142" s="17" t="s">
        <v>35</v>
      </c>
      <c r="P142" s="17">
        <v>3</v>
      </c>
      <c r="Q142" s="17">
        <v>4</v>
      </c>
      <c r="R142" s="17">
        <v>220</v>
      </c>
    </row>
    <row r="143" spans="1:18">
      <c r="A143" s="21" t="s">
        <v>522</v>
      </c>
      <c r="B143" s="10"/>
      <c r="C143" s="11"/>
      <c r="D143" s="17">
        <v>10</v>
      </c>
      <c r="E143" s="17" t="s">
        <v>35</v>
      </c>
      <c r="F143" s="17">
        <v>3</v>
      </c>
      <c r="G143" s="17">
        <v>7</v>
      </c>
      <c r="H143" s="17">
        <v>424</v>
      </c>
      <c r="I143" s="17">
        <v>5</v>
      </c>
      <c r="J143" s="17" t="s">
        <v>35</v>
      </c>
      <c r="K143" s="17">
        <v>1</v>
      </c>
      <c r="L143" s="17">
        <v>4</v>
      </c>
      <c r="M143" s="17">
        <v>230</v>
      </c>
      <c r="N143" s="17">
        <v>5</v>
      </c>
      <c r="O143" s="17" t="s">
        <v>35</v>
      </c>
      <c r="P143" s="17">
        <v>2</v>
      </c>
      <c r="Q143" s="17">
        <v>3</v>
      </c>
      <c r="R143" s="17">
        <v>194</v>
      </c>
    </row>
    <row r="144" spans="1:18">
      <c r="A144" s="21" t="s">
        <v>523</v>
      </c>
      <c r="B144" s="10"/>
      <c r="C144" s="11"/>
      <c r="D144" s="17">
        <v>255</v>
      </c>
      <c r="E144" s="17">
        <v>5</v>
      </c>
      <c r="F144" s="17">
        <v>47</v>
      </c>
      <c r="G144" s="17">
        <v>202</v>
      </c>
      <c r="H144" s="17">
        <v>10791</v>
      </c>
      <c r="I144" s="17">
        <v>149</v>
      </c>
      <c r="J144" s="17" t="s">
        <v>35</v>
      </c>
      <c r="K144" s="17">
        <v>19</v>
      </c>
      <c r="L144" s="17">
        <v>130</v>
      </c>
      <c r="M144" s="17">
        <v>6990</v>
      </c>
      <c r="N144" s="17">
        <v>106</v>
      </c>
      <c r="O144" s="17">
        <v>5</v>
      </c>
      <c r="P144" s="17">
        <v>28</v>
      </c>
      <c r="Q144" s="17">
        <v>72</v>
      </c>
      <c r="R144" s="17">
        <v>3801</v>
      </c>
    </row>
    <row r="145" spans="1:18">
      <c r="A145" s="21" t="s">
        <v>524</v>
      </c>
      <c r="B145" s="10"/>
      <c r="C145" s="11"/>
      <c r="D145" s="17">
        <v>103</v>
      </c>
      <c r="E145" s="17">
        <v>2</v>
      </c>
      <c r="F145" s="17">
        <v>19</v>
      </c>
      <c r="G145" s="17">
        <v>82</v>
      </c>
      <c r="H145" s="17">
        <v>4292</v>
      </c>
      <c r="I145" s="17">
        <v>62</v>
      </c>
      <c r="J145" s="17" t="s">
        <v>35</v>
      </c>
      <c r="K145" s="17">
        <v>8</v>
      </c>
      <c r="L145" s="17">
        <v>54</v>
      </c>
      <c r="M145" s="17">
        <v>2868</v>
      </c>
      <c r="N145" s="17">
        <v>41</v>
      </c>
      <c r="O145" s="17">
        <v>2</v>
      </c>
      <c r="P145" s="17">
        <v>11</v>
      </c>
      <c r="Q145" s="17">
        <v>28</v>
      </c>
      <c r="R145" s="17">
        <v>1424</v>
      </c>
    </row>
    <row r="146" spans="1:18">
      <c r="A146" s="21" t="s">
        <v>525</v>
      </c>
      <c r="B146" s="10"/>
      <c r="C146" s="11"/>
      <c r="D146" s="17">
        <v>113</v>
      </c>
      <c r="E146" s="17">
        <v>2</v>
      </c>
      <c r="F146" s="17">
        <v>17</v>
      </c>
      <c r="G146" s="17">
        <v>94</v>
      </c>
      <c r="H146" s="17">
        <v>5162</v>
      </c>
      <c r="I146" s="17">
        <v>65</v>
      </c>
      <c r="J146" s="17" t="s">
        <v>35</v>
      </c>
      <c r="K146" s="17">
        <v>5</v>
      </c>
      <c r="L146" s="17">
        <v>60</v>
      </c>
      <c r="M146" s="17">
        <v>3296</v>
      </c>
      <c r="N146" s="17">
        <v>48</v>
      </c>
      <c r="O146" s="17">
        <v>2</v>
      </c>
      <c r="P146" s="17">
        <v>12</v>
      </c>
      <c r="Q146" s="17">
        <v>34</v>
      </c>
      <c r="R146" s="17">
        <v>1866</v>
      </c>
    </row>
    <row r="147" spans="1:18">
      <c r="A147" s="21" t="s">
        <v>526</v>
      </c>
      <c r="B147" s="10"/>
      <c r="C147" s="11"/>
      <c r="D147" s="17">
        <v>20</v>
      </c>
      <c r="E147" s="17">
        <v>1</v>
      </c>
      <c r="F147" s="17">
        <v>4</v>
      </c>
      <c r="G147" s="17">
        <v>14</v>
      </c>
      <c r="H147" s="17">
        <v>691</v>
      </c>
      <c r="I147" s="17">
        <v>11</v>
      </c>
      <c r="J147" s="17" t="s">
        <v>35</v>
      </c>
      <c r="K147" s="17">
        <v>2</v>
      </c>
      <c r="L147" s="17">
        <v>9</v>
      </c>
      <c r="M147" s="17">
        <v>432</v>
      </c>
      <c r="N147" s="17">
        <v>9</v>
      </c>
      <c r="O147" s="17">
        <v>1</v>
      </c>
      <c r="P147" s="17">
        <v>2</v>
      </c>
      <c r="Q147" s="17">
        <v>5</v>
      </c>
      <c r="R147" s="17">
        <v>259</v>
      </c>
    </row>
    <row r="148" spans="1:18">
      <c r="A148" s="21" t="s">
        <v>527</v>
      </c>
      <c r="B148" s="10"/>
      <c r="C148" s="11"/>
      <c r="D148" s="17">
        <v>19</v>
      </c>
      <c r="E148" s="17" t="s">
        <v>35</v>
      </c>
      <c r="F148" s="17">
        <v>7</v>
      </c>
      <c r="G148" s="17">
        <v>12</v>
      </c>
      <c r="H148" s="17">
        <v>646</v>
      </c>
      <c r="I148" s="17">
        <v>11</v>
      </c>
      <c r="J148" s="17" t="s">
        <v>35</v>
      </c>
      <c r="K148" s="17">
        <v>4</v>
      </c>
      <c r="L148" s="17">
        <v>7</v>
      </c>
      <c r="M148" s="17">
        <v>394</v>
      </c>
      <c r="N148" s="17">
        <v>8</v>
      </c>
      <c r="O148" s="17" t="s">
        <v>35</v>
      </c>
      <c r="P148" s="17">
        <v>3</v>
      </c>
      <c r="Q148" s="17">
        <v>5</v>
      </c>
      <c r="R148" s="17">
        <v>252</v>
      </c>
    </row>
    <row r="149" spans="1:18">
      <c r="A149" s="21" t="s">
        <v>528</v>
      </c>
      <c r="B149" s="10"/>
      <c r="C149" s="11"/>
      <c r="D149" s="17">
        <v>221</v>
      </c>
      <c r="E149" s="17">
        <v>1</v>
      </c>
      <c r="F149" s="17">
        <v>33</v>
      </c>
      <c r="G149" s="17">
        <v>187</v>
      </c>
      <c r="H149" s="17">
        <v>9860</v>
      </c>
      <c r="I149" s="17">
        <v>106</v>
      </c>
      <c r="J149" s="17">
        <v>1</v>
      </c>
      <c r="K149" s="17">
        <v>8</v>
      </c>
      <c r="L149" s="17">
        <v>97</v>
      </c>
      <c r="M149" s="17">
        <v>5059</v>
      </c>
      <c r="N149" s="17">
        <v>115</v>
      </c>
      <c r="O149" s="17" t="s">
        <v>35</v>
      </c>
      <c r="P149" s="17">
        <v>25</v>
      </c>
      <c r="Q149" s="17">
        <v>90</v>
      </c>
      <c r="R149" s="17">
        <v>4801</v>
      </c>
    </row>
    <row r="150" spans="1:18">
      <c r="A150" s="21" t="s">
        <v>529</v>
      </c>
      <c r="B150" s="10"/>
      <c r="C150" s="11"/>
      <c r="D150" s="17">
        <v>86</v>
      </c>
      <c r="E150" s="17">
        <v>1</v>
      </c>
      <c r="F150" s="17">
        <v>18</v>
      </c>
      <c r="G150" s="17">
        <v>67</v>
      </c>
      <c r="H150" s="17">
        <v>3536</v>
      </c>
      <c r="I150" s="17">
        <v>43</v>
      </c>
      <c r="J150" s="17">
        <v>1</v>
      </c>
      <c r="K150" s="17">
        <v>4</v>
      </c>
      <c r="L150" s="17">
        <v>38</v>
      </c>
      <c r="M150" s="17">
        <v>1908</v>
      </c>
      <c r="N150" s="17">
        <v>43</v>
      </c>
      <c r="O150" s="17" t="s">
        <v>35</v>
      </c>
      <c r="P150" s="17">
        <v>14</v>
      </c>
      <c r="Q150" s="17">
        <v>29</v>
      </c>
      <c r="R150" s="17">
        <v>1628</v>
      </c>
    </row>
    <row r="151" spans="1:18">
      <c r="A151" s="21" t="s">
        <v>530</v>
      </c>
      <c r="B151" s="10"/>
      <c r="C151" s="11"/>
      <c r="D151" s="17">
        <v>71</v>
      </c>
      <c r="E151" s="17" t="s">
        <v>35</v>
      </c>
      <c r="F151" s="17">
        <v>6</v>
      </c>
      <c r="G151" s="17">
        <v>65</v>
      </c>
      <c r="H151" s="17">
        <v>3337</v>
      </c>
      <c r="I151" s="17">
        <v>28</v>
      </c>
      <c r="J151" s="17" t="s">
        <v>35</v>
      </c>
      <c r="K151" s="17">
        <v>1</v>
      </c>
      <c r="L151" s="17">
        <v>27</v>
      </c>
      <c r="M151" s="17">
        <v>1438</v>
      </c>
      <c r="N151" s="17">
        <v>43</v>
      </c>
      <c r="O151" s="17" t="s">
        <v>35</v>
      </c>
      <c r="P151" s="17">
        <v>5</v>
      </c>
      <c r="Q151" s="17">
        <v>38</v>
      </c>
      <c r="R151" s="17">
        <v>1899</v>
      </c>
    </row>
    <row r="152" spans="1:18">
      <c r="A152" s="21" t="s">
        <v>531</v>
      </c>
      <c r="B152" s="10"/>
      <c r="C152" s="11"/>
      <c r="D152" s="17">
        <v>36</v>
      </c>
      <c r="E152" s="17" t="s">
        <v>35</v>
      </c>
      <c r="F152" s="17">
        <v>3</v>
      </c>
      <c r="G152" s="17">
        <v>33</v>
      </c>
      <c r="H152" s="17">
        <v>1640</v>
      </c>
      <c r="I152" s="17">
        <v>17</v>
      </c>
      <c r="J152" s="17" t="s">
        <v>35</v>
      </c>
      <c r="K152" s="17">
        <v>2</v>
      </c>
      <c r="L152" s="17">
        <v>15</v>
      </c>
      <c r="M152" s="17">
        <v>757</v>
      </c>
      <c r="N152" s="17">
        <v>19</v>
      </c>
      <c r="O152" s="17" t="s">
        <v>35</v>
      </c>
      <c r="P152" s="17">
        <v>1</v>
      </c>
      <c r="Q152" s="17">
        <v>18</v>
      </c>
      <c r="R152" s="17">
        <v>883</v>
      </c>
    </row>
    <row r="153" spans="1:18">
      <c r="A153" s="21" t="s">
        <v>532</v>
      </c>
      <c r="B153" s="10"/>
      <c r="C153" s="11"/>
      <c r="D153" s="17">
        <v>28</v>
      </c>
      <c r="E153" s="17" t="s">
        <v>35</v>
      </c>
      <c r="F153" s="17">
        <v>6</v>
      </c>
      <c r="G153" s="17">
        <v>22</v>
      </c>
      <c r="H153" s="17">
        <v>1347</v>
      </c>
      <c r="I153" s="17">
        <v>18</v>
      </c>
      <c r="J153" s="17" t="s">
        <v>35</v>
      </c>
      <c r="K153" s="17">
        <v>1</v>
      </c>
      <c r="L153" s="17">
        <v>17</v>
      </c>
      <c r="M153" s="17">
        <v>956</v>
      </c>
      <c r="N153" s="17">
        <v>10</v>
      </c>
      <c r="O153" s="17" t="s">
        <v>35</v>
      </c>
      <c r="P153" s="17">
        <v>5</v>
      </c>
      <c r="Q153" s="17">
        <v>5</v>
      </c>
      <c r="R153" s="17">
        <v>391</v>
      </c>
    </row>
    <row r="154" spans="1:18">
      <c r="A154" s="21" t="s">
        <v>533</v>
      </c>
      <c r="B154" s="10"/>
      <c r="C154" s="11"/>
      <c r="D154" s="17">
        <v>72</v>
      </c>
      <c r="E154" s="17">
        <v>2</v>
      </c>
      <c r="F154" s="17">
        <v>20</v>
      </c>
      <c r="G154" s="17">
        <v>50</v>
      </c>
      <c r="H154" s="17">
        <v>2856</v>
      </c>
      <c r="I154" s="17">
        <v>32</v>
      </c>
      <c r="J154" s="18">
        <v>1</v>
      </c>
      <c r="K154" s="17">
        <v>6</v>
      </c>
      <c r="L154" s="17">
        <v>25</v>
      </c>
      <c r="M154" s="17">
        <v>1359</v>
      </c>
      <c r="N154" s="17">
        <v>40</v>
      </c>
      <c r="O154" s="17">
        <v>1</v>
      </c>
      <c r="P154" s="17">
        <v>14</v>
      </c>
      <c r="Q154" s="17">
        <v>25</v>
      </c>
      <c r="R154" s="17">
        <v>1497</v>
      </c>
    </row>
    <row r="155" spans="1:18">
      <c r="A155" s="21" t="s">
        <v>534</v>
      </c>
      <c r="B155" s="10"/>
      <c r="C155" s="11"/>
      <c r="D155" s="17">
        <v>14</v>
      </c>
      <c r="E155" s="17" t="s">
        <v>35</v>
      </c>
      <c r="F155" s="17">
        <v>6</v>
      </c>
      <c r="G155" s="17">
        <v>8</v>
      </c>
      <c r="H155" s="17">
        <v>539</v>
      </c>
      <c r="I155" s="17">
        <v>7</v>
      </c>
      <c r="J155" s="17" t="s">
        <v>35</v>
      </c>
      <c r="K155" s="17">
        <v>2</v>
      </c>
      <c r="L155" s="17">
        <v>5</v>
      </c>
      <c r="M155" s="17">
        <v>326</v>
      </c>
      <c r="N155" s="17">
        <v>7</v>
      </c>
      <c r="O155" s="18" t="s">
        <v>35</v>
      </c>
      <c r="P155" s="17">
        <v>4</v>
      </c>
      <c r="Q155" s="17">
        <v>3</v>
      </c>
      <c r="R155" s="17">
        <v>213</v>
      </c>
    </row>
    <row r="156" spans="1:18">
      <c r="A156" s="21" t="s">
        <v>535</v>
      </c>
      <c r="B156" s="10"/>
      <c r="C156" s="11"/>
      <c r="D156" s="17">
        <v>239</v>
      </c>
      <c r="E156" s="17">
        <v>4</v>
      </c>
      <c r="F156" s="17">
        <v>63</v>
      </c>
      <c r="G156" s="17">
        <v>172</v>
      </c>
      <c r="H156" s="17">
        <v>9718</v>
      </c>
      <c r="I156" s="17">
        <v>121</v>
      </c>
      <c r="J156" s="17">
        <v>1</v>
      </c>
      <c r="K156" s="17">
        <v>20</v>
      </c>
      <c r="L156" s="17">
        <v>100</v>
      </c>
      <c r="M156" s="17">
        <v>5521</v>
      </c>
      <c r="N156" s="17">
        <v>118</v>
      </c>
      <c r="O156" s="17">
        <v>3</v>
      </c>
      <c r="P156" s="17">
        <v>43</v>
      </c>
      <c r="Q156" s="17">
        <v>72</v>
      </c>
      <c r="R156" s="17">
        <v>4197</v>
      </c>
    </row>
    <row r="157" spans="1:18">
      <c r="A157" s="21" t="s">
        <v>536</v>
      </c>
      <c r="B157" s="10"/>
      <c r="C157" s="11"/>
      <c r="D157" s="17">
        <v>103</v>
      </c>
      <c r="E157" s="17">
        <v>1</v>
      </c>
      <c r="F157" s="17">
        <v>33</v>
      </c>
      <c r="G157" s="17">
        <v>69</v>
      </c>
      <c r="H157" s="17">
        <v>4007</v>
      </c>
      <c r="I157" s="17">
        <v>56</v>
      </c>
      <c r="J157" s="17" t="s">
        <v>35</v>
      </c>
      <c r="K157" s="17">
        <v>11</v>
      </c>
      <c r="L157" s="17">
        <v>45</v>
      </c>
      <c r="M157" s="17">
        <v>2457</v>
      </c>
      <c r="N157" s="17">
        <v>47</v>
      </c>
      <c r="O157" s="17">
        <v>1</v>
      </c>
      <c r="P157" s="17">
        <v>22</v>
      </c>
      <c r="Q157" s="17">
        <v>24</v>
      </c>
      <c r="R157" s="17">
        <v>1550</v>
      </c>
    </row>
    <row r="158" spans="1:18">
      <c r="A158" s="21" t="s">
        <v>537</v>
      </c>
      <c r="B158" s="10"/>
      <c r="C158" s="11"/>
      <c r="D158" s="17">
        <v>136</v>
      </c>
      <c r="E158" s="17">
        <v>3</v>
      </c>
      <c r="F158" s="17">
        <v>30</v>
      </c>
      <c r="G158" s="17">
        <v>103</v>
      </c>
      <c r="H158" s="17">
        <v>5711</v>
      </c>
      <c r="I158" s="17">
        <v>65</v>
      </c>
      <c r="J158" s="18">
        <v>1</v>
      </c>
      <c r="K158" s="17">
        <v>9</v>
      </c>
      <c r="L158" s="17">
        <v>55</v>
      </c>
      <c r="M158" s="17">
        <v>3064</v>
      </c>
      <c r="N158" s="17">
        <v>71</v>
      </c>
      <c r="O158" s="17">
        <v>2</v>
      </c>
      <c r="P158" s="17">
        <v>21</v>
      </c>
      <c r="Q158" s="17">
        <v>48</v>
      </c>
      <c r="R158" s="17">
        <v>2647</v>
      </c>
    </row>
    <row r="159" spans="1:18">
      <c r="A159" s="21" t="s">
        <v>538</v>
      </c>
      <c r="B159" s="10"/>
      <c r="C159" s="11"/>
      <c r="D159" s="17">
        <v>113</v>
      </c>
      <c r="E159" s="17">
        <v>1</v>
      </c>
      <c r="F159" s="17">
        <v>29</v>
      </c>
      <c r="G159" s="17">
        <v>83</v>
      </c>
      <c r="H159" s="17">
        <v>4790</v>
      </c>
      <c r="I159" s="17">
        <v>69</v>
      </c>
      <c r="J159" s="18" t="s">
        <v>35</v>
      </c>
      <c r="K159" s="17">
        <v>11</v>
      </c>
      <c r="L159" s="17">
        <v>58</v>
      </c>
      <c r="M159" s="17">
        <v>3282</v>
      </c>
      <c r="N159" s="17">
        <v>44</v>
      </c>
      <c r="O159" s="17">
        <v>1</v>
      </c>
      <c r="P159" s="17">
        <v>18</v>
      </c>
      <c r="Q159" s="17">
        <v>25</v>
      </c>
      <c r="R159" s="17">
        <v>1508</v>
      </c>
    </row>
    <row r="160" spans="1:18">
      <c r="A160" s="21" t="s">
        <v>539</v>
      </c>
      <c r="B160" s="10"/>
      <c r="C160" s="11"/>
      <c r="D160" s="17">
        <v>64</v>
      </c>
      <c r="E160" s="17" t="s">
        <v>35</v>
      </c>
      <c r="F160" s="17">
        <v>17</v>
      </c>
      <c r="G160" s="17">
        <v>47</v>
      </c>
      <c r="H160" s="17">
        <v>2706</v>
      </c>
      <c r="I160" s="17">
        <v>36</v>
      </c>
      <c r="J160" s="17" t="s">
        <v>35</v>
      </c>
      <c r="K160" s="17">
        <v>5</v>
      </c>
      <c r="L160" s="17">
        <v>31</v>
      </c>
      <c r="M160" s="17">
        <v>1740</v>
      </c>
      <c r="N160" s="17">
        <v>28</v>
      </c>
      <c r="O160" s="17" t="s">
        <v>35</v>
      </c>
      <c r="P160" s="17">
        <v>12</v>
      </c>
      <c r="Q160" s="17">
        <v>16</v>
      </c>
      <c r="R160" s="17">
        <v>966</v>
      </c>
    </row>
    <row r="161" spans="1:18">
      <c r="A161" s="21" t="s">
        <v>540</v>
      </c>
      <c r="B161" s="10"/>
      <c r="C161" s="11"/>
      <c r="D161" s="17">
        <v>49</v>
      </c>
      <c r="E161" s="17">
        <v>1</v>
      </c>
      <c r="F161" s="17">
        <v>12</v>
      </c>
      <c r="G161" s="17">
        <v>36</v>
      </c>
      <c r="H161" s="17">
        <v>2084</v>
      </c>
      <c r="I161" s="17">
        <v>33</v>
      </c>
      <c r="J161" s="17" t="s">
        <v>35</v>
      </c>
      <c r="K161" s="17">
        <v>6</v>
      </c>
      <c r="L161" s="17">
        <v>27</v>
      </c>
      <c r="M161" s="17">
        <v>1542</v>
      </c>
      <c r="N161" s="17">
        <v>16</v>
      </c>
      <c r="O161" s="17">
        <v>1</v>
      </c>
      <c r="P161" s="17">
        <v>6</v>
      </c>
      <c r="Q161" s="17">
        <v>9</v>
      </c>
      <c r="R161" s="17">
        <v>542</v>
      </c>
    </row>
    <row r="162" spans="1:18">
      <c r="A162" s="21" t="s">
        <v>541</v>
      </c>
      <c r="B162" s="10"/>
      <c r="C162" s="11"/>
      <c r="D162" s="17">
        <v>287</v>
      </c>
      <c r="E162" s="17">
        <v>3</v>
      </c>
      <c r="F162" s="17">
        <v>60</v>
      </c>
      <c r="G162" s="17">
        <v>224</v>
      </c>
      <c r="H162" s="17">
        <v>12076</v>
      </c>
      <c r="I162" s="17">
        <v>153</v>
      </c>
      <c r="J162" s="17">
        <v>1</v>
      </c>
      <c r="K162" s="17">
        <v>21</v>
      </c>
      <c r="L162" s="17">
        <v>131</v>
      </c>
      <c r="M162" s="17">
        <v>6798</v>
      </c>
      <c r="N162" s="17">
        <v>134</v>
      </c>
      <c r="O162" s="17">
        <v>2</v>
      </c>
      <c r="P162" s="17">
        <v>39</v>
      </c>
      <c r="Q162" s="17">
        <v>93</v>
      </c>
      <c r="R162" s="17">
        <v>5278</v>
      </c>
    </row>
    <row r="163" spans="1:18">
      <c r="A163" s="21" t="s">
        <v>542</v>
      </c>
      <c r="B163" s="10"/>
      <c r="C163" s="11"/>
      <c r="D163" s="17">
        <v>157</v>
      </c>
      <c r="E163" s="17">
        <v>1</v>
      </c>
      <c r="F163" s="17">
        <v>29</v>
      </c>
      <c r="G163" s="17">
        <v>127</v>
      </c>
      <c r="H163" s="17">
        <v>6530</v>
      </c>
      <c r="I163" s="17">
        <v>83</v>
      </c>
      <c r="J163" s="17" t="s">
        <v>35</v>
      </c>
      <c r="K163" s="17">
        <v>9</v>
      </c>
      <c r="L163" s="17">
        <v>74</v>
      </c>
      <c r="M163" s="17">
        <v>3704</v>
      </c>
      <c r="N163" s="17">
        <v>74</v>
      </c>
      <c r="O163" s="17">
        <v>1</v>
      </c>
      <c r="P163" s="17">
        <v>20</v>
      </c>
      <c r="Q163" s="17">
        <v>53</v>
      </c>
      <c r="R163" s="17">
        <v>2826</v>
      </c>
    </row>
    <row r="164" spans="1:18">
      <c r="A164" s="21" t="s">
        <v>543</v>
      </c>
      <c r="B164" s="10"/>
      <c r="C164" s="11"/>
      <c r="D164" s="17">
        <v>130</v>
      </c>
      <c r="E164" s="17">
        <v>2</v>
      </c>
      <c r="F164" s="17">
        <v>31</v>
      </c>
      <c r="G164" s="17">
        <v>97</v>
      </c>
      <c r="H164" s="17">
        <v>5546</v>
      </c>
      <c r="I164" s="17">
        <v>70</v>
      </c>
      <c r="J164" s="17">
        <v>1</v>
      </c>
      <c r="K164" s="17">
        <v>12</v>
      </c>
      <c r="L164" s="17">
        <v>57</v>
      </c>
      <c r="M164" s="17">
        <v>3094</v>
      </c>
      <c r="N164" s="17">
        <v>60</v>
      </c>
      <c r="O164" s="17">
        <v>1</v>
      </c>
      <c r="P164" s="17">
        <v>19</v>
      </c>
      <c r="Q164" s="17">
        <v>40</v>
      </c>
      <c r="R164" s="17">
        <v>2452</v>
      </c>
    </row>
    <row r="165" spans="1:18">
      <c r="A165" s="21" t="s">
        <v>544</v>
      </c>
      <c r="B165" s="10"/>
      <c r="C165" s="11"/>
      <c r="D165" s="17">
        <v>300</v>
      </c>
      <c r="E165" s="17">
        <v>2</v>
      </c>
      <c r="F165" s="17">
        <v>58</v>
      </c>
      <c r="G165" s="17">
        <v>240</v>
      </c>
      <c r="H165" s="17">
        <v>12733</v>
      </c>
      <c r="I165" s="17">
        <v>144</v>
      </c>
      <c r="J165" s="17" t="s">
        <v>35</v>
      </c>
      <c r="K165" s="17">
        <v>20</v>
      </c>
      <c r="L165" s="17">
        <v>124</v>
      </c>
      <c r="M165" s="17">
        <v>6683</v>
      </c>
      <c r="N165" s="17">
        <v>156</v>
      </c>
      <c r="O165" s="17">
        <v>2</v>
      </c>
      <c r="P165" s="17">
        <v>38</v>
      </c>
      <c r="Q165" s="17">
        <v>116</v>
      </c>
      <c r="R165" s="17">
        <v>6050</v>
      </c>
    </row>
    <row r="166" spans="1:18">
      <c r="A166" s="21" t="s">
        <v>545</v>
      </c>
      <c r="B166" s="10"/>
      <c r="C166" s="11"/>
      <c r="D166" s="17">
        <v>169</v>
      </c>
      <c r="E166" s="17">
        <v>1</v>
      </c>
      <c r="F166" s="17">
        <v>35</v>
      </c>
      <c r="G166" s="17">
        <v>133</v>
      </c>
      <c r="H166" s="17">
        <v>7059</v>
      </c>
      <c r="I166" s="17">
        <v>77</v>
      </c>
      <c r="J166" s="17" t="s">
        <v>35</v>
      </c>
      <c r="K166" s="17">
        <v>13</v>
      </c>
      <c r="L166" s="17">
        <v>64</v>
      </c>
      <c r="M166" s="17">
        <v>3420</v>
      </c>
      <c r="N166" s="17">
        <v>92</v>
      </c>
      <c r="O166" s="17">
        <v>1</v>
      </c>
      <c r="P166" s="17">
        <v>22</v>
      </c>
      <c r="Q166" s="17">
        <v>69</v>
      </c>
      <c r="R166" s="17">
        <v>3639</v>
      </c>
    </row>
    <row r="167" spans="1:18">
      <c r="A167" s="21" t="s">
        <v>546</v>
      </c>
      <c r="B167" s="10"/>
      <c r="C167" s="11"/>
      <c r="D167" s="17">
        <v>131</v>
      </c>
      <c r="E167" s="17">
        <v>1</v>
      </c>
      <c r="F167" s="17">
        <v>23</v>
      </c>
      <c r="G167" s="17">
        <v>107</v>
      </c>
      <c r="H167" s="17">
        <v>5674</v>
      </c>
      <c r="I167" s="17">
        <v>67</v>
      </c>
      <c r="J167" s="17" t="s">
        <v>35</v>
      </c>
      <c r="K167" s="17">
        <v>7</v>
      </c>
      <c r="L167" s="17">
        <v>60</v>
      </c>
      <c r="M167" s="17">
        <v>3263</v>
      </c>
      <c r="N167" s="17">
        <v>64</v>
      </c>
      <c r="O167" s="17">
        <v>1</v>
      </c>
      <c r="P167" s="17">
        <v>16</v>
      </c>
      <c r="Q167" s="17">
        <v>47</v>
      </c>
      <c r="R167" s="17">
        <v>2411</v>
      </c>
    </row>
    <row r="168" spans="1:18">
      <c r="A168" s="21" t="s">
        <v>547</v>
      </c>
      <c r="B168" s="10"/>
      <c r="C168" s="11"/>
      <c r="D168" s="17">
        <v>327</v>
      </c>
      <c r="E168" s="17">
        <v>3</v>
      </c>
      <c r="F168" s="17">
        <v>65</v>
      </c>
      <c r="G168" s="17">
        <v>256</v>
      </c>
      <c r="H168" s="17">
        <v>14242</v>
      </c>
      <c r="I168" s="17">
        <v>168</v>
      </c>
      <c r="J168" s="17" t="s">
        <v>35</v>
      </c>
      <c r="K168" s="17">
        <v>16</v>
      </c>
      <c r="L168" s="17">
        <v>152</v>
      </c>
      <c r="M168" s="17">
        <v>8362</v>
      </c>
      <c r="N168" s="17">
        <v>159</v>
      </c>
      <c r="O168" s="17">
        <v>3</v>
      </c>
      <c r="P168" s="17">
        <v>49</v>
      </c>
      <c r="Q168" s="17">
        <v>104</v>
      </c>
      <c r="R168" s="17">
        <v>5880</v>
      </c>
    </row>
    <row r="169" spans="1:18">
      <c r="A169" s="21" t="s">
        <v>548</v>
      </c>
      <c r="B169" s="10"/>
      <c r="C169" s="11"/>
      <c r="D169" s="17">
        <v>358</v>
      </c>
      <c r="E169" s="17">
        <v>6</v>
      </c>
      <c r="F169" s="17">
        <v>71</v>
      </c>
      <c r="G169" s="17">
        <v>280</v>
      </c>
      <c r="H169" s="17">
        <v>15364</v>
      </c>
      <c r="I169" s="17">
        <v>186</v>
      </c>
      <c r="J169" s="17">
        <v>1</v>
      </c>
      <c r="K169" s="17">
        <v>14</v>
      </c>
      <c r="L169" s="17">
        <v>170</v>
      </c>
      <c r="M169" s="17">
        <v>9075</v>
      </c>
      <c r="N169" s="17">
        <v>172</v>
      </c>
      <c r="O169" s="17">
        <v>5</v>
      </c>
      <c r="P169" s="17">
        <v>57</v>
      </c>
      <c r="Q169" s="17">
        <v>110</v>
      </c>
      <c r="R169" s="17">
        <v>6289</v>
      </c>
    </row>
    <row r="170" spans="1:18">
      <c r="A170" s="21" t="s">
        <v>549</v>
      </c>
      <c r="B170" s="10"/>
      <c r="C170" s="11"/>
      <c r="D170" s="17">
        <v>136</v>
      </c>
      <c r="E170" s="17">
        <v>2</v>
      </c>
      <c r="F170" s="17">
        <v>26</v>
      </c>
      <c r="G170" s="17">
        <v>108</v>
      </c>
      <c r="H170" s="17">
        <v>5776</v>
      </c>
      <c r="I170" s="17">
        <v>70</v>
      </c>
      <c r="J170" s="17">
        <v>1</v>
      </c>
      <c r="K170" s="17">
        <v>5</v>
      </c>
      <c r="L170" s="17">
        <v>64</v>
      </c>
      <c r="M170" s="17">
        <v>3336</v>
      </c>
      <c r="N170" s="17">
        <v>66</v>
      </c>
      <c r="O170" s="17">
        <v>1</v>
      </c>
      <c r="P170" s="17">
        <v>21</v>
      </c>
      <c r="Q170" s="17">
        <v>44</v>
      </c>
      <c r="R170" s="17">
        <v>2440</v>
      </c>
    </row>
    <row r="171" spans="1:18">
      <c r="A171" s="21" t="s">
        <v>550</v>
      </c>
      <c r="B171" s="10" t="s">
        <v>52</v>
      </c>
      <c r="C171" s="11" t="s">
        <v>551</v>
      </c>
      <c r="D171" s="17">
        <v>222</v>
      </c>
      <c r="E171" s="17">
        <v>4</v>
      </c>
      <c r="F171" s="17">
        <v>45</v>
      </c>
      <c r="G171" s="17">
        <v>172</v>
      </c>
      <c r="H171" s="17">
        <v>9588</v>
      </c>
      <c r="I171" s="17">
        <v>116</v>
      </c>
      <c r="J171" s="17" t="s">
        <v>35</v>
      </c>
      <c r="K171" s="17">
        <v>9</v>
      </c>
      <c r="L171" s="17">
        <v>106</v>
      </c>
      <c r="M171" s="17">
        <v>5739</v>
      </c>
      <c r="N171" s="17">
        <v>106</v>
      </c>
      <c r="O171" s="17">
        <v>4</v>
      </c>
      <c r="P171" s="17">
        <v>36</v>
      </c>
      <c r="Q171" s="17">
        <v>66</v>
      </c>
      <c r="R171" s="17">
        <v>3849</v>
      </c>
    </row>
    <row r="172" spans="1:18">
      <c r="A172" s="21" t="s">
        <v>552</v>
      </c>
      <c r="B172" s="10" t="s">
        <v>58</v>
      </c>
      <c r="C172" s="11" t="s">
        <v>551</v>
      </c>
      <c r="D172" s="17" t="s">
        <v>59</v>
      </c>
      <c r="E172" s="17" t="s">
        <v>59</v>
      </c>
      <c r="F172" s="17" t="s">
        <v>59</v>
      </c>
      <c r="G172" s="17" t="s">
        <v>59</v>
      </c>
      <c r="H172" s="17" t="s">
        <v>59</v>
      </c>
      <c r="I172" s="17" t="s">
        <v>59</v>
      </c>
      <c r="J172" s="17" t="s">
        <v>59</v>
      </c>
      <c r="K172" s="17" t="s">
        <v>59</v>
      </c>
      <c r="L172" s="17" t="s">
        <v>59</v>
      </c>
      <c r="M172" s="17" t="s">
        <v>59</v>
      </c>
      <c r="N172" s="17" t="s">
        <v>59</v>
      </c>
      <c r="O172" s="17" t="s">
        <v>59</v>
      </c>
      <c r="P172" s="17" t="s">
        <v>59</v>
      </c>
      <c r="Q172" s="17" t="s">
        <v>59</v>
      </c>
      <c r="R172" s="17" t="s">
        <v>59</v>
      </c>
    </row>
    <row r="173" spans="1:18">
      <c r="A173" s="21" t="s">
        <v>553</v>
      </c>
      <c r="B173" s="10"/>
      <c r="C173" s="11"/>
      <c r="D173" s="17">
        <v>371</v>
      </c>
      <c r="E173" s="17">
        <v>4</v>
      </c>
      <c r="F173" s="17">
        <v>77</v>
      </c>
      <c r="G173" s="17">
        <v>290</v>
      </c>
      <c r="H173" s="17">
        <v>15618</v>
      </c>
      <c r="I173" s="17">
        <v>188</v>
      </c>
      <c r="J173" s="17">
        <v>2</v>
      </c>
      <c r="K173" s="17">
        <v>23</v>
      </c>
      <c r="L173" s="17">
        <v>163</v>
      </c>
      <c r="M173" s="17">
        <v>8769</v>
      </c>
      <c r="N173" s="17">
        <v>183</v>
      </c>
      <c r="O173" s="17">
        <v>2</v>
      </c>
      <c r="P173" s="17">
        <v>54</v>
      </c>
      <c r="Q173" s="17">
        <v>127</v>
      </c>
      <c r="R173" s="17">
        <v>6849</v>
      </c>
    </row>
    <row r="174" spans="1:18">
      <c r="A174" s="21" t="s">
        <v>554</v>
      </c>
      <c r="B174" s="10"/>
      <c r="C174" s="11"/>
      <c r="D174" s="17">
        <v>134</v>
      </c>
      <c r="E174" s="17" t="s">
        <v>35</v>
      </c>
      <c r="F174" s="17">
        <v>26</v>
      </c>
      <c r="G174" s="17">
        <v>108</v>
      </c>
      <c r="H174" s="17">
        <v>5764</v>
      </c>
      <c r="I174" s="17">
        <v>69</v>
      </c>
      <c r="J174" s="17" t="s">
        <v>35</v>
      </c>
      <c r="K174" s="17">
        <v>7</v>
      </c>
      <c r="L174" s="17">
        <v>62</v>
      </c>
      <c r="M174" s="17">
        <v>3337</v>
      </c>
      <c r="N174" s="17">
        <v>65</v>
      </c>
      <c r="O174" s="17" t="s">
        <v>35</v>
      </c>
      <c r="P174" s="17">
        <v>19</v>
      </c>
      <c r="Q174" s="17">
        <v>46</v>
      </c>
      <c r="R174" s="17">
        <v>2427</v>
      </c>
    </row>
    <row r="175" spans="1:18">
      <c r="A175" s="21" t="s">
        <v>555</v>
      </c>
      <c r="B175" s="10"/>
      <c r="C175" s="11"/>
      <c r="D175" s="17">
        <v>152</v>
      </c>
      <c r="E175" s="17">
        <v>3</v>
      </c>
      <c r="F175" s="17">
        <v>39</v>
      </c>
      <c r="G175" s="17">
        <v>110</v>
      </c>
      <c r="H175" s="17">
        <v>6105</v>
      </c>
      <c r="I175" s="17">
        <v>73</v>
      </c>
      <c r="J175" s="17">
        <v>1</v>
      </c>
      <c r="K175" s="17">
        <v>13</v>
      </c>
      <c r="L175" s="17">
        <v>59</v>
      </c>
      <c r="M175" s="17">
        <v>3216</v>
      </c>
      <c r="N175" s="17">
        <v>79</v>
      </c>
      <c r="O175" s="17">
        <v>2</v>
      </c>
      <c r="P175" s="17">
        <v>26</v>
      </c>
      <c r="Q175" s="17">
        <v>51</v>
      </c>
      <c r="R175" s="17">
        <v>2889</v>
      </c>
    </row>
    <row r="176" spans="1:18">
      <c r="A176" s="21" t="s">
        <v>556</v>
      </c>
      <c r="B176" s="10"/>
      <c r="C176" s="11"/>
      <c r="D176" s="17">
        <v>85</v>
      </c>
      <c r="E176" s="17">
        <v>1</v>
      </c>
      <c r="F176" s="17">
        <v>12</v>
      </c>
      <c r="G176" s="17">
        <v>72</v>
      </c>
      <c r="H176" s="17">
        <v>3749</v>
      </c>
      <c r="I176" s="17">
        <v>46</v>
      </c>
      <c r="J176" s="17">
        <v>1</v>
      </c>
      <c r="K176" s="17">
        <v>3</v>
      </c>
      <c r="L176" s="17">
        <v>42</v>
      </c>
      <c r="M176" s="17">
        <v>2216</v>
      </c>
      <c r="N176" s="17">
        <v>39</v>
      </c>
      <c r="O176" s="17" t="s">
        <v>35</v>
      </c>
      <c r="P176" s="17">
        <v>9</v>
      </c>
      <c r="Q176" s="17">
        <v>30</v>
      </c>
      <c r="R176" s="17">
        <v>1533</v>
      </c>
    </row>
    <row r="177" spans="1:18">
      <c r="A177" s="21" t="s">
        <v>557</v>
      </c>
      <c r="B177" s="10"/>
      <c r="C177" s="11"/>
      <c r="D177" s="17">
        <v>433</v>
      </c>
      <c r="E177" s="17">
        <v>9</v>
      </c>
      <c r="F177" s="17">
        <v>85</v>
      </c>
      <c r="G177" s="17">
        <v>337</v>
      </c>
      <c r="H177" s="17">
        <v>18732</v>
      </c>
      <c r="I177" s="17">
        <v>240</v>
      </c>
      <c r="J177" s="17">
        <v>5</v>
      </c>
      <c r="K177" s="17">
        <v>28</v>
      </c>
      <c r="L177" s="17">
        <v>205</v>
      </c>
      <c r="M177" s="17">
        <v>11313</v>
      </c>
      <c r="N177" s="17">
        <v>193</v>
      </c>
      <c r="O177" s="17">
        <v>4</v>
      </c>
      <c r="P177" s="17">
        <v>57</v>
      </c>
      <c r="Q177" s="17">
        <v>132</v>
      </c>
      <c r="R177" s="17">
        <v>7419</v>
      </c>
    </row>
    <row r="178" spans="1:18">
      <c r="A178" s="21" t="s">
        <v>558</v>
      </c>
      <c r="B178" s="10"/>
      <c r="C178" s="11"/>
      <c r="D178" s="17">
        <v>180</v>
      </c>
      <c r="E178" s="17">
        <v>3</v>
      </c>
      <c r="F178" s="17">
        <v>28</v>
      </c>
      <c r="G178" s="17">
        <v>149</v>
      </c>
      <c r="H178" s="17">
        <v>8327</v>
      </c>
      <c r="I178" s="17">
        <v>100</v>
      </c>
      <c r="J178" s="17">
        <v>1</v>
      </c>
      <c r="K178" s="17">
        <v>8</v>
      </c>
      <c r="L178" s="17">
        <v>91</v>
      </c>
      <c r="M178" s="17">
        <v>5121</v>
      </c>
      <c r="N178" s="17">
        <v>80</v>
      </c>
      <c r="O178" s="17">
        <v>2</v>
      </c>
      <c r="P178" s="17">
        <v>20</v>
      </c>
      <c r="Q178" s="17">
        <v>58</v>
      </c>
      <c r="R178" s="17">
        <v>3206</v>
      </c>
    </row>
    <row r="179" spans="1:18">
      <c r="A179" s="21" t="s">
        <v>559</v>
      </c>
      <c r="B179" s="10"/>
      <c r="C179" s="11"/>
      <c r="D179" s="17">
        <v>157</v>
      </c>
      <c r="E179" s="17">
        <v>5</v>
      </c>
      <c r="F179" s="17">
        <v>34</v>
      </c>
      <c r="G179" s="17">
        <v>116</v>
      </c>
      <c r="H179" s="17">
        <v>6290</v>
      </c>
      <c r="I179" s="17">
        <v>88</v>
      </c>
      <c r="J179" s="17">
        <v>3</v>
      </c>
      <c r="K179" s="17">
        <v>13</v>
      </c>
      <c r="L179" s="17">
        <v>70</v>
      </c>
      <c r="M179" s="17">
        <v>3735</v>
      </c>
      <c r="N179" s="17">
        <v>69</v>
      </c>
      <c r="O179" s="17">
        <v>2</v>
      </c>
      <c r="P179" s="17">
        <v>21</v>
      </c>
      <c r="Q179" s="17">
        <v>46</v>
      </c>
      <c r="R179" s="17">
        <v>2555</v>
      </c>
    </row>
    <row r="180" spans="1:18">
      <c r="A180" s="21" t="s">
        <v>560</v>
      </c>
      <c r="B180" s="10"/>
      <c r="C180" s="11"/>
      <c r="D180" s="17">
        <v>96</v>
      </c>
      <c r="E180" s="17">
        <v>1</v>
      </c>
      <c r="F180" s="17">
        <v>23</v>
      </c>
      <c r="G180" s="17">
        <v>72</v>
      </c>
      <c r="H180" s="17">
        <v>4115</v>
      </c>
      <c r="I180" s="17">
        <v>52</v>
      </c>
      <c r="J180" s="17">
        <v>1</v>
      </c>
      <c r="K180" s="17">
        <v>7</v>
      </c>
      <c r="L180" s="17">
        <v>44</v>
      </c>
      <c r="M180" s="17">
        <v>2457</v>
      </c>
      <c r="N180" s="17">
        <v>44</v>
      </c>
      <c r="O180" s="17" t="s">
        <v>35</v>
      </c>
      <c r="P180" s="17">
        <v>16</v>
      </c>
      <c r="Q180" s="17">
        <v>28</v>
      </c>
      <c r="R180" s="17">
        <v>1658</v>
      </c>
    </row>
    <row r="181" spans="1:18">
      <c r="A181" s="21" t="s">
        <v>561</v>
      </c>
      <c r="B181" s="10"/>
      <c r="C181" s="11"/>
      <c r="D181" s="17">
        <v>156</v>
      </c>
      <c r="E181" s="17">
        <v>2</v>
      </c>
      <c r="F181" s="17">
        <v>42</v>
      </c>
      <c r="G181" s="17">
        <v>112</v>
      </c>
      <c r="H181" s="17">
        <v>6376</v>
      </c>
      <c r="I181" s="17">
        <v>78</v>
      </c>
      <c r="J181" s="17">
        <v>1</v>
      </c>
      <c r="K181" s="17">
        <v>12</v>
      </c>
      <c r="L181" s="17">
        <v>65</v>
      </c>
      <c r="M181" s="17">
        <v>3507</v>
      </c>
      <c r="N181" s="17">
        <v>78</v>
      </c>
      <c r="O181" s="17">
        <v>1</v>
      </c>
      <c r="P181" s="17">
        <v>30</v>
      </c>
      <c r="Q181" s="17">
        <v>47</v>
      </c>
      <c r="R181" s="17">
        <v>2869</v>
      </c>
    </row>
    <row r="182" spans="1:18">
      <c r="A182" s="21" t="s">
        <v>562</v>
      </c>
      <c r="B182" s="10"/>
      <c r="C182" s="11"/>
      <c r="D182" s="17">
        <v>62</v>
      </c>
      <c r="E182" s="17" t="s">
        <v>35</v>
      </c>
      <c r="F182" s="17">
        <v>12</v>
      </c>
      <c r="G182" s="17">
        <v>50</v>
      </c>
      <c r="H182" s="17">
        <v>2665</v>
      </c>
      <c r="I182" s="17">
        <v>33</v>
      </c>
      <c r="J182" s="17" t="s">
        <v>35</v>
      </c>
      <c r="K182" s="17">
        <v>3</v>
      </c>
      <c r="L182" s="17">
        <v>30</v>
      </c>
      <c r="M182" s="17">
        <v>1555</v>
      </c>
      <c r="N182" s="17">
        <v>29</v>
      </c>
      <c r="O182" s="17" t="s">
        <v>35</v>
      </c>
      <c r="P182" s="17">
        <v>9</v>
      </c>
      <c r="Q182" s="17">
        <v>20</v>
      </c>
      <c r="R182" s="17">
        <v>1110</v>
      </c>
    </row>
    <row r="183" spans="1:18">
      <c r="A183" s="21" t="s">
        <v>563</v>
      </c>
      <c r="B183" s="10"/>
      <c r="C183" s="11"/>
      <c r="D183" s="17">
        <v>94</v>
      </c>
      <c r="E183" s="17">
        <v>2</v>
      </c>
      <c r="F183" s="17">
        <v>30</v>
      </c>
      <c r="G183" s="17">
        <v>62</v>
      </c>
      <c r="H183" s="17">
        <v>3711</v>
      </c>
      <c r="I183" s="17">
        <v>45</v>
      </c>
      <c r="J183" s="17">
        <v>1</v>
      </c>
      <c r="K183" s="17">
        <v>9</v>
      </c>
      <c r="L183" s="17">
        <v>35</v>
      </c>
      <c r="M183" s="17">
        <v>1952</v>
      </c>
      <c r="N183" s="17">
        <v>49</v>
      </c>
      <c r="O183" s="17">
        <v>1</v>
      </c>
      <c r="P183" s="17">
        <v>21</v>
      </c>
      <c r="Q183" s="17">
        <v>27</v>
      </c>
      <c r="R183" s="17">
        <v>1759</v>
      </c>
    </row>
    <row r="184" spans="1:18">
      <c r="A184" s="21" t="s">
        <v>564</v>
      </c>
      <c r="B184" s="10"/>
      <c r="C184" s="11"/>
      <c r="D184" s="17">
        <v>58</v>
      </c>
      <c r="E184" s="17" t="s">
        <v>35</v>
      </c>
      <c r="F184" s="17">
        <v>15</v>
      </c>
      <c r="G184" s="17">
        <v>43</v>
      </c>
      <c r="H184" s="17">
        <v>2493</v>
      </c>
      <c r="I184" s="17">
        <v>32</v>
      </c>
      <c r="J184" s="17" t="s">
        <v>35</v>
      </c>
      <c r="K184" s="17">
        <v>4</v>
      </c>
      <c r="L184" s="17">
        <v>28</v>
      </c>
      <c r="M184" s="17">
        <v>1599</v>
      </c>
      <c r="N184" s="17">
        <v>26</v>
      </c>
      <c r="O184" s="17" t="s">
        <v>35</v>
      </c>
      <c r="P184" s="17">
        <v>11</v>
      </c>
      <c r="Q184" s="17">
        <v>15</v>
      </c>
      <c r="R184" s="17">
        <v>894</v>
      </c>
    </row>
    <row r="185" spans="1:18">
      <c r="A185" s="21" t="s">
        <v>565</v>
      </c>
      <c r="B185" s="10"/>
      <c r="C185" s="11"/>
      <c r="D185" s="17">
        <v>112</v>
      </c>
      <c r="E185" s="17">
        <v>1</v>
      </c>
      <c r="F185" s="17">
        <v>24</v>
      </c>
      <c r="G185" s="17">
        <v>87</v>
      </c>
      <c r="H185" s="17">
        <v>4762</v>
      </c>
      <c r="I185" s="17">
        <v>59</v>
      </c>
      <c r="J185" s="17" t="s">
        <v>35</v>
      </c>
      <c r="K185" s="17">
        <v>8</v>
      </c>
      <c r="L185" s="17">
        <v>51</v>
      </c>
      <c r="M185" s="17">
        <v>2857</v>
      </c>
      <c r="N185" s="17">
        <v>53</v>
      </c>
      <c r="O185" s="17">
        <v>1</v>
      </c>
      <c r="P185" s="17">
        <v>16</v>
      </c>
      <c r="Q185" s="17">
        <v>36</v>
      </c>
      <c r="R185" s="17">
        <v>1905</v>
      </c>
    </row>
    <row r="186" spans="1:18">
      <c r="A186" s="21" t="s">
        <v>566</v>
      </c>
      <c r="B186" s="10"/>
      <c r="C186" s="11"/>
      <c r="D186" s="17">
        <v>19</v>
      </c>
      <c r="E186" s="17">
        <v>1</v>
      </c>
      <c r="F186" s="17">
        <v>6</v>
      </c>
      <c r="G186" s="17">
        <v>12</v>
      </c>
      <c r="H186" s="17">
        <v>744</v>
      </c>
      <c r="I186" s="17">
        <v>10</v>
      </c>
      <c r="J186" s="17" t="s">
        <v>35</v>
      </c>
      <c r="K186" s="17">
        <v>2</v>
      </c>
      <c r="L186" s="17">
        <v>8</v>
      </c>
      <c r="M186" s="17">
        <v>486</v>
      </c>
      <c r="N186" s="17">
        <v>9</v>
      </c>
      <c r="O186" s="17">
        <v>1</v>
      </c>
      <c r="P186" s="17">
        <v>4</v>
      </c>
      <c r="Q186" s="17">
        <v>4</v>
      </c>
      <c r="R186" s="17">
        <v>258</v>
      </c>
    </row>
    <row r="187" spans="1:18">
      <c r="A187" s="21" t="s">
        <v>567</v>
      </c>
      <c r="B187" s="10"/>
      <c r="C187" s="11"/>
      <c r="D187" s="17">
        <v>93</v>
      </c>
      <c r="E187" s="17" t="s">
        <v>35</v>
      </c>
      <c r="F187" s="17">
        <v>18</v>
      </c>
      <c r="G187" s="17">
        <v>75</v>
      </c>
      <c r="H187" s="17">
        <v>4018</v>
      </c>
      <c r="I187" s="17">
        <v>49</v>
      </c>
      <c r="J187" s="17" t="s">
        <v>35</v>
      </c>
      <c r="K187" s="17">
        <v>6</v>
      </c>
      <c r="L187" s="17">
        <v>43</v>
      </c>
      <c r="M187" s="17">
        <v>2371</v>
      </c>
      <c r="N187" s="17">
        <v>44</v>
      </c>
      <c r="O187" s="17" t="s">
        <v>35</v>
      </c>
      <c r="P187" s="17">
        <v>12</v>
      </c>
      <c r="Q187" s="17">
        <v>32</v>
      </c>
      <c r="R187" s="17">
        <v>1647</v>
      </c>
    </row>
    <row r="188" spans="1:18">
      <c r="A188" s="21" t="s">
        <v>568</v>
      </c>
      <c r="B188" s="10"/>
      <c r="C188" s="11"/>
      <c r="D188" s="17">
        <v>249</v>
      </c>
      <c r="E188" s="17">
        <v>3</v>
      </c>
      <c r="F188" s="17">
        <v>36</v>
      </c>
      <c r="G188" s="17">
        <v>210</v>
      </c>
      <c r="H188" s="17">
        <v>10797</v>
      </c>
      <c r="I188" s="17">
        <v>119</v>
      </c>
      <c r="J188" s="17" t="s">
        <v>35</v>
      </c>
      <c r="K188" s="17">
        <v>8</v>
      </c>
      <c r="L188" s="17">
        <v>111</v>
      </c>
      <c r="M188" s="17">
        <v>5782</v>
      </c>
      <c r="N188" s="17">
        <v>130</v>
      </c>
      <c r="O188" s="17">
        <v>3</v>
      </c>
      <c r="P188" s="17">
        <v>28</v>
      </c>
      <c r="Q188" s="17">
        <v>99</v>
      </c>
      <c r="R188" s="17">
        <v>5015</v>
      </c>
    </row>
    <row r="189" spans="1:18">
      <c r="A189" s="21" t="s">
        <v>569</v>
      </c>
      <c r="B189" s="10"/>
      <c r="C189" s="11"/>
      <c r="D189" s="17">
        <v>65</v>
      </c>
      <c r="E189" s="17" t="s">
        <v>35</v>
      </c>
      <c r="F189" s="17">
        <v>15</v>
      </c>
      <c r="G189" s="17">
        <v>50</v>
      </c>
      <c r="H189" s="17">
        <v>2630</v>
      </c>
      <c r="I189" s="17">
        <v>38</v>
      </c>
      <c r="J189" s="17" t="s">
        <v>35</v>
      </c>
      <c r="K189" s="17">
        <v>3</v>
      </c>
      <c r="L189" s="17">
        <v>35</v>
      </c>
      <c r="M189" s="17">
        <v>1734</v>
      </c>
      <c r="N189" s="17">
        <v>27</v>
      </c>
      <c r="O189" s="17" t="s">
        <v>35</v>
      </c>
      <c r="P189" s="17">
        <v>12</v>
      </c>
      <c r="Q189" s="17">
        <v>15</v>
      </c>
      <c r="R189" s="17">
        <v>896</v>
      </c>
    </row>
    <row r="190" spans="1:18">
      <c r="A190" s="21" t="s">
        <v>570</v>
      </c>
      <c r="B190" s="10"/>
      <c r="C190" s="11"/>
      <c r="D190" s="17">
        <v>184</v>
      </c>
      <c r="E190" s="17">
        <v>3</v>
      </c>
      <c r="F190" s="17">
        <v>21</v>
      </c>
      <c r="G190" s="17">
        <v>160</v>
      </c>
      <c r="H190" s="17">
        <v>8167</v>
      </c>
      <c r="I190" s="17">
        <v>81</v>
      </c>
      <c r="J190" s="17" t="s">
        <v>35</v>
      </c>
      <c r="K190" s="17">
        <v>5</v>
      </c>
      <c r="L190" s="17">
        <v>76</v>
      </c>
      <c r="M190" s="17">
        <v>4048</v>
      </c>
      <c r="N190" s="17">
        <v>103</v>
      </c>
      <c r="O190" s="17">
        <v>3</v>
      </c>
      <c r="P190" s="17">
        <v>16</v>
      </c>
      <c r="Q190" s="17">
        <v>84</v>
      </c>
      <c r="R190" s="17">
        <v>4119</v>
      </c>
    </row>
    <row r="191" spans="1:18">
      <c r="A191" s="21" t="s">
        <v>571</v>
      </c>
      <c r="B191" s="10"/>
      <c r="C191" s="11"/>
      <c r="D191" s="17">
        <v>366</v>
      </c>
      <c r="E191" s="17">
        <v>6</v>
      </c>
      <c r="F191" s="17">
        <v>89</v>
      </c>
      <c r="G191" s="17">
        <v>271</v>
      </c>
      <c r="H191" s="17">
        <v>15395</v>
      </c>
      <c r="I191" s="17">
        <v>188</v>
      </c>
      <c r="J191" s="17">
        <v>3</v>
      </c>
      <c r="K191" s="17">
        <v>32</v>
      </c>
      <c r="L191" s="17">
        <v>153</v>
      </c>
      <c r="M191" s="17">
        <v>8764</v>
      </c>
      <c r="N191" s="17">
        <v>178</v>
      </c>
      <c r="O191" s="17">
        <v>3</v>
      </c>
      <c r="P191" s="17">
        <v>57</v>
      </c>
      <c r="Q191" s="17">
        <v>118</v>
      </c>
      <c r="R191" s="17">
        <v>6631</v>
      </c>
    </row>
    <row r="192" spans="1:18">
      <c r="A192" s="21" t="s">
        <v>572</v>
      </c>
      <c r="B192" s="10"/>
      <c r="C192" s="11"/>
      <c r="D192" s="17">
        <v>221</v>
      </c>
      <c r="E192" s="17">
        <v>3</v>
      </c>
      <c r="F192" s="17">
        <v>57</v>
      </c>
      <c r="G192" s="17">
        <v>161</v>
      </c>
      <c r="H192" s="17">
        <v>9073</v>
      </c>
      <c r="I192" s="17">
        <v>114</v>
      </c>
      <c r="J192" s="17">
        <v>1</v>
      </c>
      <c r="K192" s="17">
        <v>19</v>
      </c>
      <c r="L192" s="17">
        <v>94</v>
      </c>
      <c r="M192" s="17">
        <v>5345</v>
      </c>
      <c r="N192" s="17">
        <v>107</v>
      </c>
      <c r="O192" s="17">
        <v>2</v>
      </c>
      <c r="P192" s="17">
        <v>38</v>
      </c>
      <c r="Q192" s="17">
        <v>67</v>
      </c>
      <c r="R192" s="17">
        <v>3728</v>
      </c>
    </row>
    <row r="193" spans="1:18">
      <c r="A193" s="21" t="s">
        <v>573</v>
      </c>
      <c r="B193" s="10"/>
      <c r="C193" s="11"/>
      <c r="D193" s="17">
        <v>145</v>
      </c>
      <c r="E193" s="17">
        <v>3</v>
      </c>
      <c r="F193" s="17">
        <v>32</v>
      </c>
      <c r="G193" s="17">
        <v>110</v>
      </c>
      <c r="H193" s="17">
        <v>6322</v>
      </c>
      <c r="I193" s="17">
        <v>74</v>
      </c>
      <c r="J193" s="17">
        <v>2</v>
      </c>
      <c r="K193" s="17">
        <v>13</v>
      </c>
      <c r="L193" s="17">
        <v>59</v>
      </c>
      <c r="M193" s="17">
        <v>3419</v>
      </c>
      <c r="N193" s="17">
        <v>71</v>
      </c>
      <c r="O193" s="17">
        <v>1</v>
      </c>
      <c r="P193" s="17">
        <v>19</v>
      </c>
      <c r="Q193" s="17">
        <v>51</v>
      </c>
      <c r="R193" s="17">
        <v>2903</v>
      </c>
    </row>
    <row r="194" spans="1:18">
      <c r="A194" s="21" t="s">
        <v>574</v>
      </c>
      <c r="B194" s="10"/>
      <c r="C194" s="11"/>
      <c r="D194" s="17">
        <v>193</v>
      </c>
      <c r="E194" s="17">
        <v>5</v>
      </c>
      <c r="F194" s="17">
        <v>37</v>
      </c>
      <c r="G194" s="17">
        <v>151</v>
      </c>
      <c r="H194" s="17">
        <v>8122</v>
      </c>
      <c r="I194" s="17">
        <v>115</v>
      </c>
      <c r="J194" s="17">
        <v>3</v>
      </c>
      <c r="K194" s="17">
        <v>11</v>
      </c>
      <c r="L194" s="17">
        <v>101</v>
      </c>
      <c r="M194" s="17">
        <v>5387</v>
      </c>
      <c r="N194" s="17">
        <v>78</v>
      </c>
      <c r="O194" s="17">
        <v>2</v>
      </c>
      <c r="P194" s="17">
        <v>26</v>
      </c>
      <c r="Q194" s="17">
        <v>50</v>
      </c>
      <c r="R194" s="17">
        <v>2735</v>
      </c>
    </row>
    <row r="195" spans="1:18">
      <c r="A195" s="21" t="s">
        <v>575</v>
      </c>
      <c r="B195" s="10"/>
      <c r="C195" s="11"/>
      <c r="D195" s="17">
        <v>115</v>
      </c>
      <c r="E195" s="17">
        <v>2</v>
      </c>
      <c r="F195" s="17">
        <v>26</v>
      </c>
      <c r="G195" s="17">
        <v>87</v>
      </c>
      <c r="H195" s="17">
        <v>4601</v>
      </c>
      <c r="I195" s="17">
        <v>67</v>
      </c>
      <c r="J195" s="17">
        <v>2</v>
      </c>
      <c r="K195" s="17">
        <v>7</v>
      </c>
      <c r="L195" s="17">
        <v>58</v>
      </c>
      <c r="M195" s="17">
        <v>2994</v>
      </c>
      <c r="N195" s="17">
        <v>48</v>
      </c>
      <c r="O195" s="17" t="s">
        <v>35</v>
      </c>
      <c r="P195" s="17">
        <v>19</v>
      </c>
      <c r="Q195" s="17">
        <v>29</v>
      </c>
      <c r="R195" s="17">
        <v>1607</v>
      </c>
    </row>
    <row r="196" spans="1:18">
      <c r="A196" s="21" t="s">
        <v>576</v>
      </c>
      <c r="B196" s="10"/>
      <c r="C196" s="11"/>
      <c r="D196" s="17">
        <v>78</v>
      </c>
      <c r="E196" s="17">
        <v>3</v>
      </c>
      <c r="F196" s="17">
        <v>11</v>
      </c>
      <c r="G196" s="17">
        <v>64</v>
      </c>
      <c r="H196" s="17">
        <v>3521</v>
      </c>
      <c r="I196" s="17">
        <v>48</v>
      </c>
      <c r="J196" s="17">
        <v>1</v>
      </c>
      <c r="K196" s="17">
        <v>4</v>
      </c>
      <c r="L196" s="17">
        <v>43</v>
      </c>
      <c r="M196" s="17">
        <v>2393</v>
      </c>
      <c r="N196" s="17">
        <v>30</v>
      </c>
      <c r="O196" s="17">
        <v>2</v>
      </c>
      <c r="P196" s="17">
        <v>7</v>
      </c>
      <c r="Q196" s="17">
        <v>21</v>
      </c>
      <c r="R196" s="17">
        <v>1128</v>
      </c>
    </row>
    <row r="197" spans="1:18">
      <c r="A197" s="21" t="s">
        <v>577</v>
      </c>
      <c r="B197" s="10"/>
      <c r="C197" s="11"/>
      <c r="D197" s="17">
        <v>183</v>
      </c>
      <c r="E197" s="17">
        <v>1</v>
      </c>
      <c r="F197" s="17">
        <v>24</v>
      </c>
      <c r="G197" s="17">
        <v>158</v>
      </c>
      <c r="H197" s="17">
        <v>8076</v>
      </c>
      <c r="I197" s="17">
        <v>79</v>
      </c>
      <c r="J197" s="17" t="s">
        <v>35</v>
      </c>
      <c r="K197" s="17">
        <v>5</v>
      </c>
      <c r="L197" s="17">
        <v>74</v>
      </c>
      <c r="M197" s="17">
        <v>3856</v>
      </c>
      <c r="N197" s="17">
        <v>104</v>
      </c>
      <c r="O197" s="17">
        <v>1</v>
      </c>
      <c r="P197" s="17">
        <v>19</v>
      </c>
      <c r="Q197" s="17">
        <v>84</v>
      </c>
      <c r="R197" s="17">
        <v>4220</v>
      </c>
    </row>
    <row r="198" spans="1:18">
      <c r="A198" s="21" t="s">
        <v>578</v>
      </c>
      <c r="B198" s="10"/>
      <c r="C198" s="11"/>
      <c r="D198" s="17">
        <v>43</v>
      </c>
      <c r="E198" s="17">
        <v>1</v>
      </c>
      <c r="F198" s="17">
        <v>8</v>
      </c>
      <c r="G198" s="17">
        <v>34</v>
      </c>
      <c r="H198" s="17">
        <v>1680</v>
      </c>
      <c r="I198" s="17">
        <v>18</v>
      </c>
      <c r="J198" s="17" t="s">
        <v>35</v>
      </c>
      <c r="K198" s="17">
        <v>1</v>
      </c>
      <c r="L198" s="17">
        <v>17</v>
      </c>
      <c r="M198" s="17">
        <v>790</v>
      </c>
      <c r="N198" s="17">
        <v>25</v>
      </c>
      <c r="O198" s="17">
        <v>1</v>
      </c>
      <c r="P198" s="17">
        <v>7</v>
      </c>
      <c r="Q198" s="17">
        <v>17</v>
      </c>
      <c r="R198" s="17">
        <v>890</v>
      </c>
    </row>
    <row r="199" spans="1:18">
      <c r="A199" s="21" t="s">
        <v>579</v>
      </c>
      <c r="B199" s="10"/>
      <c r="C199" s="11"/>
      <c r="D199" s="17">
        <v>140</v>
      </c>
      <c r="E199" s="17" t="s">
        <v>35</v>
      </c>
      <c r="F199" s="17">
        <v>16</v>
      </c>
      <c r="G199" s="17">
        <v>124</v>
      </c>
      <c r="H199" s="17">
        <v>6396</v>
      </c>
      <c r="I199" s="17">
        <v>61</v>
      </c>
      <c r="J199" s="17" t="s">
        <v>35</v>
      </c>
      <c r="K199" s="17">
        <v>4</v>
      </c>
      <c r="L199" s="17">
        <v>57</v>
      </c>
      <c r="M199" s="17">
        <v>3066</v>
      </c>
      <c r="N199" s="17">
        <v>79</v>
      </c>
      <c r="O199" s="17" t="s">
        <v>35</v>
      </c>
      <c r="P199" s="17">
        <v>12</v>
      </c>
      <c r="Q199" s="17">
        <v>67</v>
      </c>
      <c r="R199" s="17">
        <v>3330</v>
      </c>
    </row>
    <row r="200" spans="1:18">
      <c r="A200" s="21" t="s">
        <v>580</v>
      </c>
      <c r="B200" s="10"/>
      <c r="C200" s="11"/>
      <c r="D200" s="17">
        <v>344</v>
      </c>
      <c r="E200" s="17">
        <v>7</v>
      </c>
      <c r="F200" s="17">
        <v>76</v>
      </c>
      <c r="G200" s="17">
        <v>260</v>
      </c>
      <c r="H200" s="17">
        <v>14608</v>
      </c>
      <c r="I200" s="17">
        <v>186</v>
      </c>
      <c r="J200" s="17">
        <v>5</v>
      </c>
      <c r="K200" s="17">
        <v>25</v>
      </c>
      <c r="L200" s="17">
        <v>155</v>
      </c>
      <c r="M200" s="17">
        <v>8706</v>
      </c>
      <c r="N200" s="17">
        <v>158</v>
      </c>
      <c r="O200" s="17">
        <v>2</v>
      </c>
      <c r="P200" s="17">
        <v>51</v>
      </c>
      <c r="Q200" s="17">
        <v>105</v>
      </c>
      <c r="R200" s="17">
        <v>5902</v>
      </c>
    </row>
    <row r="201" spans="1:18">
      <c r="A201" s="21" t="s">
        <v>581</v>
      </c>
      <c r="B201" s="10"/>
      <c r="C201" s="11"/>
      <c r="D201" s="17">
        <v>4369</v>
      </c>
      <c r="E201" s="17">
        <v>58</v>
      </c>
      <c r="F201" s="17">
        <v>932</v>
      </c>
      <c r="G201" s="17">
        <v>3373</v>
      </c>
      <c r="H201" s="17">
        <v>186606</v>
      </c>
      <c r="I201" s="17">
        <v>2245</v>
      </c>
      <c r="J201" s="17">
        <v>27</v>
      </c>
      <c r="K201" s="17">
        <v>282</v>
      </c>
      <c r="L201" s="17">
        <v>1933</v>
      </c>
      <c r="M201" s="17">
        <v>106030</v>
      </c>
      <c r="N201" s="17">
        <v>2124</v>
      </c>
      <c r="O201" s="17">
        <v>31</v>
      </c>
      <c r="P201" s="17">
        <v>650</v>
      </c>
      <c r="Q201" s="17">
        <v>1440</v>
      </c>
      <c r="R201" s="17">
        <v>80576</v>
      </c>
    </row>
    <row r="202" spans="1:18">
      <c r="A202" s="21" t="s">
        <v>582</v>
      </c>
      <c r="B202" s="10"/>
      <c r="C202" s="11"/>
      <c r="D202" s="17">
        <v>93</v>
      </c>
      <c r="E202" s="17">
        <v>2</v>
      </c>
      <c r="F202" s="17">
        <v>23</v>
      </c>
      <c r="G202" s="17">
        <v>68</v>
      </c>
      <c r="H202" s="17">
        <v>3712</v>
      </c>
      <c r="I202" s="17">
        <v>31</v>
      </c>
      <c r="J202" s="17">
        <v>1</v>
      </c>
      <c r="K202" s="17">
        <v>8</v>
      </c>
      <c r="L202" s="17">
        <v>22</v>
      </c>
      <c r="M202" s="17">
        <v>1345</v>
      </c>
      <c r="N202" s="17">
        <v>62</v>
      </c>
      <c r="O202" s="17">
        <v>1</v>
      </c>
      <c r="P202" s="17">
        <v>15</v>
      </c>
      <c r="Q202" s="17">
        <v>46</v>
      </c>
      <c r="R202" s="17">
        <v>2367</v>
      </c>
    </row>
    <row r="203" spans="1:18">
      <c r="A203" s="21" t="s">
        <v>583</v>
      </c>
      <c r="B203" s="10"/>
      <c r="C203" s="11"/>
      <c r="D203" s="17">
        <v>139</v>
      </c>
      <c r="E203" s="17" t="s">
        <v>35</v>
      </c>
      <c r="F203" s="17">
        <v>28</v>
      </c>
      <c r="G203" s="17">
        <v>111</v>
      </c>
      <c r="H203" s="17">
        <v>6240</v>
      </c>
      <c r="I203" s="17">
        <v>70</v>
      </c>
      <c r="J203" s="17" t="s">
        <v>35</v>
      </c>
      <c r="K203" s="17">
        <v>8</v>
      </c>
      <c r="L203" s="17">
        <v>62</v>
      </c>
      <c r="M203" s="17">
        <v>3442</v>
      </c>
      <c r="N203" s="17">
        <v>69</v>
      </c>
      <c r="O203" s="17" t="s">
        <v>35</v>
      </c>
      <c r="P203" s="17">
        <v>20</v>
      </c>
      <c r="Q203" s="17">
        <v>49</v>
      </c>
      <c r="R203" s="17">
        <v>2798</v>
      </c>
    </row>
    <row r="204" spans="1:18">
      <c r="A204" s="21" t="s">
        <v>584</v>
      </c>
      <c r="B204" s="10"/>
      <c r="C204" s="11"/>
      <c r="D204" s="17">
        <v>78</v>
      </c>
      <c r="E204" s="17" t="s">
        <v>35</v>
      </c>
      <c r="F204" s="17">
        <v>24</v>
      </c>
      <c r="G204" s="17">
        <v>53</v>
      </c>
      <c r="H204" s="17">
        <v>2956</v>
      </c>
      <c r="I204" s="17">
        <v>32</v>
      </c>
      <c r="J204" s="17" t="s">
        <v>35</v>
      </c>
      <c r="K204" s="17">
        <v>8</v>
      </c>
      <c r="L204" s="17">
        <v>23</v>
      </c>
      <c r="M204" s="17">
        <v>1280</v>
      </c>
      <c r="N204" s="17">
        <v>46</v>
      </c>
      <c r="O204" s="17" t="s">
        <v>35</v>
      </c>
      <c r="P204" s="17">
        <v>16</v>
      </c>
      <c r="Q204" s="17">
        <v>30</v>
      </c>
      <c r="R204" s="17">
        <v>1676</v>
      </c>
    </row>
    <row r="205" spans="1:18">
      <c r="A205" s="21" t="s">
        <v>585</v>
      </c>
      <c r="B205" s="10"/>
      <c r="C205" s="11"/>
      <c r="D205" s="17">
        <v>514</v>
      </c>
      <c r="E205" s="17">
        <v>7</v>
      </c>
      <c r="F205" s="17">
        <v>85</v>
      </c>
      <c r="G205" s="17">
        <v>422</v>
      </c>
      <c r="H205" s="17">
        <v>22826</v>
      </c>
      <c r="I205" s="17">
        <v>280</v>
      </c>
      <c r="J205" s="17">
        <v>2</v>
      </c>
      <c r="K205" s="17">
        <v>23</v>
      </c>
      <c r="L205" s="17">
        <v>255</v>
      </c>
      <c r="M205" s="17">
        <v>13627</v>
      </c>
      <c r="N205" s="17">
        <v>234</v>
      </c>
      <c r="O205" s="17">
        <v>5</v>
      </c>
      <c r="P205" s="17">
        <v>62</v>
      </c>
      <c r="Q205" s="17">
        <v>167</v>
      </c>
      <c r="R205" s="17">
        <v>9199</v>
      </c>
    </row>
    <row r="206" spans="1:18">
      <c r="A206" s="21" t="s">
        <v>586</v>
      </c>
      <c r="B206" s="10"/>
      <c r="C206" s="11"/>
      <c r="D206" s="17">
        <v>477</v>
      </c>
      <c r="E206" s="17">
        <v>9</v>
      </c>
      <c r="F206" s="17">
        <v>86</v>
      </c>
      <c r="G206" s="17">
        <v>382</v>
      </c>
      <c r="H206" s="17">
        <v>20574</v>
      </c>
      <c r="I206" s="17">
        <v>240</v>
      </c>
      <c r="J206" s="17">
        <v>4</v>
      </c>
      <c r="K206" s="17">
        <v>21</v>
      </c>
      <c r="L206" s="17">
        <v>215</v>
      </c>
      <c r="M206" s="17">
        <v>11531</v>
      </c>
      <c r="N206" s="17">
        <v>237</v>
      </c>
      <c r="O206" s="17">
        <v>5</v>
      </c>
      <c r="P206" s="17">
        <v>65</v>
      </c>
      <c r="Q206" s="17">
        <v>167</v>
      </c>
      <c r="R206" s="17">
        <v>9043</v>
      </c>
    </row>
    <row r="207" spans="1:18">
      <c r="A207" s="21" t="s">
        <v>587</v>
      </c>
      <c r="B207" s="10"/>
      <c r="C207" s="11"/>
      <c r="D207" s="17">
        <v>1481</v>
      </c>
      <c r="E207" s="17">
        <v>22</v>
      </c>
      <c r="F207" s="17">
        <v>320</v>
      </c>
      <c r="G207" s="17">
        <v>1137</v>
      </c>
      <c r="H207" s="17">
        <v>62966</v>
      </c>
      <c r="I207" s="17">
        <v>767</v>
      </c>
      <c r="J207" s="17">
        <v>11</v>
      </c>
      <c r="K207" s="17">
        <v>94</v>
      </c>
      <c r="L207" s="17">
        <v>662</v>
      </c>
      <c r="M207" s="17">
        <v>36227</v>
      </c>
      <c r="N207" s="17">
        <v>714</v>
      </c>
      <c r="O207" s="17">
        <v>11</v>
      </c>
      <c r="P207" s="17">
        <v>226</v>
      </c>
      <c r="Q207" s="17">
        <v>475</v>
      </c>
      <c r="R207" s="17">
        <v>26739</v>
      </c>
    </row>
    <row r="208" spans="1:18">
      <c r="A208" s="21" t="s">
        <v>588</v>
      </c>
      <c r="B208" s="10"/>
      <c r="C208" s="11"/>
      <c r="D208" s="17">
        <v>821</v>
      </c>
      <c r="E208" s="17">
        <v>10</v>
      </c>
      <c r="F208" s="17">
        <v>183</v>
      </c>
      <c r="G208" s="17">
        <v>625</v>
      </c>
      <c r="H208" s="17">
        <v>34862</v>
      </c>
      <c r="I208" s="17">
        <v>416</v>
      </c>
      <c r="J208" s="17">
        <v>4</v>
      </c>
      <c r="K208" s="17">
        <v>64</v>
      </c>
      <c r="L208" s="17">
        <v>346</v>
      </c>
      <c r="M208" s="17">
        <v>19318</v>
      </c>
      <c r="N208" s="17">
        <v>405</v>
      </c>
      <c r="O208" s="17">
        <v>6</v>
      </c>
      <c r="P208" s="17">
        <v>119</v>
      </c>
      <c r="Q208" s="17">
        <v>279</v>
      </c>
      <c r="R208" s="17">
        <v>15544</v>
      </c>
    </row>
    <row r="209" spans="1:18">
      <c r="A209" s="21" t="s">
        <v>589</v>
      </c>
      <c r="B209" s="10"/>
      <c r="C209" s="11"/>
      <c r="D209" s="17">
        <v>312</v>
      </c>
      <c r="E209" s="17">
        <v>2</v>
      </c>
      <c r="F209" s="17">
        <v>72</v>
      </c>
      <c r="G209" s="17">
        <v>238</v>
      </c>
      <c r="H209" s="17">
        <v>13494</v>
      </c>
      <c r="I209" s="17">
        <v>178</v>
      </c>
      <c r="J209" s="17">
        <v>2</v>
      </c>
      <c r="K209" s="17">
        <v>20</v>
      </c>
      <c r="L209" s="17">
        <v>156</v>
      </c>
      <c r="M209" s="17">
        <v>8573</v>
      </c>
      <c r="N209" s="17">
        <v>134</v>
      </c>
      <c r="O209" s="17" t="s">
        <v>35</v>
      </c>
      <c r="P209" s="17">
        <v>52</v>
      </c>
      <c r="Q209" s="17">
        <v>82</v>
      </c>
      <c r="R209" s="17">
        <v>4921</v>
      </c>
    </row>
    <row r="210" spans="1:18">
      <c r="A210" s="21" t="s">
        <v>590</v>
      </c>
      <c r="B210" s="10"/>
      <c r="C210" s="11"/>
      <c r="D210" s="17">
        <v>454</v>
      </c>
      <c r="E210" s="17">
        <v>6</v>
      </c>
      <c r="F210" s="17">
        <v>111</v>
      </c>
      <c r="G210" s="17">
        <v>337</v>
      </c>
      <c r="H210" s="17">
        <v>18976</v>
      </c>
      <c r="I210" s="17">
        <v>231</v>
      </c>
      <c r="J210" s="17">
        <v>3</v>
      </c>
      <c r="K210" s="17">
        <v>36</v>
      </c>
      <c r="L210" s="17">
        <v>192</v>
      </c>
      <c r="M210" s="17">
        <v>10687</v>
      </c>
      <c r="N210" s="17">
        <v>223</v>
      </c>
      <c r="O210" s="17">
        <v>3</v>
      </c>
      <c r="P210" s="17">
        <v>75</v>
      </c>
      <c r="Q210" s="17">
        <v>145</v>
      </c>
      <c r="R210" s="17">
        <v>8289</v>
      </c>
    </row>
    <row r="211" spans="1:18">
      <c r="A211" s="21" t="s">
        <v>591</v>
      </c>
      <c r="B211" s="10"/>
      <c r="C211" s="11"/>
      <c r="D211" s="17">
        <v>53</v>
      </c>
      <c r="E211" s="17">
        <v>2</v>
      </c>
      <c r="F211" s="17">
        <v>16</v>
      </c>
      <c r="G211" s="17">
        <v>35</v>
      </c>
      <c r="H211" s="17">
        <v>2130</v>
      </c>
      <c r="I211" s="17">
        <v>23</v>
      </c>
      <c r="J211" s="17">
        <v>1</v>
      </c>
      <c r="K211" s="17">
        <v>4</v>
      </c>
      <c r="L211" s="17">
        <v>18</v>
      </c>
      <c r="M211" s="17">
        <v>993</v>
      </c>
      <c r="N211" s="17">
        <v>30</v>
      </c>
      <c r="O211" s="17">
        <v>1</v>
      </c>
      <c r="P211" s="17">
        <v>12</v>
      </c>
      <c r="Q211" s="17">
        <v>17</v>
      </c>
      <c r="R211" s="17">
        <v>1137</v>
      </c>
    </row>
    <row r="212" spans="1:18">
      <c r="A212" s="21" t="s">
        <v>592</v>
      </c>
      <c r="B212" s="10"/>
      <c r="C212" s="11"/>
      <c r="D212" s="17">
        <v>53</v>
      </c>
      <c r="E212" s="17">
        <v>2</v>
      </c>
      <c r="F212" s="17">
        <v>16</v>
      </c>
      <c r="G212" s="17">
        <v>35</v>
      </c>
      <c r="H212" s="17">
        <v>2130</v>
      </c>
      <c r="I212" s="17">
        <v>23</v>
      </c>
      <c r="J212" s="17">
        <v>1</v>
      </c>
      <c r="K212" s="17">
        <v>4</v>
      </c>
      <c r="L212" s="17">
        <v>18</v>
      </c>
      <c r="M212" s="17">
        <v>993</v>
      </c>
      <c r="N212" s="17">
        <v>30</v>
      </c>
      <c r="O212" s="17">
        <v>1</v>
      </c>
      <c r="P212" s="17">
        <v>12</v>
      </c>
      <c r="Q212" s="17">
        <v>17</v>
      </c>
      <c r="R212" s="17">
        <v>1137</v>
      </c>
    </row>
    <row r="213" spans="1:18">
      <c r="A213" s="21" t="s">
        <v>593</v>
      </c>
      <c r="B213" s="10"/>
      <c r="C213" s="11"/>
      <c r="D213" s="17" t="s">
        <v>35</v>
      </c>
      <c r="E213" s="17" t="s">
        <v>35</v>
      </c>
      <c r="F213" s="17" t="s">
        <v>35</v>
      </c>
      <c r="G213" s="17" t="s">
        <v>35</v>
      </c>
      <c r="H213" s="17" t="s">
        <v>35</v>
      </c>
      <c r="I213" s="17" t="s">
        <v>35</v>
      </c>
      <c r="J213" s="17" t="s">
        <v>35</v>
      </c>
      <c r="K213" s="17" t="s">
        <v>35</v>
      </c>
      <c r="L213" s="17" t="s">
        <v>35</v>
      </c>
      <c r="M213" s="17" t="s">
        <v>35</v>
      </c>
      <c r="N213" s="17" t="s">
        <v>35</v>
      </c>
      <c r="O213" s="17" t="s">
        <v>35</v>
      </c>
      <c r="P213" s="17" t="s">
        <v>35</v>
      </c>
      <c r="Q213" s="17" t="s">
        <v>35</v>
      </c>
      <c r="R213" s="17" t="s">
        <v>35</v>
      </c>
    </row>
    <row r="214" spans="1:18">
      <c r="A214" s="21" t="s">
        <v>594</v>
      </c>
      <c r="B214" s="10"/>
      <c r="C214" s="11"/>
      <c r="D214" s="17" t="s">
        <v>35</v>
      </c>
      <c r="E214" s="17" t="s">
        <v>35</v>
      </c>
      <c r="F214" s="17" t="s">
        <v>35</v>
      </c>
      <c r="G214" s="17" t="s">
        <v>35</v>
      </c>
      <c r="H214" s="17" t="s">
        <v>35</v>
      </c>
      <c r="I214" s="17" t="s">
        <v>35</v>
      </c>
      <c r="J214" s="17" t="s">
        <v>35</v>
      </c>
      <c r="K214" s="17" t="s">
        <v>35</v>
      </c>
      <c r="L214" s="17" t="s">
        <v>35</v>
      </c>
      <c r="M214" s="17" t="s">
        <v>35</v>
      </c>
      <c r="N214" s="17" t="s">
        <v>35</v>
      </c>
      <c r="O214" s="17" t="s">
        <v>35</v>
      </c>
      <c r="P214" s="17" t="s">
        <v>35</v>
      </c>
      <c r="Q214" s="17" t="s">
        <v>35</v>
      </c>
      <c r="R214" s="17" t="s">
        <v>35</v>
      </c>
    </row>
    <row r="215" spans="1:18">
      <c r="A215" s="21" t="s">
        <v>595</v>
      </c>
      <c r="B215" s="10"/>
      <c r="C215" s="11"/>
      <c r="D215" s="17" t="s">
        <v>35</v>
      </c>
      <c r="E215" s="17" t="s">
        <v>35</v>
      </c>
      <c r="F215" s="17" t="s">
        <v>35</v>
      </c>
      <c r="G215" s="17" t="s">
        <v>35</v>
      </c>
      <c r="H215" s="17" t="s">
        <v>35</v>
      </c>
      <c r="I215" s="17" t="s">
        <v>35</v>
      </c>
      <c r="J215" s="17" t="s">
        <v>35</v>
      </c>
      <c r="K215" s="17" t="s">
        <v>35</v>
      </c>
      <c r="L215" s="17" t="s">
        <v>35</v>
      </c>
      <c r="M215" s="17" t="s">
        <v>35</v>
      </c>
      <c r="N215" s="17" t="s">
        <v>35</v>
      </c>
      <c r="O215" s="17" t="s">
        <v>35</v>
      </c>
      <c r="P215" s="17" t="s">
        <v>35</v>
      </c>
      <c r="Q215" s="17" t="s">
        <v>35</v>
      </c>
      <c r="R215" s="17" t="s">
        <v>35</v>
      </c>
    </row>
    <row r="216" spans="1:18">
      <c r="A216" s="21" t="s">
        <v>596</v>
      </c>
      <c r="B216" s="10"/>
      <c r="C216" s="11"/>
      <c r="D216" s="17">
        <v>426</v>
      </c>
      <c r="E216" s="17">
        <v>2</v>
      </c>
      <c r="F216" s="17">
        <v>103</v>
      </c>
      <c r="G216" s="17">
        <v>320</v>
      </c>
      <c r="H216" s="17">
        <v>18273</v>
      </c>
      <c r="I216" s="17">
        <v>233</v>
      </c>
      <c r="J216" s="17" t="s">
        <v>35</v>
      </c>
      <c r="K216" s="17">
        <v>31</v>
      </c>
      <c r="L216" s="17">
        <v>201</v>
      </c>
      <c r="M216" s="17">
        <v>11014</v>
      </c>
      <c r="N216" s="17">
        <v>193</v>
      </c>
      <c r="O216" s="17">
        <v>2</v>
      </c>
      <c r="P216" s="17">
        <v>72</v>
      </c>
      <c r="Q216" s="17">
        <v>119</v>
      </c>
      <c r="R216" s="17">
        <v>7259</v>
      </c>
    </row>
    <row r="217" spans="1:18">
      <c r="A217" s="21" t="s">
        <v>597</v>
      </c>
      <c r="B217" s="10"/>
      <c r="C217" s="11"/>
      <c r="D217" s="17">
        <v>207</v>
      </c>
      <c r="E217" s="17">
        <v>1</v>
      </c>
      <c r="F217" s="17">
        <v>47</v>
      </c>
      <c r="G217" s="17">
        <v>158</v>
      </c>
      <c r="H217" s="17">
        <v>8731</v>
      </c>
      <c r="I217" s="17">
        <v>120</v>
      </c>
      <c r="J217" s="17" t="s">
        <v>35</v>
      </c>
      <c r="K217" s="17">
        <v>12</v>
      </c>
      <c r="L217" s="17">
        <v>107</v>
      </c>
      <c r="M217" s="17">
        <v>5539</v>
      </c>
      <c r="N217" s="17">
        <v>87</v>
      </c>
      <c r="O217" s="17">
        <v>1</v>
      </c>
      <c r="P217" s="17">
        <v>35</v>
      </c>
      <c r="Q217" s="17">
        <v>51</v>
      </c>
      <c r="R217" s="17">
        <v>3192</v>
      </c>
    </row>
    <row r="218" spans="1:18">
      <c r="A218" s="21" t="s">
        <v>598</v>
      </c>
      <c r="B218" s="10"/>
      <c r="C218" s="11"/>
      <c r="D218" s="17">
        <v>189</v>
      </c>
      <c r="E218" s="17">
        <v>1</v>
      </c>
      <c r="F218" s="17">
        <v>50</v>
      </c>
      <c r="G218" s="17">
        <v>138</v>
      </c>
      <c r="H218" s="17">
        <v>8121</v>
      </c>
      <c r="I218" s="17">
        <v>99</v>
      </c>
      <c r="J218" s="17" t="s">
        <v>35</v>
      </c>
      <c r="K218" s="17">
        <v>19</v>
      </c>
      <c r="L218" s="17">
        <v>80</v>
      </c>
      <c r="M218" s="17">
        <v>4668</v>
      </c>
      <c r="N218" s="17">
        <v>90</v>
      </c>
      <c r="O218" s="17">
        <v>1</v>
      </c>
      <c r="P218" s="17">
        <v>31</v>
      </c>
      <c r="Q218" s="17">
        <v>58</v>
      </c>
      <c r="R218" s="17">
        <v>3453</v>
      </c>
    </row>
    <row r="219" spans="1:18">
      <c r="A219" s="21" t="s">
        <v>599</v>
      </c>
      <c r="B219" s="10"/>
      <c r="C219" s="11"/>
      <c r="D219" s="17">
        <v>30</v>
      </c>
      <c r="E219" s="17" t="s">
        <v>35</v>
      </c>
      <c r="F219" s="17">
        <v>6</v>
      </c>
      <c r="G219" s="17">
        <v>24</v>
      </c>
      <c r="H219" s="17">
        <v>1421</v>
      </c>
      <c r="I219" s="17">
        <v>14</v>
      </c>
      <c r="J219" s="17" t="s">
        <v>35</v>
      </c>
      <c r="K219" s="17" t="s">
        <v>35</v>
      </c>
      <c r="L219" s="17">
        <v>14</v>
      </c>
      <c r="M219" s="17">
        <v>807</v>
      </c>
      <c r="N219" s="17">
        <v>16</v>
      </c>
      <c r="O219" s="17" t="s">
        <v>35</v>
      </c>
      <c r="P219" s="17">
        <v>6</v>
      </c>
      <c r="Q219" s="17">
        <v>10</v>
      </c>
      <c r="R219" s="17">
        <v>614</v>
      </c>
    </row>
    <row r="220" spans="1:18">
      <c r="A220" s="21" t="s">
        <v>600</v>
      </c>
      <c r="B220" s="10"/>
      <c r="C220" s="11"/>
      <c r="D220" s="17">
        <v>193</v>
      </c>
      <c r="E220" s="17">
        <v>3</v>
      </c>
      <c r="F220" s="17">
        <v>58</v>
      </c>
      <c r="G220" s="17">
        <v>131</v>
      </c>
      <c r="H220" s="17">
        <v>7696</v>
      </c>
      <c r="I220" s="17">
        <v>86</v>
      </c>
      <c r="J220" s="17">
        <v>3</v>
      </c>
      <c r="K220" s="17">
        <v>15</v>
      </c>
      <c r="L220" s="17">
        <v>67</v>
      </c>
      <c r="M220" s="17">
        <v>3952</v>
      </c>
      <c r="N220" s="17">
        <v>107</v>
      </c>
      <c r="O220" s="17" t="s">
        <v>35</v>
      </c>
      <c r="P220" s="17">
        <v>43</v>
      </c>
      <c r="Q220" s="17">
        <v>64</v>
      </c>
      <c r="R220" s="17">
        <v>3744</v>
      </c>
    </row>
    <row r="221" spans="1:18">
      <c r="A221" s="21" t="s">
        <v>601</v>
      </c>
      <c r="B221" s="10"/>
      <c r="C221" s="11"/>
      <c r="D221" s="17">
        <v>93</v>
      </c>
      <c r="E221" s="17">
        <v>1</v>
      </c>
      <c r="F221" s="17">
        <v>21</v>
      </c>
      <c r="G221" s="17">
        <v>71</v>
      </c>
      <c r="H221" s="17">
        <v>4091</v>
      </c>
      <c r="I221" s="17">
        <v>44</v>
      </c>
      <c r="J221" s="17">
        <v>1</v>
      </c>
      <c r="K221" s="17">
        <v>9</v>
      </c>
      <c r="L221" s="17">
        <v>34</v>
      </c>
      <c r="M221" s="17">
        <v>2076</v>
      </c>
      <c r="N221" s="17">
        <v>49</v>
      </c>
      <c r="O221" s="17" t="s">
        <v>35</v>
      </c>
      <c r="P221" s="17">
        <v>12</v>
      </c>
      <c r="Q221" s="17">
        <v>37</v>
      </c>
      <c r="R221" s="17">
        <v>2015</v>
      </c>
    </row>
    <row r="222" spans="1:18">
      <c r="A222" s="21" t="s">
        <v>602</v>
      </c>
      <c r="B222" s="10"/>
      <c r="C222" s="11"/>
      <c r="D222" s="17">
        <v>100</v>
      </c>
      <c r="E222" s="17">
        <v>2</v>
      </c>
      <c r="F222" s="17">
        <v>37</v>
      </c>
      <c r="G222" s="17">
        <v>60</v>
      </c>
      <c r="H222" s="17">
        <v>3605</v>
      </c>
      <c r="I222" s="17">
        <v>42</v>
      </c>
      <c r="J222" s="17">
        <v>2</v>
      </c>
      <c r="K222" s="17">
        <v>6</v>
      </c>
      <c r="L222" s="17">
        <v>33</v>
      </c>
      <c r="M222" s="17">
        <v>1876</v>
      </c>
      <c r="N222" s="17">
        <v>58</v>
      </c>
      <c r="O222" s="17" t="s">
        <v>35</v>
      </c>
      <c r="P222" s="17">
        <v>31</v>
      </c>
      <c r="Q222" s="17">
        <v>27</v>
      </c>
      <c r="R222" s="17">
        <v>1729</v>
      </c>
    </row>
    <row r="223" spans="1:18">
      <c r="A223" s="21" t="s">
        <v>603</v>
      </c>
      <c r="B223" s="10"/>
      <c r="C223" s="11"/>
      <c r="D223" s="17">
        <v>649</v>
      </c>
      <c r="E223" s="17">
        <v>15</v>
      </c>
      <c r="F223" s="17">
        <v>124</v>
      </c>
      <c r="G223" s="17">
        <v>510</v>
      </c>
      <c r="H223" s="17">
        <v>27856</v>
      </c>
      <c r="I223" s="17">
        <v>332</v>
      </c>
      <c r="J223" s="17">
        <v>9</v>
      </c>
      <c r="K223" s="17">
        <v>43</v>
      </c>
      <c r="L223" s="17">
        <v>280</v>
      </c>
      <c r="M223" s="17">
        <v>15709</v>
      </c>
      <c r="N223" s="17">
        <v>317</v>
      </c>
      <c r="O223" s="17">
        <v>6</v>
      </c>
      <c r="P223" s="17">
        <v>81</v>
      </c>
      <c r="Q223" s="17">
        <v>230</v>
      </c>
      <c r="R223" s="17">
        <v>12147</v>
      </c>
    </row>
    <row r="224" spans="1:18">
      <c r="A224" s="21" t="s">
        <v>604</v>
      </c>
      <c r="B224" s="10"/>
      <c r="C224" s="11"/>
      <c r="D224" s="17" t="s">
        <v>35</v>
      </c>
      <c r="E224" s="17" t="s">
        <v>35</v>
      </c>
      <c r="F224" s="17" t="s">
        <v>35</v>
      </c>
      <c r="G224" s="17" t="s">
        <v>35</v>
      </c>
      <c r="H224" s="17" t="s">
        <v>35</v>
      </c>
      <c r="I224" s="17" t="s">
        <v>35</v>
      </c>
      <c r="J224" s="17" t="s">
        <v>35</v>
      </c>
      <c r="K224" s="17" t="s">
        <v>35</v>
      </c>
      <c r="L224" s="17" t="s">
        <v>35</v>
      </c>
      <c r="M224" s="17" t="s">
        <v>35</v>
      </c>
      <c r="N224" s="17" t="s">
        <v>35</v>
      </c>
      <c r="O224" s="17" t="s">
        <v>35</v>
      </c>
      <c r="P224" s="17" t="s">
        <v>35</v>
      </c>
      <c r="Q224" s="17" t="s">
        <v>35</v>
      </c>
      <c r="R224" s="17" t="s">
        <v>35</v>
      </c>
    </row>
    <row r="225" spans="1:18">
      <c r="A225" s="21" t="s">
        <v>605</v>
      </c>
      <c r="B225" s="10"/>
      <c r="C225" s="11"/>
      <c r="D225" s="17">
        <v>323</v>
      </c>
      <c r="E225" s="17">
        <v>10</v>
      </c>
      <c r="F225" s="17">
        <v>57</v>
      </c>
      <c r="G225" s="17">
        <v>256</v>
      </c>
      <c r="H225" s="17">
        <v>13776</v>
      </c>
      <c r="I225" s="17">
        <v>187</v>
      </c>
      <c r="J225" s="17">
        <v>6</v>
      </c>
      <c r="K225" s="17">
        <v>24</v>
      </c>
      <c r="L225" s="17">
        <v>157</v>
      </c>
      <c r="M225" s="17">
        <v>8661</v>
      </c>
      <c r="N225" s="17">
        <v>136</v>
      </c>
      <c r="O225" s="17">
        <v>4</v>
      </c>
      <c r="P225" s="17">
        <v>33</v>
      </c>
      <c r="Q225" s="17">
        <v>99</v>
      </c>
      <c r="R225" s="17">
        <v>5115</v>
      </c>
    </row>
    <row r="226" spans="1:18">
      <c r="A226" s="21" t="s">
        <v>606</v>
      </c>
      <c r="B226" s="10"/>
      <c r="C226" s="11"/>
      <c r="D226" s="17">
        <v>184</v>
      </c>
      <c r="E226" s="17">
        <v>4</v>
      </c>
      <c r="F226" s="17">
        <v>37</v>
      </c>
      <c r="G226" s="17">
        <v>143</v>
      </c>
      <c r="H226" s="17">
        <v>7950</v>
      </c>
      <c r="I226" s="17">
        <v>79</v>
      </c>
      <c r="J226" s="17">
        <v>2</v>
      </c>
      <c r="K226" s="17">
        <v>11</v>
      </c>
      <c r="L226" s="17">
        <v>66</v>
      </c>
      <c r="M226" s="17">
        <v>3852</v>
      </c>
      <c r="N226" s="17">
        <v>105</v>
      </c>
      <c r="O226" s="17">
        <v>2</v>
      </c>
      <c r="P226" s="17">
        <v>26</v>
      </c>
      <c r="Q226" s="17">
        <v>77</v>
      </c>
      <c r="R226" s="17">
        <v>4098</v>
      </c>
    </row>
    <row r="227" spans="1:18">
      <c r="A227" s="21" t="s">
        <v>607</v>
      </c>
      <c r="B227" s="10"/>
      <c r="C227" s="11"/>
      <c r="D227" s="17">
        <v>142</v>
      </c>
      <c r="E227" s="17">
        <v>1</v>
      </c>
      <c r="F227" s="17">
        <v>30</v>
      </c>
      <c r="G227" s="17">
        <v>111</v>
      </c>
      <c r="H227" s="17">
        <v>6130</v>
      </c>
      <c r="I227" s="17">
        <v>66</v>
      </c>
      <c r="J227" s="17">
        <v>1</v>
      </c>
      <c r="K227" s="17">
        <v>8</v>
      </c>
      <c r="L227" s="17">
        <v>57</v>
      </c>
      <c r="M227" s="17">
        <v>3196</v>
      </c>
      <c r="N227" s="17">
        <v>76</v>
      </c>
      <c r="O227" s="17" t="s">
        <v>35</v>
      </c>
      <c r="P227" s="17">
        <v>22</v>
      </c>
      <c r="Q227" s="17">
        <v>54</v>
      </c>
      <c r="R227" s="17">
        <v>2934</v>
      </c>
    </row>
    <row r="228" spans="1:18">
      <c r="A228" s="21" t="s">
        <v>608</v>
      </c>
      <c r="B228" s="10"/>
      <c r="C228" s="11"/>
      <c r="D228" s="17">
        <v>110</v>
      </c>
      <c r="E228" s="17">
        <v>1</v>
      </c>
      <c r="F228" s="17">
        <v>21</v>
      </c>
      <c r="G228" s="17">
        <v>88</v>
      </c>
      <c r="H228" s="17">
        <v>4827</v>
      </c>
      <c r="I228" s="17">
        <v>52</v>
      </c>
      <c r="J228" s="17">
        <v>1</v>
      </c>
      <c r="K228" s="17">
        <v>7</v>
      </c>
      <c r="L228" s="17">
        <v>44</v>
      </c>
      <c r="M228" s="17">
        <v>2389</v>
      </c>
      <c r="N228" s="17">
        <v>58</v>
      </c>
      <c r="O228" s="17" t="s">
        <v>35</v>
      </c>
      <c r="P228" s="17">
        <v>14</v>
      </c>
      <c r="Q228" s="17">
        <v>44</v>
      </c>
      <c r="R228" s="17">
        <v>2438</v>
      </c>
    </row>
    <row r="229" spans="1:18">
      <c r="A229" s="21" t="s">
        <v>609</v>
      </c>
      <c r="B229" s="10"/>
      <c r="C229" s="11"/>
      <c r="D229" s="17">
        <v>113</v>
      </c>
      <c r="E229" s="17" t="s">
        <v>35</v>
      </c>
      <c r="F229" s="17">
        <v>22</v>
      </c>
      <c r="G229" s="17">
        <v>90</v>
      </c>
      <c r="H229" s="17">
        <v>4781</v>
      </c>
      <c r="I229" s="17">
        <v>56</v>
      </c>
      <c r="J229" s="17" t="s">
        <v>35</v>
      </c>
      <c r="K229" s="17">
        <v>9</v>
      </c>
      <c r="L229" s="17">
        <v>46</v>
      </c>
      <c r="M229" s="17">
        <v>2552</v>
      </c>
      <c r="N229" s="17">
        <v>57</v>
      </c>
      <c r="O229" s="17" t="s">
        <v>35</v>
      </c>
      <c r="P229" s="17">
        <v>13</v>
      </c>
      <c r="Q229" s="17">
        <v>44</v>
      </c>
      <c r="R229" s="17">
        <v>2229</v>
      </c>
    </row>
    <row r="230" spans="1:18">
      <c r="A230" s="21" t="s">
        <v>610</v>
      </c>
      <c r="B230" s="10"/>
      <c r="C230" s="11"/>
      <c r="D230" s="17">
        <v>197</v>
      </c>
      <c r="E230" s="17">
        <v>4</v>
      </c>
      <c r="F230" s="17">
        <v>41</v>
      </c>
      <c r="G230" s="17">
        <v>152</v>
      </c>
      <c r="H230" s="17">
        <v>8369</v>
      </c>
      <c r="I230" s="17">
        <v>114</v>
      </c>
      <c r="J230" s="17">
        <v>3</v>
      </c>
      <c r="K230" s="17">
        <v>13</v>
      </c>
      <c r="L230" s="17">
        <v>98</v>
      </c>
      <c r="M230" s="17">
        <v>5233</v>
      </c>
      <c r="N230" s="17">
        <v>83</v>
      </c>
      <c r="O230" s="17">
        <v>1</v>
      </c>
      <c r="P230" s="17">
        <v>28</v>
      </c>
      <c r="Q230" s="17">
        <v>54</v>
      </c>
      <c r="R230" s="17">
        <v>3136</v>
      </c>
    </row>
    <row r="231" spans="1:18">
      <c r="A231" s="21" t="s">
        <v>611</v>
      </c>
      <c r="B231" s="10"/>
      <c r="C231" s="11"/>
      <c r="D231" s="17">
        <v>384</v>
      </c>
      <c r="E231" s="17">
        <v>2</v>
      </c>
      <c r="F231" s="17">
        <v>92</v>
      </c>
      <c r="G231" s="17">
        <v>288</v>
      </c>
      <c r="H231" s="17">
        <v>16075</v>
      </c>
      <c r="I231" s="17">
        <v>212</v>
      </c>
      <c r="J231" s="17">
        <v>1</v>
      </c>
      <c r="K231" s="17">
        <v>22</v>
      </c>
      <c r="L231" s="17">
        <v>188</v>
      </c>
      <c r="M231" s="17">
        <v>9893</v>
      </c>
      <c r="N231" s="17">
        <v>172</v>
      </c>
      <c r="O231" s="17">
        <v>1</v>
      </c>
      <c r="P231" s="17">
        <v>70</v>
      </c>
      <c r="Q231" s="17">
        <v>100</v>
      </c>
      <c r="R231" s="17">
        <v>6182</v>
      </c>
    </row>
    <row r="232" spans="1:18">
      <c r="A232" s="21" t="s">
        <v>612</v>
      </c>
      <c r="B232" s="10"/>
      <c r="C232" s="11"/>
      <c r="D232" s="17">
        <v>666</v>
      </c>
      <c r="E232" s="17">
        <v>6</v>
      </c>
      <c r="F232" s="17">
        <v>166</v>
      </c>
      <c r="G232" s="17">
        <v>494</v>
      </c>
      <c r="H232" s="17">
        <v>27496</v>
      </c>
      <c r="I232" s="17">
        <v>398</v>
      </c>
      <c r="J232" s="17">
        <v>3</v>
      </c>
      <c r="K232" s="17">
        <v>62</v>
      </c>
      <c r="L232" s="17">
        <v>333</v>
      </c>
      <c r="M232" s="17">
        <v>17916</v>
      </c>
      <c r="N232" s="17">
        <v>268</v>
      </c>
      <c r="O232" s="17">
        <v>3</v>
      </c>
      <c r="P232" s="17">
        <v>104</v>
      </c>
      <c r="Q232" s="17">
        <v>161</v>
      </c>
      <c r="R232" s="17">
        <v>9580</v>
      </c>
    </row>
    <row r="233" spans="1:18">
      <c r="A233" s="21" t="s">
        <v>613</v>
      </c>
      <c r="B233" s="10"/>
      <c r="C233" s="11"/>
      <c r="D233" s="17">
        <v>254</v>
      </c>
      <c r="E233" s="17">
        <v>5</v>
      </c>
      <c r="F233" s="17">
        <v>52</v>
      </c>
      <c r="G233" s="17">
        <v>196</v>
      </c>
      <c r="H233" s="17">
        <v>10616</v>
      </c>
      <c r="I233" s="17">
        <v>121</v>
      </c>
      <c r="J233" s="17">
        <v>1</v>
      </c>
      <c r="K233" s="17">
        <v>10</v>
      </c>
      <c r="L233" s="17">
        <v>109</v>
      </c>
      <c r="M233" s="17">
        <v>5855</v>
      </c>
      <c r="N233" s="17">
        <v>133</v>
      </c>
      <c r="O233" s="17">
        <v>4</v>
      </c>
      <c r="P233" s="17">
        <v>42</v>
      </c>
      <c r="Q233" s="17">
        <v>87</v>
      </c>
      <c r="R233" s="17">
        <v>4761</v>
      </c>
    </row>
    <row r="234" spans="1:18">
      <c r="A234" s="21" t="s">
        <v>614</v>
      </c>
      <c r="B234" s="10" t="s">
        <v>52</v>
      </c>
      <c r="C234" s="11" t="s">
        <v>615</v>
      </c>
      <c r="D234" s="17">
        <v>129</v>
      </c>
      <c r="E234" s="17">
        <v>6</v>
      </c>
      <c r="F234" s="17">
        <v>25</v>
      </c>
      <c r="G234" s="17">
        <v>98</v>
      </c>
      <c r="H234" s="17">
        <v>5601</v>
      </c>
      <c r="I234" s="17">
        <v>65</v>
      </c>
      <c r="J234" s="17">
        <v>4</v>
      </c>
      <c r="K234" s="17">
        <v>5</v>
      </c>
      <c r="L234" s="17">
        <v>56</v>
      </c>
      <c r="M234" s="17">
        <v>3144</v>
      </c>
      <c r="N234" s="17">
        <v>64</v>
      </c>
      <c r="O234" s="17">
        <v>2</v>
      </c>
      <c r="P234" s="17">
        <v>20</v>
      </c>
      <c r="Q234" s="17">
        <v>42</v>
      </c>
      <c r="R234" s="17">
        <v>2457</v>
      </c>
    </row>
    <row r="235" spans="1:18">
      <c r="A235" s="21" t="s">
        <v>616</v>
      </c>
      <c r="B235" s="10" t="s">
        <v>58</v>
      </c>
      <c r="C235" s="11" t="s">
        <v>615</v>
      </c>
      <c r="D235" s="17" t="s">
        <v>59</v>
      </c>
      <c r="E235" s="17" t="s">
        <v>59</v>
      </c>
      <c r="F235" s="17" t="s">
        <v>59</v>
      </c>
      <c r="G235" s="17" t="s">
        <v>59</v>
      </c>
      <c r="H235" s="17" t="s">
        <v>59</v>
      </c>
      <c r="I235" s="17" t="s">
        <v>59</v>
      </c>
      <c r="J235" s="17" t="s">
        <v>59</v>
      </c>
      <c r="K235" s="17" t="s">
        <v>59</v>
      </c>
      <c r="L235" s="17" t="s">
        <v>59</v>
      </c>
      <c r="M235" s="17" t="s">
        <v>59</v>
      </c>
      <c r="N235" s="17" t="s">
        <v>59</v>
      </c>
      <c r="O235" s="17" t="s">
        <v>59</v>
      </c>
      <c r="P235" s="17" t="s">
        <v>59</v>
      </c>
      <c r="Q235" s="17" t="s">
        <v>59</v>
      </c>
      <c r="R235" s="17" t="s">
        <v>59</v>
      </c>
    </row>
    <row r="236" spans="1:18">
      <c r="A236" s="21" t="s">
        <v>617</v>
      </c>
      <c r="B236" s="10" t="s">
        <v>58</v>
      </c>
      <c r="C236" s="11" t="s">
        <v>615</v>
      </c>
      <c r="D236" s="17" t="s">
        <v>59</v>
      </c>
      <c r="E236" s="17" t="s">
        <v>59</v>
      </c>
      <c r="F236" s="17" t="s">
        <v>59</v>
      </c>
      <c r="G236" s="17" t="s">
        <v>59</v>
      </c>
      <c r="H236" s="17" t="s">
        <v>59</v>
      </c>
      <c r="I236" s="17" t="s">
        <v>59</v>
      </c>
      <c r="J236" s="17" t="s">
        <v>59</v>
      </c>
      <c r="K236" s="17" t="s">
        <v>59</v>
      </c>
      <c r="L236" s="17" t="s">
        <v>59</v>
      </c>
      <c r="M236" s="17" t="s">
        <v>59</v>
      </c>
      <c r="N236" s="17" t="s">
        <v>59</v>
      </c>
      <c r="O236" s="17" t="s">
        <v>59</v>
      </c>
      <c r="P236" s="17" t="s">
        <v>59</v>
      </c>
      <c r="Q236" s="17" t="s">
        <v>59</v>
      </c>
      <c r="R236" s="17" t="s">
        <v>59</v>
      </c>
    </row>
    <row r="237" spans="1:18">
      <c r="A237" s="21" t="s">
        <v>618</v>
      </c>
      <c r="B237" s="10"/>
      <c r="C237" s="11"/>
      <c r="D237" s="17" t="s">
        <v>35</v>
      </c>
      <c r="E237" s="17" t="s">
        <v>35</v>
      </c>
      <c r="F237" s="17" t="s">
        <v>35</v>
      </c>
      <c r="G237" s="17" t="s">
        <v>35</v>
      </c>
      <c r="H237" s="17" t="s">
        <v>35</v>
      </c>
      <c r="I237" s="17" t="s">
        <v>35</v>
      </c>
      <c r="J237" s="17" t="s">
        <v>35</v>
      </c>
      <c r="K237" s="17" t="s">
        <v>35</v>
      </c>
      <c r="L237" s="17" t="s">
        <v>35</v>
      </c>
      <c r="M237" s="17" t="s">
        <v>35</v>
      </c>
      <c r="N237" s="17" t="s">
        <v>35</v>
      </c>
      <c r="O237" s="17" t="s">
        <v>35</v>
      </c>
      <c r="P237" s="17" t="s">
        <v>35</v>
      </c>
      <c r="Q237" s="17" t="s">
        <v>35</v>
      </c>
      <c r="R237" s="17" t="s">
        <v>35</v>
      </c>
    </row>
    <row r="238" spans="1:18">
      <c r="A238" s="21" t="s">
        <v>619</v>
      </c>
      <c r="B238" s="10"/>
      <c r="C238" s="11"/>
      <c r="D238" s="17">
        <v>9</v>
      </c>
      <c r="E238" s="17" t="s">
        <v>35</v>
      </c>
      <c r="F238" s="17">
        <v>3</v>
      </c>
      <c r="G238" s="17">
        <v>6</v>
      </c>
      <c r="H238" s="17">
        <v>362</v>
      </c>
      <c r="I238" s="17">
        <v>9</v>
      </c>
      <c r="J238" s="17" t="s">
        <v>35</v>
      </c>
      <c r="K238" s="17">
        <v>3</v>
      </c>
      <c r="L238" s="17">
        <v>6</v>
      </c>
      <c r="M238" s="17">
        <v>362</v>
      </c>
      <c r="N238" s="17" t="s">
        <v>35</v>
      </c>
      <c r="O238" s="17" t="s">
        <v>35</v>
      </c>
      <c r="P238" s="17" t="s">
        <v>35</v>
      </c>
      <c r="Q238" s="17" t="s">
        <v>35</v>
      </c>
      <c r="R238" s="17" t="s">
        <v>35</v>
      </c>
    </row>
    <row r="239" spans="1:18">
      <c r="A239" s="21" t="s">
        <v>620</v>
      </c>
      <c r="B239" s="10"/>
      <c r="C239" s="11"/>
      <c r="D239" s="17">
        <v>23</v>
      </c>
      <c r="E239" s="17">
        <v>1</v>
      </c>
      <c r="F239" s="17" t="s">
        <v>35</v>
      </c>
      <c r="G239" s="17">
        <v>22</v>
      </c>
      <c r="H239" s="17">
        <v>1082</v>
      </c>
      <c r="I239" s="17">
        <v>13</v>
      </c>
      <c r="J239" s="17">
        <v>1</v>
      </c>
      <c r="K239" s="17" t="s">
        <v>35</v>
      </c>
      <c r="L239" s="17">
        <v>12</v>
      </c>
      <c r="M239" s="17">
        <v>668</v>
      </c>
      <c r="N239" s="17">
        <v>10</v>
      </c>
      <c r="O239" s="17" t="s">
        <v>35</v>
      </c>
      <c r="P239" s="17" t="s">
        <v>35</v>
      </c>
      <c r="Q239" s="17">
        <v>10</v>
      </c>
      <c r="R239" s="17">
        <v>414</v>
      </c>
    </row>
    <row r="240" spans="1:18">
      <c r="A240" s="21" t="s">
        <v>621</v>
      </c>
      <c r="B240" s="10"/>
      <c r="C240" s="11"/>
      <c r="D240" s="17">
        <v>722</v>
      </c>
      <c r="E240" s="17">
        <v>14</v>
      </c>
      <c r="F240" s="17">
        <v>142</v>
      </c>
      <c r="G240" s="17">
        <v>566</v>
      </c>
      <c r="H240" s="17">
        <v>30265</v>
      </c>
      <c r="I240" s="17">
        <v>315</v>
      </c>
      <c r="J240" s="17">
        <v>5</v>
      </c>
      <c r="K240" s="17">
        <v>40</v>
      </c>
      <c r="L240" s="17">
        <v>270</v>
      </c>
      <c r="M240" s="17">
        <v>14593</v>
      </c>
      <c r="N240" s="17">
        <v>407</v>
      </c>
      <c r="O240" s="17">
        <v>9</v>
      </c>
      <c r="P240" s="17">
        <v>102</v>
      </c>
      <c r="Q240" s="17">
        <v>296</v>
      </c>
      <c r="R240" s="17">
        <v>15672</v>
      </c>
    </row>
    <row r="241" spans="1:18">
      <c r="A241" s="21" t="s">
        <v>622</v>
      </c>
      <c r="B241" s="10"/>
      <c r="C241" s="11"/>
      <c r="D241" s="17">
        <v>556</v>
      </c>
      <c r="E241" s="17">
        <v>10</v>
      </c>
      <c r="F241" s="17">
        <v>125</v>
      </c>
      <c r="G241" s="17">
        <v>421</v>
      </c>
      <c r="H241" s="17">
        <v>22658</v>
      </c>
      <c r="I241" s="17">
        <v>293</v>
      </c>
      <c r="J241" s="17">
        <v>4</v>
      </c>
      <c r="K241" s="17">
        <v>37</v>
      </c>
      <c r="L241" s="17">
        <v>252</v>
      </c>
      <c r="M241" s="17">
        <v>13349</v>
      </c>
      <c r="N241" s="17">
        <v>263</v>
      </c>
      <c r="O241" s="17">
        <v>6</v>
      </c>
      <c r="P241" s="17">
        <v>88</v>
      </c>
      <c r="Q241" s="17">
        <v>169</v>
      </c>
      <c r="R241" s="17">
        <v>9309</v>
      </c>
    </row>
    <row r="242" spans="1:18">
      <c r="A242" s="21" t="s">
        <v>623</v>
      </c>
      <c r="B242" s="10"/>
      <c r="C242" s="11"/>
      <c r="D242" s="17">
        <v>166</v>
      </c>
      <c r="E242" s="17">
        <v>4</v>
      </c>
      <c r="F242" s="17">
        <v>17</v>
      </c>
      <c r="G242" s="17">
        <v>145</v>
      </c>
      <c r="H242" s="17">
        <v>7607</v>
      </c>
      <c r="I242" s="17">
        <v>22</v>
      </c>
      <c r="J242" s="17">
        <v>1</v>
      </c>
      <c r="K242" s="17">
        <v>3</v>
      </c>
      <c r="L242" s="17">
        <v>18</v>
      </c>
      <c r="M242" s="17">
        <v>1244</v>
      </c>
      <c r="N242" s="17">
        <v>144</v>
      </c>
      <c r="O242" s="17">
        <v>3</v>
      </c>
      <c r="P242" s="17">
        <v>14</v>
      </c>
      <c r="Q242" s="17">
        <v>127</v>
      </c>
      <c r="R242" s="17">
        <v>6363</v>
      </c>
    </row>
    <row r="243" spans="1:18">
      <c r="A243" s="21" t="s">
        <v>624</v>
      </c>
      <c r="B243" s="10"/>
      <c r="C243" s="11"/>
      <c r="D243" s="17">
        <v>1016</v>
      </c>
      <c r="E243" s="17">
        <v>14</v>
      </c>
      <c r="F243" s="17">
        <v>218</v>
      </c>
      <c r="G243" s="17">
        <v>782</v>
      </c>
      <c r="H243" s="17">
        <v>42386</v>
      </c>
      <c r="I243" s="17">
        <v>551</v>
      </c>
      <c r="J243" s="17">
        <v>6</v>
      </c>
      <c r="K243" s="17">
        <v>57</v>
      </c>
      <c r="L243" s="17">
        <v>486</v>
      </c>
      <c r="M243" s="17">
        <v>25721</v>
      </c>
      <c r="N243" s="17">
        <v>465</v>
      </c>
      <c r="O243" s="17">
        <v>8</v>
      </c>
      <c r="P243" s="17">
        <v>161</v>
      </c>
      <c r="Q243" s="17">
        <v>296</v>
      </c>
      <c r="R243" s="17">
        <v>16665</v>
      </c>
    </row>
    <row r="244" spans="1:18">
      <c r="A244" s="21" t="s">
        <v>625</v>
      </c>
      <c r="B244" s="10"/>
      <c r="C244" s="11"/>
      <c r="D244" s="17">
        <v>931</v>
      </c>
      <c r="E244" s="17">
        <v>12</v>
      </c>
      <c r="F244" s="17">
        <v>213</v>
      </c>
      <c r="G244" s="17">
        <v>706</v>
      </c>
      <c r="H244" s="17">
        <v>38305</v>
      </c>
      <c r="I244" s="17">
        <v>498</v>
      </c>
      <c r="J244" s="17">
        <v>8</v>
      </c>
      <c r="K244" s="17">
        <v>69</v>
      </c>
      <c r="L244" s="17">
        <v>421</v>
      </c>
      <c r="M244" s="17">
        <v>22483</v>
      </c>
      <c r="N244" s="17">
        <v>433</v>
      </c>
      <c r="O244" s="17">
        <v>4</v>
      </c>
      <c r="P244" s="17">
        <v>144</v>
      </c>
      <c r="Q244" s="17">
        <v>285</v>
      </c>
      <c r="R244" s="17">
        <v>15822</v>
      </c>
    </row>
    <row r="245" spans="1:18">
      <c r="A245" s="21" t="s">
        <v>626</v>
      </c>
      <c r="B245" s="10"/>
      <c r="C245" s="11"/>
      <c r="D245" s="17">
        <v>624</v>
      </c>
      <c r="E245" s="17">
        <v>8</v>
      </c>
      <c r="F245" s="17">
        <v>133</v>
      </c>
      <c r="G245" s="17">
        <v>483</v>
      </c>
      <c r="H245" s="17">
        <v>26097</v>
      </c>
      <c r="I245" s="17">
        <v>326</v>
      </c>
      <c r="J245" s="17">
        <v>5</v>
      </c>
      <c r="K245" s="17">
        <v>41</v>
      </c>
      <c r="L245" s="17">
        <v>280</v>
      </c>
      <c r="M245" s="17">
        <v>14978</v>
      </c>
      <c r="N245" s="17">
        <v>298</v>
      </c>
      <c r="O245" s="17">
        <v>3</v>
      </c>
      <c r="P245" s="17">
        <v>92</v>
      </c>
      <c r="Q245" s="17">
        <v>203</v>
      </c>
      <c r="R245" s="17">
        <v>11119</v>
      </c>
    </row>
    <row r="246" spans="1:18">
      <c r="A246" s="21" t="s">
        <v>627</v>
      </c>
      <c r="B246" s="10"/>
      <c r="C246" s="11"/>
      <c r="D246" s="17">
        <v>307</v>
      </c>
      <c r="E246" s="17">
        <v>4</v>
      </c>
      <c r="F246" s="17">
        <v>80</v>
      </c>
      <c r="G246" s="17">
        <v>223</v>
      </c>
      <c r="H246" s="17">
        <v>12208</v>
      </c>
      <c r="I246" s="17">
        <v>172</v>
      </c>
      <c r="J246" s="17">
        <v>3</v>
      </c>
      <c r="K246" s="17">
        <v>28</v>
      </c>
      <c r="L246" s="17">
        <v>141</v>
      </c>
      <c r="M246" s="17">
        <v>7505</v>
      </c>
      <c r="N246" s="17">
        <v>135</v>
      </c>
      <c r="O246" s="17">
        <v>1</v>
      </c>
      <c r="P246" s="17">
        <v>52</v>
      </c>
      <c r="Q246" s="17">
        <v>82</v>
      </c>
      <c r="R246" s="17">
        <v>4703</v>
      </c>
    </row>
    <row r="247" spans="1:18">
      <c r="A247" s="21" t="s">
        <v>628</v>
      </c>
      <c r="B247" s="10"/>
      <c r="C247" s="11"/>
      <c r="D247" s="17">
        <v>1814</v>
      </c>
      <c r="E247" s="17">
        <v>27</v>
      </c>
      <c r="F247" s="17">
        <v>447</v>
      </c>
      <c r="G247" s="17">
        <v>1339</v>
      </c>
      <c r="H247" s="17">
        <v>74939</v>
      </c>
      <c r="I247" s="17">
        <v>1002</v>
      </c>
      <c r="J247" s="17">
        <v>17</v>
      </c>
      <c r="K247" s="17">
        <v>108</v>
      </c>
      <c r="L247" s="17">
        <v>876</v>
      </c>
      <c r="M247" s="17">
        <v>47463</v>
      </c>
      <c r="N247" s="17">
        <v>812</v>
      </c>
      <c r="O247" s="17">
        <v>10</v>
      </c>
      <c r="P247" s="17">
        <v>339</v>
      </c>
      <c r="Q247" s="17">
        <v>463</v>
      </c>
      <c r="R247" s="17">
        <v>27476</v>
      </c>
    </row>
    <row r="248" spans="1:18">
      <c r="A248" s="21" t="s">
        <v>629</v>
      </c>
      <c r="B248" s="10"/>
      <c r="C248" s="11"/>
      <c r="D248" s="17">
        <v>793</v>
      </c>
      <c r="E248" s="17">
        <v>12</v>
      </c>
      <c r="F248" s="17">
        <v>185</v>
      </c>
      <c r="G248" s="17">
        <v>595</v>
      </c>
      <c r="H248" s="17">
        <v>33333</v>
      </c>
      <c r="I248" s="17">
        <v>451</v>
      </c>
      <c r="J248" s="17">
        <v>8</v>
      </c>
      <c r="K248" s="17">
        <v>41</v>
      </c>
      <c r="L248" s="17">
        <v>401</v>
      </c>
      <c r="M248" s="17">
        <v>21636</v>
      </c>
      <c r="N248" s="17">
        <v>342</v>
      </c>
      <c r="O248" s="17">
        <v>4</v>
      </c>
      <c r="P248" s="17">
        <v>144</v>
      </c>
      <c r="Q248" s="17">
        <v>194</v>
      </c>
      <c r="R248" s="17">
        <v>11697</v>
      </c>
    </row>
    <row r="249" spans="1:18">
      <c r="A249" s="21" t="s">
        <v>630</v>
      </c>
      <c r="B249" s="10"/>
      <c r="C249" s="11"/>
      <c r="D249" s="17">
        <v>1021</v>
      </c>
      <c r="E249" s="17">
        <v>15</v>
      </c>
      <c r="F249" s="17">
        <v>262</v>
      </c>
      <c r="G249" s="17">
        <v>744</v>
      </c>
      <c r="H249" s="17">
        <v>41606</v>
      </c>
      <c r="I249" s="17">
        <v>551</v>
      </c>
      <c r="J249" s="17">
        <v>9</v>
      </c>
      <c r="K249" s="17">
        <v>67</v>
      </c>
      <c r="L249" s="17">
        <v>475</v>
      </c>
      <c r="M249" s="17">
        <v>25827</v>
      </c>
      <c r="N249" s="17">
        <v>470</v>
      </c>
      <c r="O249" s="17">
        <v>6</v>
      </c>
      <c r="P249" s="17">
        <v>195</v>
      </c>
      <c r="Q249" s="17">
        <v>269</v>
      </c>
      <c r="R249" s="17">
        <v>15779</v>
      </c>
    </row>
    <row r="250" spans="1:18">
      <c r="A250" s="21"/>
      <c r="B250" s="10"/>
      <c r="C250" s="11"/>
      <c r="D250" s="17"/>
      <c r="E250" s="17"/>
      <c r="F250" s="17"/>
      <c r="G250" s="17"/>
      <c r="H250" s="17"/>
      <c r="I250" s="17"/>
      <c r="J250" s="17"/>
      <c r="K250" s="17"/>
      <c r="L250" s="17"/>
      <c r="M250" s="17"/>
      <c r="N250" s="17"/>
      <c r="O250" s="17"/>
      <c r="P250" s="17"/>
      <c r="Q250" s="17"/>
      <c r="R250" s="17"/>
    </row>
  </sheetData>
  <mergeCells count="7">
    <mergeCell ref="N6:R6"/>
    <mergeCell ref="A1:D1"/>
    <mergeCell ref="A3:M3"/>
    <mergeCell ref="A6:A7"/>
    <mergeCell ref="B6:C7"/>
    <mergeCell ref="D6:H6"/>
    <mergeCell ref="I6:M6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65" fitToHeight="0" pageOrder="overThenDown" orientation="landscape" horizontalDpi="300" verticalDpi="300" r:id="rId1"/>
  <headerFooter alignWithMargins="0"/>
  <rowBreaks count="2" manualBreakCount="2">
    <brk id="89" max="17" man="1"/>
    <brk id="172" max="17" man="1"/>
  </rowBreaks>
  <colBreaks count="1" manualBreakCount="1">
    <brk id="13" max="1048575" man="1"/>
  </colBreak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R101"/>
  <sheetViews>
    <sheetView topLeftCell="M1" zoomScaleNormal="100" workbookViewId="0">
      <selection activeCell="A3" sqref="A3:R3"/>
    </sheetView>
  </sheetViews>
  <sheetFormatPr defaultRowHeight="13.5"/>
  <cols>
    <col min="1" max="1" width="25.83203125" style="12" customWidth="1"/>
    <col min="2" max="3" width="4.83203125" style="12" customWidth="1"/>
    <col min="4" max="4" width="22.1640625" style="9" customWidth="1"/>
    <col min="5" max="5" width="13.6640625" style="9" bestFit="1" customWidth="1"/>
    <col min="6" max="7" width="19.5" style="9" bestFit="1" customWidth="1"/>
    <col min="8" max="8" width="30.33203125" style="9" bestFit="1" customWidth="1"/>
    <col min="9" max="9" width="22.1640625" style="9" customWidth="1"/>
    <col min="10" max="10" width="13.6640625" style="9" bestFit="1" customWidth="1"/>
    <col min="11" max="12" width="19.5" style="9" bestFit="1" customWidth="1"/>
    <col min="13" max="13" width="30.33203125" style="9" bestFit="1" customWidth="1"/>
    <col min="14" max="14" width="22.6640625" style="9" customWidth="1"/>
    <col min="15" max="15" width="13.6640625" style="9" bestFit="1" customWidth="1"/>
    <col min="16" max="17" width="19.5" style="9" bestFit="1" customWidth="1"/>
    <col min="18" max="18" width="30.33203125" style="9" bestFit="1" customWidth="1"/>
    <col min="19" max="16384" width="9.33203125" style="9"/>
  </cols>
  <sheetData>
    <row r="1" spans="1:18" s="1" customFormat="1" ht="16.5" customHeight="1">
      <c r="A1" s="37" t="s">
        <v>0</v>
      </c>
      <c r="B1" s="37"/>
      <c r="C1" s="37"/>
      <c r="D1" s="37"/>
      <c r="E1" s="31"/>
      <c r="F1" s="31"/>
      <c r="G1" s="31"/>
      <c r="H1" s="31"/>
      <c r="I1" s="32"/>
      <c r="J1" s="32"/>
      <c r="K1" s="32"/>
      <c r="L1" s="32"/>
      <c r="M1" s="32"/>
      <c r="N1" s="32"/>
      <c r="O1" s="32"/>
      <c r="P1" s="31"/>
      <c r="Q1" s="31"/>
      <c r="R1" s="31"/>
    </row>
    <row r="2" spans="1:18" s="1" customFormat="1" ht="16.5" customHeight="1">
      <c r="D2" s="31"/>
      <c r="E2" s="31"/>
      <c r="F2" s="31"/>
      <c r="G2" s="31"/>
      <c r="H2" s="31"/>
      <c r="I2" s="32"/>
      <c r="J2" s="32"/>
      <c r="K2" s="32"/>
      <c r="L2" s="32"/>
      <c r="M2" s="32"/>
      <c r="N2" s="32"/>
      <c r="O2" s="32"/>
      <c r="P2" s="31"/>
      <c r="Q2" s="31"/>
      <c r="R2" s="31"/>
    </row>
    <row r="3" spans="1:18">
      <c r="A3" s="38" t="s">
        <v>2462</v>
      </c>
      <c r="B3" s="38"/>
      <c r="C3" s="38"/>
      <c r="D3" s="38"/>
      <c r="E3" s="38"/>
      <c r="F3" s="38"/>
      <c r="G3" s="38"/>
      <c r="H3" s="38"/>
      <c r="I3" s="38"/>
      <c r="J3" s="38"/>
      <c r="K3" s="38"/>
      <c r="L3" s="38"/>
      <c r="M3" s="38"/>
      <c r="N3" s="38"/>
      <c r="O3" s="38"/>
      <c r="P3" s="38"/>
      <c r="Q3" s="38"/>
      <c r="R3" s="38"/>
    </row>
    <row r="4" spans="1:18">
      <c r="A4" s="9"/>
      <c r="B4" s="9"/>
      <c r="C4" s="9"/>
    </row>
    <row r="6" spans="1:18" ht="13.5" customHeight="1">
      <c r="A6" s="48" t="s">
        <v>26</v>
      </c>
      <c r="B6" s="41" t="s">
        <v>27</v>
      </c>
      <c r="C6" s="42"/>
      <c r="D6" s="50" t="s">
        <v>2463</v>
      </c>
      <c r="E6" s="51"/>
      <c r="F6" s="51"/>
      <c r="G6" s="51"/>
      <c r="H6" s="52"/>
      <c r="I6" s="50" t="s">
        <v>2464</v>
      </c>
      <c r="J6" s="51"/>
      <c r="K6" s="51"/>
      <c r="L6" s="51"/>
      <c r="M6" s="52"/>
      <c r="N6" s="50" t="s">
        <v>2465</v>
      </c>
      <c r="O6" s="51"/>
      <c r="P6" s="51"/>
      <c r="Q6" s="51"/>
      <c r="R6" s="52"/>
    </row>
    <row r="7" spans="1:18" s="23" customFormat="1">
      <c r="A7" s="49"/>
      <c r="B7" s="43"/>
      <c r="C7" s="44"/>
      <c r="D7" s="33" t="s">
        <v>2466</v>
      </c>
      <c r="E7" s="33" t="s">
        <v>2467</v>
      </c>
      <c r="F7" s="33" t="s">
        <v>2468</v>
      </c>
      <c r="G7" s="33" t="s">
        <v>2469</v>
      </c>
      <c r="H7" s="33" t="s">
        <v>2470</v>
      </c>
      <c r="I7" s="33" t="s">
        <v>2471</v>
      </c>
      <c r="J7" s="33" t="s">
        <v>2467</v>
      </c>
      <c r="K7" s="33" t="s">
        <v>2468</v>
      </c>
      <c r="L7" s="33" t="s">
        <v>2469</v>
      </c>
      <c r="M7" s="33" t="s">
        <v>2470</v>
      </c>
      <c r="N7" s="33" t="s">
        <v>2471</v>
      </c>
      <c r="O7" s="33" t="s">
        <v>2467</v>
      </c>
      <c r="P7" s="33" t="s">
        <v>2468</v>
      </c>
      <c r="Q7" s="33" t="s">
        <v>2469</v>
      </c>
      <c r="R7" s="33" t="s">
        <v>2470</v>
      </c>
    </row>
    <row r="8" spans="1:18" s="15" customFormat="1">
      <c r="A8" s="20" t="s">
        <v>631</v>
      </c>
      <c r="B8" s="13" t="s">
        <v>25</v>
      </c>
      <c r="C8" s="14" t="s">
        <v>25</v>
      </c>
      <c r="D8" s="34">
        <v>32487</v>
      </c>
      <c r="E8" s="34">
        <v>516</v>
      </c>
      <c r="F8" s="34">
        <v>7390</v>
      </c>
      <c r="G8" s="34">
        <v>24392</v>
      </c>
      <c r="H8" s="34">
        <v>1361247</v>
      </c>
      <c r="I8" s="34">
        <v>17506</v>
      </c>
      <c r="J8" s="34">
        <v>264</v>
      </c>
      <c r="K8" s="34">
        <v>2042</v>
      </c>
      <c r="L8" s="34">
        <v>15082</v>
      </c>
      <c r="M8" s="34">
        <v>821535</v>
      </c>
      <c r="N8" s="34">
        <v>14981</v>
      </c>
      <c r="O8" s="34">
        <v>252</v>
      </c>
      <c r="P8" s="34">
        <v>5348</v>
      </c>
      <c r="Q8" s="34">
        <v>9310</v>
      </c>
      <c r="R8" s="34">
        <v>539712</v>
      </c>
    </row>
    <row r="9" spans="1:18">
      <c r="A9" s="30" t="s">
        <v>632</v>
      </c>
      <c r="B9" s="10" t="s">
        <v>25</v>
      </c>
      <c r="C9" s="11" t="s">
        <v>25</v>
      </c>
      <c r="D9" s="35">
        <v>681</v>
      </c>
      <c r="E9" s="35">
        <v>11</v>
      </c>
      <c r="F9" s="35">
        <v>135</v>
      </c>
      <c r="G9" s="35">
        <v>516</v>
      </c>
      <c r="H9" s="35">
        <v>28589</v>
      </c>
      <c r="I9" s="35">
        <v>342</v>
      </c>
      <c r="J9" s="35">
        <v>6</v>
      </c>
      <c r="K9" s="35">
        <v>40</v>
      </c>
      <c r="L9" s="35">
        <v>285</v>
      </c>
      <c r="M9" s="35">
        <v>15840</v>
      </c>
      <c r="N9" s="35">
        <v>339</v>
      </c>
      <c r="O9" s="35">
        <v>5</v>
      </c>
      <c r="P9" s="35">
        <v>95</v>
      </c>
      <c r="Q9" s="35">
        <v>231</v>
      </c>
      <c r="R9" s="35">
        <v>12749</v>
      </c>
    </row>
    <row r="10" spans="1:18">
      <c r="A10" s="21" t="s">
        <v>633</v>
      </c>
      <c r="B10" s="10" t="s">
        <v>25</v>
      </c>
      <c r="C10" s="11" t="s">
        <v>25</v>
      </c>
      <c r="D10" s="35">
        <v>241</v>
      </c>
      <c r="E10" s="35">
        <v>1</v>
      </c>
      <c r="F10" s="35">
        <v>29</v>
      </c>
      <c r="G10" s="35">
        <v>194</v>
      </c>
      <c r="H10" s="35">
        <v>10443</v>
      </c>
      <c r="I10" s="35">
        <v>126</v>
      </c>
      <c r="J10" s="35" t="s">
        <v>35</v>
      </c>
      <c r="K10" s="35">
        <v>10</v>
      </c>
      <c r="L10" s="35">
        <v>105</v>
      </c>
      <c r="M10" s="35">
        <v>5868</v>
      </c>
      <c r="N10" s="35">
        <v>115</v>
      </c>
      <c r="O10" s="35">
        <v>1</v>
      </c>
      <c r="P10" s="35">
        <v>19</v>
      </c>
      <c r="Q10" s="35">
        <v>89</v>
      </c>
      <c r="R10" s="35">
        <v>4575</v>
      </c>
    </row>
    <row r="11" spans="1:18">
      <c r="A11" s="21" t="s">
        <v>634</v>
      </c>
      <c r="B11" s="10" t="s">
        <v>25</v>
      </c>
      <c r="C11" s="11" t="s">
        <v>25</v>
      </c>
      <c r="D11" s="35">
        <v>96</v>
      </c>
      <c r="E11" s="35">
        <v>2</v>
      </c>
      <c r="F11" s="35">
        <v>21</v>
      </c>
      <c r="G11" s="35">
        <v>72</v>
      </c>
      <c r="H11" s="35">
        <v>3997</v>
      </c>
      <c r="I11" s="35">
        <v>48</v>
      </c>
      <c r="J11" s="35">
        <v>2</v>
      </c>
      <c r="K11" s="35">
        <v>7</v>
      </c>
      <c r="L11" s="35">
        <v>39</v>
      </c>
      <c r="M11" s="35">
        <v>2229</v>
      </c>
      <c r="N11" s="35">
        <v>48</v>
      </c>
      <c r="O11" s="35" t="s">
        <v>35</v>
      </c>
      <c r="P11" s="35">
        <v>14</v>
      </c>
      <c r="Q11" s="35">
        <v>33</v>
      </c>
      <c r="R11" s="35">
        <v>1768</v>
      </c>
    </row>
    <row r="12" spans="1:18">
      <c r="A12" s="21" t="s">
        <v>635</v>
      </c>
      <c r="B12" s="10" t="s">
        <v>25</v>
      </c>
      <c r="C12" s="11" t="s">
        <v>25</v>
      </c>
      <c r="D12" s="35">
        <v>344</v>
      </c>
      <c r="E12" s="35">
        <v>8</v>
      </c>
      <c r="F12" s="35">
        <v>85</v>
      </c>
      <c r="G12" s="35">
        <v>250</v>
      </c>
      <c r="H12" s="35">
        <v>14149</v>
      </c>
      <c r="I12" s="35">
        <v>168</v>
      </c>
      <c r="J12" s="35">
        <v>4</v>
      </c>
      <c r="K12" s="35">
        <v>23</v>
      </c>
      <c r="L12" s="35">
        <v>141</v>
      </c>
      <c r="M12" s="35">
        <v>7743</v>
      </c>
      <c r="N12" s="35">
        <v>176</v>
      </c>
      <c r="O12" s="35">
        <v>4</v>
      </c>
      <c r="P12" s="35">
        <v>62</v>
      </c>
      <c r="Q12" s="35">
        <v>109</v>
      </c>
      <c r="R12" s="35">
        <v>6406</v>
      </c>
    </row>
    <row r="13" spans="1:18">
      <c r="A13" s="21" t="s">
        <v>636</v>
      </c>
      <c r="B13" s="10" t="s">
        <v>25</v>
      </c>
      <c r="C13" s="11" t="s">
        <v>25</v>
      </c>
      <c r="D13" s="35">
        <v>1959</v>
      </c>
      <c r="E13" s="35">
        <v>37</v>
      </c>
      <c r="F13" s="35">
        <v>376</v>
      </c>
      <c r="G13" s="35">
        <v>1533</v>
      </c>
      <c r="H13" s="35">
        <v>85371</v>
      </c>
      <c r="I13" s="35">
        <v>1056</v>
      </c>
      <c r="J13" s="35">
        <v>14</v>
      </c>
      <c r="K13" s="35">
        <v>99</v>
      </c>
      <c r="L13" s="35">
        <v>936</v>
      </c>
      <c r="M13" s="35">
        <v>51726</v>
      </c>
      <c r="N13" s="35">
        <v>903</v>
      </c>
      <c r="O13" s="35">
        <v>23</v>
      </c>
      <c r="P13" s="35">
        <v>277</v>
      </c>
      <c r="Q13" s="35">
        <v>597</v>
      </c>
      <c r="R13" s="35">
        <v>33645</v>
      </c>
    </row>
    <row r="14" spans="1:18">
      <c r="A14" s="21" t="s">
        <v>637</v>
      </c>
      <c r="B14" s="10" t="s">
        <v>25</v>
      </c>
      <c r="C14" s="11" t="s">
        <v>25</v>
      </c>
      <c r="D14" s="35">
        <v>550</v>
      </c>
      <c r="E14" s="35">
        <v>5</v>
      </c>
      <c r="F14" s="35">
        <v>108</v>
      </c>
      <c r="G14" s="35">
        <v>437</v>
      </c>
      <c r="H14" s="35">
        <v>24453</v>
      </c>
      <c r="I14" s="35">
        <v>295</v>
      </c>
      <c r="J14" s="35">
        <v>2</v>
      </c>
      <c r="K14" s="35">
        <v>32</v>
      </c>
      <c r="L14" s="35">
        <v>261</v>
      </c>
      <c r="M14" s="35">
        <v>14455</v>
      </c>
      <c r="N14" s="35">
        <v>255</v>
      </c>
      <c r="O14" s="35">
        <v>3</v>
      </c>
      <c r="P14" s="35">
        <v>76</v>
      </c>
      <c r="Q14" s="35">
        <v>176</v>
      </c>
      <c r="R14" s="35">
        <v>9998</v>
      </c>
    </row>
    <row r="15" spans="1:18">
      <c r="A15" s="21" t="s">
        <v>638</v>
      </c>
      <c r="B15" s="10" t="s">
        <v>25</v>
      </c>
      <c r="C15" s="11" t="s">
        <v>25</v>
      </c>
      <c r="D15" s="35">
        <v>577</v>
      </c>
      <c r="E15" s="35">
        <v>14</v>
      </c>
      <c r="F15" s="35">
        <v>114</v>
      </c>
      <c r="G15" s="35">
        <v>444</v>
      </c>
      <c r="H15" s="35">
        <v>24812</v>
      </c>
      <c r="I15" s="35">
        <v>290</v>
      </c>
      <c r="J15" s="35">
        <v>6</v>
      </c>
      <c r="K15" s="35">
        <v>24</v>
      </c>
      <c r="L15" s="35">
        <v>256</v>
      </c>
      <c r="M15" s="35">
        <v>14203</v>
      </c>
      <c r="N15" s="35">
        <v>287</v>
      </c>
      <c r="O15" s="35">
        <v>8</v>
      </c>
      <c r="P15" s="35">
        <v>90</v>
      </c>
      <c r="Q15" s="35">
        <v>188</v>
      </c>
      <c r="R15" s="35">
        <v>10609</v>
      </c>
    </row>
    <row r="16" spans="1:18">
      <c r="A16" s="21" t="s">
        <v>639</v>
      </c>
      <c r="B16" s="10" t="s">
        <v>25</v>
      </c>
      <c r="C16" s="11" t="s">
        <v>25</v>
      </c>
      <c r="D16" s="35">
        <v>832</v>
      </c>
      <c r="E16" s="35">
        <v>18</v>
      </c>
      <c r="F16" s="35">
        <v>154</v>
      </c>
      <c r="G16" s="35">
        <v>652</v>
      </c>
      <c r="H16" s="35">
        <v>36106</v>
      </c>
      <c r="I16" s="35">
        <v>471</v>
      </c>
      <c r="J16" s="35">
        <v>6</v>
      </c>
      <c r="K16" s="35">
        <v>43</v>
      </c>
      <c r="L16" s="35">
        <v>419</v>
      </c>
      <c r="M16" s="35">
        <v>23068</v>
      </c>
      <c r="N16" s="35">
        <v>361</v>
      </c>
      <c r="O16" s="35">
        <v>12</v>
      </c>
      <c r="P16" s="35">
        <v>111</v>
      </c>
      <c r="Q16" s="35">
        <v>233</v>
      </c>
      <c r="R16" s="35">
        <v>13038</v>
      </c>
    </row>
    <row r="17" spans="1:18">
      <c r="A17" s="21" t="s">
        <v>640</v>
      </c>
      <c r="B17" s="10" t="s">
        <v>25</v>
      </c>
      <c r="C17" s="11" t="s">
        <v>25</v>
      </c>
      <c r="D17" s="35">
        <v>1049</v>
      </c>
      <c r="E17" s="35">
        <v>23</v>
      </c>
      <c r="F17" s="35">
        <v>188</v>
      </c>
      <c r="G17" s="35">
        <v>837</v>
      </c>
      <c r="H17" s="35">
        <v>46254</v>
      </c>
      <c r="I17" s="35">
        <v>509</v>
      </c>
      <c r="J17" s="35">
        <v>13</v>
      </c>
      <c r="K17" s="35">
        <v>52</v>
      </c>
      <c r="L17" s="35">
        <v>443</v>
      </c>
      <c r="M17" s="35">
        <v>24852</v>
      </c>
      <c r="N17" s="35">
        <v>540</v>
      </c>
      <c r="O17" s="35">
        <v>10</v>
      </c>
      <c r="P17" s="35">
        <v>136</v>
      </c>
      <c r="Q17" s="35">
        <v>394</v>
      </c>
      <c r="R17" s="35">
        <v>21402</v>
      </c>
    </row>
    <row r="18" spans="1:18">
      <c r="A18" s="21" t="s">
        <v>641</v>
      </c>
      <c r="B18" s="10" t="s">
        <v>25</v>
      </c>
      <c r="C18" s="11" t="s">
        <v>25</v>
      </c>
      <c r="D18" s="35">
        <v>299</v>
      </c>
      <c r="E18" s="35">
        <v>4</v>
      </c>
      <c r="F18" s="35">
        <v>54</v>
      </c>
      <c r="G18" s="35">
        <v>241</v>
      </c>
      <c r="H18" s="35">
        <v>13727</v>
      </c>
      <c r="I18" s="35">
        <v>163</v>
      </c>
      <c r="J18" s="35">
        <v>3</v>
      </c>
      <c r="K18" s="35">
        <v>18</v>
      </c>
      <c r="L18" s="35">
        <v>142</v>
      </c>
      <c r="M18" s="35">
        <v>8263</v>
      </c>
      <c r="N18" s="35">
        <v>136</v>
      </c>
      <c r="O18" s="35">
        <v>1</v>
      </c>
      <c r="P18" s="35">
        <v>36</v>
      </c>
      <c r="Q18" s="35">
        <v>99</v>
      </c>
      <c r="R18" s="35">
        <v>5464</v>
      </c>
    </row>
    <row r="19" spans="1:18">
      <c r="A19" s="21" t="s">
        <v>642</v>
      </c>
      <c r="B19" s="10" t="s">
        <v>25</v>
      </c>
      <c r="C19" s="11" t="s">
        <v>25</v>
      </c>
      <c r="D19" s="35">
        <v>359</v>
      </c>
      <c r="E19" s="35">
        <v>5</v>
      </c>
      <c r="F19" s="35">
        <v>55</v>
      </c>
      <c r="G19" s="35">
        <v>298</v>
      </c>
      <c r="H19" s="35">
        <v>15943</v>
      </c>
      <c r="I19" s="35">
        <v>147</v>
      </c>
      <c r="J19" s="35">
        <v>3</v>
      </c>
      <c r="K19" s="35">
        <v>12</v>
      </c>
      <c r="L19" s="35">
        <v>131</v>
      </c>
      <c r="M19" s="35">
        <v>7103</v>
      </c>
      <c r="N19" s="35">
        <v>212</v>
      </c>
      <c r="O19" s="35">
        <v>2</v>
      </c>
      <c r="P19" s="35">
        <v>43</v>
      </c>
      <c r="Q19" s="35">
        <v>167</v>
      </c>
      <c r="R19" s="35">
        <v>8840</v>
      </c>
    </row>
    <row r="20" spans="1:18">
      <c r="A20" s="21" t="s">
        <v>643</v>
      </c>
      <c r="B20" s="10" t="s">
        <v>25</v>
      </c>
      <c r="C20" s="11" t="s">
        <v>25</v>
      </c>
      <c r="D20" s="35">
        <v>391</v>
      </c>
      <c r="E20" s="35">
        <v>14</v>
      </c>
      <c r="F20" s="35">
        <v>79</v>
      </c>
      <c r="G20" s="35">
        <v>298</v>
      </c>
      <c r="H20" s="35">
        <v>16584</v>
      </c>
      <c r="I20" s="35">
        <v>199</v>
      </c>
      <c r="J20" s="35">
        <v>7</v>
      </c>
      <c r="K20" s="35">
        <v>22</v>
      </c>
      <c r="L20" s="35">
        <v>170</v>
      </c>
      <c r="M20" s="35">
        <v>9486</v>
      </c>
      <c r="N20" s="35">
        <v>192</v>
      </c>
      <c r="O20" s="35">
        <v>7</v>
      </c>
      <c r="P20" s="35">
        <v>57</v>
      </c>
      <c r="Q20" s="35">
        <v>128</v>
      </c>
      <c r="R20" s="35">
        <v>7098</v>
      </c>
    </row>
    <row r="21" spans="1:18">
      <c r="A21" s="21" t="s">
        <v>644</v>
      </c>
      <c r="B21" s="10" t="s">
        <v>25</v>
      </c>
      <c r="C21" s="11" t="s">
        <v>25</v>
      </c>
      <c r="D21" s="35">
        <v>926</v>
      </c>
      <c r="E21" s="35">
        <v>8</v>
      </c>
      <c r="F21" s="35">
        <v>189</v>
      </c>
      <c r="G21" s="35">
        <v>724</v>
      </c>
      <c r="H21" s="35">
        <v>39766</v>
      </c>
      <c r="I21" s="35">
        <v>524</v>
      </c>
      <c r="J21" s="35">
        <v>5</v>
      </c>
      <c r="K21" s="35">
        <v>71</v>
      </c>
      <c r="L21" s="35">
        <v>445</v>
      </c>
      <c r="M21" s="35">
        <v>24030</v>
      </c>
      <c r="N21" s="35">
        <v>402</v>
      </c>
      <c r="O21" s="35">
        <v>3</v>
      </c>
      <c r="P21" s="35">
        <v>118</v>
      </c>
      <c r="Q21" s="35">
        <v>279</v>
      </c>
      <c r="R21" s="35">
        <v>15736</v>
      </c>
    </row>
    <row r="22" spans="1:18">
      <c r="A22" s="21" t="s">
        <v>645</v>
      </c>
      <c r="B22" s="10" t="s">
        <v>25</v>
      </c>
      <c r="C22" s="11" t="s">
        <v>25</v>
      </c>
      <c r="D22" s="35">
        <v>427</v>
      </c>
      <c r="E22" s="35">
        <v>4</v>
      </c>
      <c r="F22" s="35">
        <v>87</v>
      </c>
      <c r="G22" s="35">
        <v>333</v>
      </c>
      <c r="H22" s="35">
        <v>18227</v>
      </c>
      <c r="I22" s="35">
        <v>231</v>
      </c>
      <c r="J22" s="35">
        <v>2</v>
      </c>
      <c r="K22" s="35">
        <v>34</v>
      </c>
      <c r="L22" s="35">
        <v>193</v>
      </c>
      <c r="M22" s="35">
        <v>10412</v>
      </c>
      <c r="N22" s="35">
        <v>196</v>
      </c>
      <c r="O22" s="35">
        <v>2</v>
      </c>
      <c r="P22" s="35">
        <v>53</v>
      </c>
      <c r="Q22" s="35">
        <v>140</v>
      </c>
      <c r="R22" s="35">
        <v>7815</v>
      </c>
    </row>
    <row r="23" spans="1:18">
      <c r="A23" s="21" t="s">
        <v>646</v>
      </c>
      <c r="B23" s="10" t="s">
        <v>25</v>
      </c>
      <c r="C23" s="11" t="s">
        <v>25</v>
      </c>
      <c r="D23" s="35">
        <v>117</v>
      </c>
      <c r="E23" s="35">
        <v>1</v>
      </c>
      <c r="F23" s="35">
        <v>30</v>
      </c>
      <c r="G23" s="35">
        <v>86</v>
      </c>
      <c r="H23" s="35">
        <v>4822</v>
      </c>
      <c r="I23" s="35">
        <v>69</v>
      </c>
      <c r="J23" s="35">
        <v>1</v>
      </c>
      <c r="K23" s="35">
        <v>10</v>
      </c>
      <c r="L23" s="35">
        <v>58</v>
      </c>
      <c r="M23" s="35">
        <v>3075</v>
      </c>
      <c r="N23" s="35">
        <v>48</v>
      </c>
      <c r="O23" s="35" t="s">
        <v>35</v>
      </c>
      <c r="P23" s="35">
        <v>20</v>
      </c>
      <c r="Q23" s="35">
        <v>28</v>
      </c>
      <c r="R23" s="35">
        <v>1747</v>
      </c>
    </row>
    <row r="24" spans="1:18">
      <c r="A24" s="21" t="s">
        <v>647</v>
      </c>
      <c r="B24" s="10" t="s">
        <v>25</v>
      </c>
      <c r="C24" s="11" t="s">
        <v>25</v>
      </c>
      <c r="D24" s="35">
        <v>382</v>
      </c>
      <c r="E24" s="35">
        <v>3</v>
      </c>
      <c r="F24" s="35">
        <v>72</v>
      </c>
      <c r="G24" s="35">
        <v>305</v>
      </c>
      <c r="H24" s="35">
        <v>16717</v>
      </c>
      <c r="I24" s="35">
        <v>224</v>
      </c>
      <c r="J24" s="35">
        <v>2</v>
      </c>
      <c r="K24" s="35">
        <v>27</v>
      </c>
      <c r="L24" s="35">
        <v>194</v>
      </c>
      <c r="M24" s="35">
        <v>10543</v>
      </c>
      <c r="N24" s="35">
        <v>158</v>
      </c>
      <c r="O24" s="35">
        <v>1</v>
      </c>
      <c r="P24" s="35">
        <v>45</v>
      </c>
      <c r="Q24" s="35">
        <v>111</v>
      </c>
      <c r="R24" s="35">
        <v>6174</v>
      </c>
    </row>
    <row r="25" spans="1:18">
      <c r="A25" s="21" t="s">
        <v>648</v>
      </c>
      <c r="B25" s="10" t="s">
        <v>25</v>
      </c>
      <c r="C25" s="11" t="s">
        <v>25</v>
      </c>
      <c r="D25" s="35">
        <v>809</v>
      </c>
      <c r="E25" s="35">
        <v>14</v>
      </c>
      <c r="F25" s="35">
        <v>164</v>
      </c>
      <c r="G25" s="35">
        <v>629</v>
      </c>
      <c r="H25" s="35">
        <v>34395</v>
      </c>
      <c r="I25" s="35">
        <v>410</v>
      </c>
      <c r="J25" s="35">
        <v>3</v>
      </c>
      <c r="K25" s="35">
        <v>41</v>
      </c>
      <c r="L25" s="35">
        <v>364</v>
      </c>
      <c r="M25" s="35">
        <v>19796</v>
      </c>
      <c r="N25" s="35">
        <v>399</v>
      </c>
      <c r="O25" s="35">
        <v>11</v>
      </c>
      <c r="P25" s="35">
        <v>123</v>
      </c>
      <c r="Q25" s="35">
        <v>265</v>
      </c>
      <c r="R25" s="35">
        <v>14599</v>
      </c>
    </row>
    <row r="26" spans="1:18">
      <c r="A26" s="21" t="s">
        <v>649</v>
      </c>
      <c r="B26" s="10" t="s">
        <v>25</v>
      </c>
      <c r="C26" s="11" t="s">
        <v>25</v>
      </c>
      <c r="D26" s="35">
        <v>295</v>
      </c>
      <c r="E26" s="35">
        <v>3</v>
      </c>
      <c r="F26" s="35">
        <v>61</v>
      </c>
      <c r="G26" s="35">
        <v>230</v>
      </c>
      <c r="H26" s="35">
        <v>12721</v>
      </c>
      <c r="I26" s="35">
        <v>149</v>
      </c>
      <c r="J26" s="35" t="s">
        <v>35</v>
      </c>
      <c r="K26" s="35">
        <v>13</v>
      </c>
      <c r="L26" s="35">
        <v>135</v>
      </c>
      <c r="M26" s="35">
        <v>7372</v>
      </c>
      <c r="N26" s="35">
        <v>146</v>
      </c>
      <c r="O26" s="35">
        <v>3</v>
      </c>
      <c r="P26" s="35">
        <v>48</v>
      </c>
      <c r="Q26" s="35">
        <v>95</v>
      </c>
      <c r="R26" s="35">
        <v>5349</v>
      </c>
    </row>
    <row r="27" spans="1:18">
      <c r="A27" s="21" t="s">
        <v>650</v>
      </c>
      <c r="B27" s="10" t="s">
        <v>25</v>
      </c>
      <c r="C27" s="11" t="s">
        <v>25</v>
      </c>
      <c r="D27" s="35">
        <v>373</v>
      </c>
      <c r="E27" s="35">
        <v>9</v>
      </c>
      <c r="F27" s="35">
        <v>74</v>
      </c>
      <c r="G27" s="35">
        <v>289</v>
      </c>
      <c r="H27" s="35">
        <v>15719</v>
      </c>
      <c r="I27" s="35">
        <v>196</v>
      </c>
      <c r="J27" s="35">
        <v>3</v>
      </c>
      <c r="K27" s="35">
        <v>18</v>
      </c>
      <c r="L27" s="35">
        <v>174</v>
      </c>
      <c r="M27" s="35">
        <v>9429</v>
      </c>
      <c r="N27" s="35">
        <v>177</v>
      </c>
      <c r="O27" s="35">
        <v>6</v>
      </c>
      <c r="P27" s="35">
        <v>56</v>
      </c>
      <c r="Q27" s="35">
        <v>115</v>
      </c>
      <c r="R27" s="35">
        <v>6290</v>
      </c>
    </row>
    <row r="28" spans="1:18">
      <c r="A28" s="21" t="s">
        <v>651</v>
      </c>
      <c r="B28" s="10" t="s">
        <v>25</v>
      </c>
      <c r="C28" s="11" t="s">
        <v>25</v>
      </c>
      <c r="D28" s="35">
        <v>141</v>
      </c>
      <c r="E28" s="35">
        <v>2</v>
      </c>
      <c r="F28" s="35">
        <v>29</v>
      </c>
      <c r="G28" s="35">
        <v>110</v>
      </c>
      <c r="H28" s="35">
        <v>5955</v>
      </c>
      <c r="I28" s="35">
        <v>65</v>
      </c>
      <c r="J28" s="35" t="s">
        <v>35</v>
      </c>
      <c r="K28" s="35">
        <v>10</v>
      </c>
      <c r="L28" s="35">
        <v>55</v>
      </c>
      <c r="M28" s="35">
        <v>2995</v>
      </c>
      <c r="N28" s="35">
        <v>76</v>
      </c>
      <c r="O28" s="35">
        <v>2</v>
      </c>
      <c r="P28" s="35">
        <v>19</v>
      </c>
      <c r="Q28" s="35">
        <v>55</v>
      </c>
      <c r="R28" s="35">
        <v>2960</v>
      </c>
    </row>
    <row r="29" spans="1:18">
      <c r="A29" s="21" t="s">
        <v>652</v>
      </c>
      <c r="B29" s="10" t="s">
        <v>25</v>
      </c>
      <c r="C29" s="11" t="s">
        <v>25</v>
      </c>
      <c r="D29" s="35">
        <v>1206</v>
      </c>
      <c r="E29" s="35">
        <v>13</v>
      </c>
      <c r="F29" s="35">
        <v>264</v>
      </c>
      <c r="G29" s="35">
        <v>926</v>
      </c>
      <c r="H29" s="35">
        <v>51170</v>
      </c>
      <c r="I29" s="35">
        <v>650</v>
      </c>
      <c r="J29" s="35">
        <v>9</v>
      </c>
      <c r="K29" s="35">
        <v>62</v>
      </c>
      <c r="L29" s="35">
        <v>576</v>
      </c>
      <c r="M29" s="35">
        <v>30901</v>
      </c>
      <c r="N29" s="35">
        <v>556</v>
      </c>
      <c r="O29" s="35">
        <v>4</v>
      </c>
      <c r="P29" s="35">
        <v>202</v>
      </c>
      <c r="Q29" s="35">
        <v>350</v>
      </c>
      <c r="R29" s="35">
        <v>20269</v>
      </c>
    </row>
    <row r="30" spans="1:18">
      <c r="A30" s="21" t="s">
        <v>653</v>
      </c>
      <c r="B30" s="10" t="s">
        <v>25</v>
      </c>
      <c r="C30" s="11" t="s">
        <v>25</v>
      </c>
      <c r="D30" s="35">
        <v>1134</v>
      </c>
      <c r="E30" s="35">
        <v>11</v>
      </c>
      <c r="F30" s="35">
        <v>247</v>
      </c>
      <c r="G30" s="35">
        <v>874</v>
      </c>
      <c r="H30" s="35">
        <v>48319</v>
      </c>
      <c r="I30" s="35">
        <v>611</v>
      </c>
      <c r="J30" s="35">
        <v>7</v>
      </c>
      <c r="K30" s="35">
        <v>58</v>
      </c>
      <c r="L30" s="35">
        <v>544</v>
      </c>
      <c r="M30" s="35">
        <v>29224</v>
      </c>
      <c r="N30" s="35">
        <v>523</v>
      </c>
      <c r="O30" s="35">
        <v>4</v>
      </c>
      <c r="P30" s="35">
        <v>189</v>
      </c>
      <c r="Q30" s="35">
        <v>330</v>
      </c>
      <c r="R30" s="35">
        <v>19095</v>
      </c>
    </row>
    <row r="31" spans="1:18">
      <c r="A31" s="21" t="s">
        <v>654</v>
      </c>
      <c r="B31" s="10" t="s">
        <v>25</v>
      </c>
      <c r="C31" s="11" t="s">
        <v>25</v>
      </c>
      <c r="D31" s="35">
        <v>72</v>
      </c>
      <c r="E31" s="35">
        <v>2</v>
      </c>
      <c r="F31" s="35">
        <v>17</v>
      </c>
      <c r="G31" s="35">
        <v>52</v>
      </c>
      <c r="H31" s="35">
        <v>2851</v>
      </c>
      <c r="I31" s="35">
        <v>39</v>
      </c>
      <c r="J31" s="35">
        <v>2</v>
      </c>
      <c r="K31" s="35">
        <v>4</v>
      </c>
      <c r="L31" s="35">
        <v>32</v>
      </c>
      <c r="M31" s="35">
        <v>1677</v>
      </c>
      <c r="N31" s="35">
        <v>33</v>
      </c>
      <c r="O31" s="35" t="s">
        <v>35</v>
      </c>
      <c r="P31" s="35">
        <v>13</v>
      </c>
      <c r="Q31" s="35">
        <v>20</v>
      </c>
      <c r="R31" s="35">
        <v>1174</v>
      </c>
    </row>
    <row r="32" spans="1:18">
      <c r="A32" s="21" t="s">
        <v>655</v>
      </c>
      <c r="B32" s="10" t="s">
        <v>25</v>
      </c>
      <c r="C32" s="11" t="s">
        <v>25</v>
      </c>
      <c r="D32" s="35">
        <v>170</v>
      </c>
      <c r="E32" s="35">
        <v>2</v>
      </c>
      <c r="F32" s="35">
        <v>38</v>
      </c>
      <c r="G32" s="35">
        <v>129</v>
      </c>
      <c r="H32" s="35">
        <v>7358</v>
      </c>
      <c r="I32" s="35">
        <v>98</v>
      </c>
      <c r="J32" s="35">
        <v>1</v>
      </c>
      <c r="K32" s="35">
        <v>13</v>
      </c>
      <c r="L32" s="35">
        <v>84</v>
      </c>
      <c r="M32" s="35">
        <v>4744</v>
      </c>
      <c r="N32" s="35">
        <v>72</v>
      </c>
      <c r="O32" s="35">
        <v>1</v>
      </c>
      <c r="P32" s="35">
        <v>25</v>
      </c>
      <c r="Q32" s="35">
        <v>45</v>
      </c>
      <c r="R32" s="35">
        <v>2614</v>
      </c>
    </row>
    <row r="33" spans="1:18">
      <c r="A33" s="21" t="s">
        <v>656</v>
      </c>
      <c r="B33" s="10" t="s">
        <v>25</v>
      </c>
      <c r="C33" s="11" t="s">
        <v>25</v>
      </c>
      <c r="D33" s="35">
        <v>93</v>
      </c>
      <c r="E33" s="35" t="s">
        <v>35</v>
      </c>
      <c r="F33" s="35">
        <v>21</v>
      </c>
      <c r="G33" s="35">
        <v>71</v>
      </c>
      <c r="H33" s="35">
        <v>4002</v>
      </c>
      <c r="I33" s="35">
        <v>56</v>
      </c>
      <c r="J33" s="35" t="s">
        <v>35</v>
      </c>
      <c r="K33" s="35">
        <v>8</v>
      </c>
      <c r="L33" s="35">
        <v>48</v>
      </c>
      <c r="M33" s="35">
        <v>2649</v>
      </c>
      <c r="N33" s="35">
        <v>37</v>
      </c>
      <c r="O33" s="35" t="s">
        <v>35</v>
      </c>
      <c r="P33" s="35">
        <v>13</v>
      </c>
      <c r="Q33" s="35">
        <v>23</v>
      </c>
      <c r="R33" s="35">
        <v>1353</v>
      </c>
    </row>
    <row r="34" spans="1:18">
      <c r="A34" s="21" t="s">
        <v>657</v>
      </c>
      <c r="B34" s="10" t="s">
        <v>25</v>
      </c>
      <c r="C34" s="11" t="s">
        <v>25</v>
      </c>
      <c r="D34" s="35">
        <v>77</v>
      </c>
      <c r="E34" s="35">
        <v>2</v>
      </c>
      <c r="F34" s="35">
        <v>17</v>
      </c>
      <c r="G34" s="35">
        <v>58</v>
      </c>
      <c r="H34" s="35">
        <v>3356</v>
      </c>
      <c r="I34" s="35">
        <v>42</v>
      </c>
      <c r="J34" s="35">
        <v>1</v>
      </c>
      <c r="K34" s="35">
        <v>5</v>
      </c>
      <c r="L34" s="35">
        <v>36</v>
      </c>
      <c r="M34" s="35">
        <v>2095</v>
      </c>
      <c r="N34" s="35">
        <v>35</v>
      </c>
      <c r="O34" s="35">
        <v>1</v>
      </c>
      <c r="P34" s="35">
        <v>12</v>
      </c>
      <c r="Q34" s="35">
        <v>22</v>
      </c>
      <c r="R34" s="35">
        <v>1261</v>
      </c>
    </row>
    <row r="35" spans="1:18">
      <c r="A35" s="21" t="s">
        <v>658</v>
      </c>
      <c r="B35" s="10" t="s">
        <v>25</v>
      </c>
      <c r="C35" s="11" t="s">
        <v>25</v>
      </c>
      <c r="D35" s="35">
        <v>2162</v>
      </c>
      <c r="E35" s="35">
        <v>32</v>
      </c>
      <c r="F35" s="35">
        <v>472</v>
      </c>
      <c r="G35" s="35">
        <v>1658</v>
      </c>
      <c r="H35" s="35">
        <v>91042</v>
      </c>
      <c r="I35" s="35">
        <v>1170</v>
      </c>
      <c r="J35" s="35">
        <v>15</v>
      </c>
      <c r="K35" s="35">
        <v>111</v>
      </c>
      <c r="L35" s="35">
        <v>1044</v>
      </c>
      <c r="M35" s="35">
        <v>55805</v>
      </c>
      <c r="N35" s="35">
        <v>992</v>
      </c>
      <c r="O35" s="35">
        <v>17</v>
      </c>
      <c r="P35" s="35">
        <v>361</v>
      </c>
      <c r="Q35" s="35">
        <v>614</v>
      </c>
      <c r="R35" s="35">
        <v>35237</v>
      </c>
    </row>
    <row r="36" spans="1:18">
      <c r="A36" s="21" t="s">
        <v>659</v>
      </c>
      <c r="B36" s="10" t="s">
        <v>25</v>
      </c>
      <c r="C36" s="11" t="s">
        <v>25</v>
      </c>
      <c r="D36" s="35">
        <v>320</v>
      </c>
      <c r="E36" s="35">
        <v>4</v>
      </c>
      <c r="F36" s="35">
        <v>65</v>
      </c>
      <c r="G36" s="35">
        <v>251</v>
      </c>
      <c r="H36" s="35">
        <v>14059</v>
      </c>
      <c r="I36" s="35">
        <v>185</v>
      </c>
      <c r="J36" s="35">
        <v>1</v>
      </c>
      <c r="K36" s="35">
        <v>17</v>
      </c>
      <c r="L36" s="35">
        <v>167</v>
      </c>
      <c r="M36" s="35">
        <v>9221</v>
      </c>
      <c r="N36" s="35">
        <v>135</v>
      </c>
      <c r="O36" s="35">
        <v>3</v>
      </c>
      <c r="P36" s="35">
        <v>48</v>
      </c>
      <c r="Q36" s="35">
        <v>84</v>
      </c>
      <c r="R36" s="35">
        <v>4838</v>
      </c>
    </row>
    <row r="37" spans="1:18">
      <c r="A37" s="21" t="s">
        <v>660</v>
      </c>
      <c r="B37" s="10" t="s">
        <v>25</v>
      </c>
      <c r="C37" s="11" t="s">
        <v>25</v>
      </c>
      <c r="D37" s="35">
        <v>101</v>
      </c>
      <c r="E37" s="35">
        <v>1</v>
      </c>
      <c r="F37" s="35">
        <v>25</v>
      </c>
      <c r="G37" s="35">
        <v>75</v>
      </c>
      <c r="H37" s="35">
        <v>4217</v>
      </c>
      <c r="I37" s="35">
        <v>48</v>
      </c>
      <c r="J37" s="35" t="s">
        <v>35</v>
      </c>
      <c r="K37" s="35">
        <v>6</v>
      </c>
      <c r="L37" s="35">
        <v>42</v>
      </c>
      <c r="M37" s="35">
        <v>2253</v>
      </c>
      <c r="N37" s="35">
        <v>53</v>
      </c>
      <c r="O37" s="35">
        <v>1</v>
      </c>
      <c r="P37" s="35">
        <v>19</v>
      </c>
      <c r="Q37" s="35">
        <v>33</v>
      </c>
      <c r="R37" s="35">
        <v>1964</v>
      </c>
    </row>
    <row r="38" spans="1:18">
      <c r="A38" s="21" t="s">
        <v>661</v>
      </c>
      <c r="B38" s="10" t="s">
        <v>25</v>
      </c>
      <c r="C38" s="11" t="s">
        <v>25</v>
      </c>
      <c r="D38" s="35">
        <v>329</v>
      </c>
      <c r="E38" s="35">
        <v>5</v>
      </c>
      <c r="F38" s="35">
        <v>56</v>
      </c>
      <c r="G38" s="35">
        <v>268</v>
      </c>
      <c r="H38" s="35">
        <v>14728</v>
      </c>
      <c r="I38" s="35">
        <v>184</v>
      </c>
      <c r="J38" s="35">
        <v>2</v>
      </c>
      <c r="K38" s="35">
        <v>11</v>
      </c>
      <c r="L38" s="35">
        <v>171</v>
      </c>
      <c r="M38" s="35">
        <v>9220</v>
      </c>
      <c r="N38" s="35">
        <v>145</v>
      </c>
      <c r="O38" s="35">
        <v>3</v>
      </c>
      <c r="P38" s="35">
        <v>45</v>
      </c>
      <c r="Q38" s="35">
        <v>97</v>
      </c>
      <c r="R38" s="35">
        <v>5508</v>
      </c>
    </row>
    <row r="39" spans="1:18">
      <c r="A39" s="21" t="s">
        <v>662</v>
      </c>
      <c r="B39" s="10" t="s">
        <v>25</v>
      </c>
      <c r="C39" s="11" t="s">
        <v>25</v>
      </c>
      <c r="D39" s="35">
        <v>316</v>
      </c>
      <c r="E39" s="35">
        <v>1</v>
      </c>
      <c r="F39" s="35">
        <v>67</v>
      </c>
      <c r="G39" s="35">
        <v>248</v>
      </c>
      <c r="H39" s="35">
        <v>13547</v>
      </c>
      <c r="I39" s="35">
        <v>162</v>
      </c>
      <c r="J39" s="35">
        <v>1</v>
      </c>
      <c r="K39" s="35">
        <v>16</v>
      </c>
      <c r="L39" s="35">
        <v>145</v>
      </c>
      <c r="M39" s="35">
        <v>7817</v>
      </c>
      <c r="N39" s="35">
        <v>154</v>
      </c>
      <c r="O39" s="35" t="s">
        <v>35</v>
      </c>
      <c r="P39" s="35">
        <v>51</v>
      </c>
      <c r="Q39" s="35">
        <v>103</v>
      </c>
      <c r="R39" s="35">
        <v>5730</v>
      </c>
    </row>
    <row r="40" spans="1:18">
      <c r="A40" s="21" t="s">
        <v>663</v>
      </c>
      <c r="B40" s="10" t="s">
        <v>25</v>
      </c>
      <c r="C40" s="11" t="s">
        <v>25</v>
      </c>
      <c r="D40" s="35">
        <v>365</v>
      </c>
      <c r="E40" s="35">
        <v>4</v>
      </c>
      <c r="F40" s="35">
        <v>91</v>
      </c>
      <c r="G40" s="35">
        <v>270</v>
      </c>
      <c r="H40" s="35">
        <v>15274</v>
      </c>
      <c r="I40" s="35">
        <v>201</v>
      </c>
      <c r="J40" s="35">
        <v>1</v>
      </c>
      <c r="K40" s="35">
        <v>20</v>
      </c>
      <c r="L40" s="35">
        <v>180</v>
      </c>
      <c r="M40" s="35">
        <v>9719</v>
      </c>
      <c r="N40" s="35">
        <v>164</v>
      </c>
      <c r="O40" s="35">
        <v>3</v>
      </c>
      <c r="P40" s="35">
        <v>71</v>
      </c>
      <c r="Q40" s="35">
        <v>90</v>
      </c>
      <c r="R40" s="35">
        <v>5555</v>
      </c>
    </row>
    <row r="41" spans="1:18">
      <c r="A41" s="21" t="s">
        <v>664</v>
      </c>
      <c r="B41" s="10" t="s">
        <v>25</v>
      </c>
      <c r="C41" s="11" t="s">
        <v>25</v>
      </c>
      <c r="D41" s="35">
        <v>731</v>
      </c>
      <c r="E41" s="35">
        <v>17</v>
      </c>
      <c r="F41" s="35">
        <v>168</v>
      </c>
      <c r="G41" s="35">
        <v>546</v>
      </c>
      <c r="H41" s="35">
        <v>29217</v>
      </c>
      <c r="I41" s="35">
        <v>390</v>
      </c>
      <c r="J41" s="35">
        <v>10</v>
      </c>
      <c r="K41" s="35">
        <v>41</v>
      </c>
      <c r="L41" s="35">
        <v>339</v>
      </c>
      <c r="M41" s="35">
        <v>17575</v>
      </c>
      <c r="N41" s="35">
        <v>341</v>
      </c>
      <c r="O41" s="35">
        <v>7</v>
      </c>
      <c r="P41" s="35">
        <v>127</v>
      </c>
      <c r="Q41" s="35">
        <v>207</v>
      </c>
      <c r="R41" s="35">
        <v>11642</v>
      </c>
    </row>
    <row r="42" spans="1:18">
      <c r="A42" s="21" t="s">
        <v>665</v>
      </c>
      <c r="B42" s="10" t="s">
        <v>25</v>
      </c>
      <c r="C42" s="11" t="s">
        <v>25</v>
      </c>
      <c r="D42" s="35">
        <v>2636</v>
      </c>
      <c r="E42" s="35">
        <v>37</v>
      </c>
      <c r="F42" s="35">
        <v>558</v>
      </c>
      <c r="G42" s="35">
        <v>2036</v>
      </c>
      <c r="H42" s="35">
        <v>114124</v>
      </c>
      <c r="I42" s="35">
        <v>1344</v>
      </c>
      <c r="J42" s="35">
        <v>21</v>
      </c>
      <c r="K42" s="35">
        <v>140</v>
      </c>
      <c r="L42" s="35">
        <v>1182</v>
      </c>
      <c r="M42" s="35">
        <v>65272</v>
      </c>
      <c r="N42" s="35">
        <v>1292</v>
      </c>
      <c r="O42" s="35">
        <v>16</v>
      </c>
      <c r="P42" s="35">
        <v>418</v>
      </c>
      <c r="Q42" s="35">
        <v>854</v>
      </c>
      <c r="R42" s="35">
        <v>48852</v>
      </c>
    </row>
    <row r="43" spans="1:18">
      <c r="A43" s="21" t="s">
        <v>666</v>
      </c>
      <c r="B43" s="10" t="s">
        <v>25</v>
      </c>
      <c r="C43" s="11" t="s">
        <v>25</v>
      </c>
      <c r="D43" s="35">
        <v>810</v>
      </c>
      <c r="E43" s="35">
        <v>18</v>
      </c>
      <c r="F43" s="35">
        <v>154</v>
      </c>
      <c r="G43" s="35">
        <v>638</v>
      </c>
      <c r="H43" s="35">
        <v>35808</v>
      </c>
      <c r="I43" s="35">
        <v>402</v>
      </c>
      <c r="J43" s="35">
        <v>10</v>
      </c>
      <c r="K43" s="35">
        <v>47</v>
      </c>
      <c r="L43" s="35">
        <v>345</v>
      </c>
      <c r="M43" s="35">
        <v>19340</v>
      </c>
      <c r="N43" s="35">
        <v>408</v>
      </c>
      <c r="O43" s="35">
        <v>8</v>
      </c>
      <c r="P43" s="35">
        <v>107</v>
      </c>
      <c r="Q43" s="35">
        <v>293</v>
      </c>
      <c r="R43" s="35">
        <v>16468</v>
      </c>
    </row>
    <row r="44" spans="1:18">
      <c r="A44" s="21" t="s">
        <v>667</v>
      </c>
      <c r="B44" s="10" t="s">
        <v>25</v>
      </c>
      <c r="C44" s="11" t="s">
        <v>25</v>
      </c>
      <c r="D44" s="35">
        <v>480</v>
      </c>
      <c r="E44" s="35">
        <v>3</v>
      </c>
      <c r="F44" s="35">
        <v>104</v>
      </c>
      <c r="G44" s="35">
        <v>373</v>
      </c>
      <c r="H44" s="35">
        <v>20579</v>
      </c>
      <c r="I44" s="35">
        <v>259</v>
      </c>
      <c r="J44" s="35">
        <v>3</v>
      </c>
      <c r="K44" s="35">
        <v>24</v>
      </c>
      <c r="L44" s="35">
        <v>232</v>
      </c>
      <c r="M44" s="35">
        <v>12401</v>
      </c>
      <c r="N44" s="35">
        <v>221</v>
      </c>
      <c r="O44" s="35" t="s">
        <v>35</v>
      </c>
      <c r="P44" s="35">
        <v>80</v>
      </c>
      <c r="Q44" s="35">
        <v>141</v>
      </c>
      <c r="R44" s="35">
        <v>8178</v>
      </c>
    </row>
    <row r="45" spans="1:18">
      <c r="A45" s="21" t="s">
        <v>668</v>
      </c>
      <c r="B45" s="10" t="s">
        <v>25</v>
      </c>
      <c r="C45" s="11" t="s">
        <v>25</v>
      </c>
      <c r="D45" s="35">
        <v>576</v>
      </c>
      <c r="E45" s="35">
        <v>9</v>
      </c>
      <c r="F45" s="35">
        <v>139</v>
      </c>
      <c r="G45" s="35">
        <v>428</v>
      </c>
      <c r="H45" s="35">
        <v>24115</v>
      </c>
      <c r="I45" s="35">
        <v>282</v>
      </c>
      <c r="J45" s="35">
        <v>4</v>
      </c>
      <c r="K45" s="35">
        <v>31</v>
      </c>
      <c r="L45" s="35">
        <v>247</v>
      </c>
      <c r="M45" s="35">
        <v>13485</v>
      </c>
      <c r="N45" s="35">
        <v>294</v>
      </c>
      <c r="O45" s="35">
        <v>5</v>
      </c>
      <c r="P45" s="35">
        <v>108</v>
      </c>
      <c r="Q45" s="35">
        <v>181</v>
      </c>
      <c r="R45" s="35">
        <v>10630</v>
      </c>
    </row>
    <row r="46" spans="1:18">
      <c r="A46" s="21" t="s">
        <v>669</v>
      </c>
      <c r="B46" s="10" t="s">
        <v>25</v>
      </c>
      <c r="C46" s="11" t="s">
        <v>25</v>
      </c>
      <c r="D46" s="35">
        <v>770</v>
      </c>
      <c r="E46" s="35">
        <v>7</v>
      </c>
      <c r="F46" s="35">
        <v>161</v>
      </c>
      <c r="G46" s="35">
        <v>597</v>
      </c>
      <c r="H46" s="35">
        <v>33622</v>
      </c>
      <c r="I46" s="35">
        <v>401</v>
      </c>
      <c r="J46" s="35">
        <v>4</v>
      </c>
      <c r="K46" s="35">
        <v>38</v>
      </c>
      <c r="L46" s="35">
        <v>358</v>
      </c>
      <c r="M46" s="35">
        <v>20046</v>
      </c>
      <c r="N46" s="35">
        <v>369</v>
      </c>
      <c r="O46" s="35">
        <v>3</v>
      </c>
      <c r="P46" s="35">
        <v>123</v>
      </c>
      <c r="Q46" s="35">
        <v>239</v>
      </c>
      <c r="R46" s="35">
        <v>13576</v>
      </c>
    </row>
    <row r="47" spans="1:18">
      <c r="A47" s="21" t="s">
        <v>670</v>
      </c>
      <c r="B47" s="10" t="s">
        <v>25</v>
      </c>
      <c r="C47" s="11" t="s">
        <v>25</v>
      </c>
      <c r="D47" s="35">
        <v>3189</v>
      </c>
      <c r="E47" s="35">
        <v>34</v>
      </c>
      <c r="F47" s="35">
        <v>781</v>
      </c>
      <c r="G47" s="35">
        <v>2365</v>
      </c>
      <c r="H47" s="35">
        <v>133496</v>
      </c>
      <c r="I47" s="35">
        <v>1606</v>
      </c>
      <c r="J47" s="35">
        <v>11</v>
      </c>
      <c r="K47" s="35">
        <v>213</v>
      </c>
      <c r="L47" s="35">
        <v>1379</v>
      </c>
      <c r="M47" s="35">
        <v>76241</v>
      </c>
      <c r="N47" s="35">
        <v>1583</v>
      </c>
      <c r="O47" s="35">
        <v>23</v>
      </c>
      <c r="P47" s="35">
        <v>568</v>
      </c>
      <c r="Q47" s="35">
        <v>986</v>
      </c>
      <c r="R47" s="35">
        <v>57255</v>
      </c>
    </row>
    <row r="48" spans="1:18">
      <c r="A48" s="21" t="s">
        <v>671</v>
      </c>
      <c r="B48" s="10" t="s">
        <v>25</v>
      </c>
      <c r="C48" s="11" t="s">
        <v>25</v>
      </c>
      <c r="D48" s="35">
        <v>502</v>
      </c>
      <c r="E48" s="35">
        <v>5</v>
      </c>
      <c r="F48" s="35">
        <v>109</v>
      </c>
      <c r="G48" s="35">
        <v>388</v>
      </c>
      <c r="H48" s="35">
        <v>21655</v>
      </c>
      <c r="I48" s="35">
        <v>241</v>
      </c>
      <c r="J48" s="35">
        <v>2</v>
      </c>
      <c r="K48" s="35">
        <v>24</v>
      </c>
      <c r="L48" s="35">
        <v>215</v>
      </c>
      <c r="M48" s="35">
        <v>11647</v>
      </c>
      <c r="N48" s="35">
        <v>261</v>
      </c>
      <c r="O48" s="35">
        <v>3</v>
      </c>
      <c r="P48" s="35">
        <v>85</v>
      </c>
      <c r="Q48" s="35">
        <v>173</v>
      </c>
      <c r="R48" s="35">
        <v>10008</v>
      </c>
    </row>
    <row r="49" spans="1:18">
      <c r="A49" s="21" t="s">
        <v>672</v>
      </c>
      <c r="B49" s="10" t="s">
        <v>25</v>
      </c>
      <c r="C49" s="11" t="s">
        <v>25</v>
      </c>
      <c r="D49" s="35">
        <v>704</v>
      </c>
      <c r="E49" s="35">
        <v>8</v>
      </c>
      <c r="F49" s="35">
        <v>175</v>
      </c>
      <c r="G49" s="35">
        <v>518</v>
      </c>
      <c r="H49" s="35">
        <v>28999</v>
      </c>
      <c r="I49" s="35">
        <v>355</v>
      </c>
      <c r="J49" s="35">
        <v>1</v>
      </c>
      <c r="K49" s="35">
        <v>52</v>
      </c>
      <c r="L49" s="35">
        <v>301</v>
      </c>
      <c r="M49" s="35">
        <v>16590</v>
      </c>
      <c r="N49" s="35">
        <v>349</v>
      </c>
      <c r="O49" s="35">
        <v>7</v>
      </c>
      <c r="P49" s="35">
        <v>123</v>
      </c>
      <c r="Q49" s="35">
        <v>217</v>
      </c>
      <c r="R49" s="35">
        <v>12409</v>
      </c>
    </row>
    <row r="50" spans="1:18">
      <c r="A50" s="21" t="s">
        <v>673</v>
      </c>
      <c r="B50" s="10" t="s">
        <v>25</v>
      </c>
      <c r="C50" s="11" t="s">
        <v>25</v>
      </c>
      <c r="D50" s="35">
        <v>567</v>
      </c>
      <c r="E50" s="35">
        <v>9</v>
      </c>
      <c r="F50" s="35">
        <v>108</v>
      </c>
      <c r="G50" s="35">
        <v>450</v>
      </c>
      <c r="H50" s="35">
        <v>24799</v>
      </c>
      <c r="I50" s="35">
        <v>262</v>
      </c>
      <c r="J50" s="35">
        <v>1</v>
      </c>
      <c r="K50" s="35">
        <v>23</v>
      </c>
      <c r="L50" s="35">
        <v>238</v>
      </c>
      <c r="M50" s="35">
        <v>13022</v>
      </c>
      <c r="N50" s="35">
        <v>305</v>
      </c>
      <c r="O50" s="35">
        <v>8</v>
      </c>
      <c r="P50" s="35">
        <v>85</v>
      </c>
      <c r="Q50" s="35">
        <v>212</v>
      </c>
      <c r="R50" s="35">
        <v>11777</v>
      </c>
    </row>
    <row r="51" spans="1:18">
      <c r="A51" s="21" t="s">
        <v>674</v>
      </c>
      <c r="B51" s="10" t="s">
        <v>25</v>
      </c>
      <c r="C51" s="11" t="s">
        <v>25</v>
      </c>
      <c r="D51" s="35">
        <v>1416</v>
      </c>
      <c r="E51" s="35">
        <v>12</v>
      </c>
      <c r="F51" s="35">
        <v>389</v>
      </c>
      <c r="G51" s="35">
        <v>1009</v>
      </c>
      <c r="H51" s="35">
        <v>58043</v>
      </c>
      <c r="I51" s="35">
        <v>748</v>
      </c>
      <c r="J51" s="35">
        <v>7</v>
      </c>
      <c r="K51" s="35">
        <v>114</v>
      </c>
      <c r="L51" s="35">
        <v>625</v>
      </c>
      <c r="M51" s="35">
        <v>34982</v>
      </c>
      <c r="N51" s="35">
        <v>668</v>
      </c>
      <c r="O51" s="35">
        <v>5</v>
      </c>
      <c r="P51" s="35">
        <v>275</v>
      </c>
      <c r="Q51" s="35">
        <v>384</v>
      </c>
      <c r="R51" s="35">
        <v>23061</v>
      </c>
    </row>
    <row r="52" spans="1:18">
      <c r="A52" s="21" t="s">
        <v>675</v>
      </c>
      <c r="B52" s="10" t="s">
        <v>25</v>
      </c>
      <c r="C52" s="11" t="s">
        <v>25</v>
      </c>
      <c r="D52" s="35">
        <v>4849</v>
      </c>
      <c r="E52" s="35">
        <v>95</v>
      </c>
      <c r="F52" s="35">
        <v>1161</v>
      </c>
      <c r="G52" s="35">
        <v>3581</v>
      </c>
      <c r="H52" s="35">
        <v>202182</v>
      </c>
      <c r="I52" s="35">
        <v>2551</v>
      </c>
      <c r="J52" s="35">
        <v>48</v>
      </c>
      <c r="K52" s="35">
        <v>333</v>
      </c>
      <c r="L52" s="35">
        <v>2163</v>
      </c>
      <c r="M52" s="35">
        <v>119576</v>
      </c>
      <c r="N52" s="35">
        <v>2298</v>
      </c>
      <c r="O52" s="35">
        <v>47</v>
      </c>
      <c r="P52" s="35">
        <v>828</v>
      </c>
      <c r="Q52" s="35">
        <v>1418</v>
      </c>
      <c r="R52" s="35">
        <v>82606</v>
      </c>
    </row>
    <row r="53" spans="1:18">
      <c r="A53" s="21" t="s">
        <v>676</v>
      </c>
      <c r="B53" s="10" t="s">
        <v>25</v>
      </c>
      <c r="C53" s="11" t="s">
        <v>25</v>
      </c>
      <c r="D53" s="35">
        <v>726</v>
      </c>
      <c r="E53" s="35">
        <v>13</v>
      </c>
      <c r="F53" s="35">
        <v>167</v>
      </c>
      <c r="G53" s="35">
        <v>542</v>
      </c>
      <c r="H53" s="35">
        <v>30711</v>
      </c>
      <c r="I53" s="35">
        <v>345</v>
      </c>
      <c r="J53" s="35">
        <v>4</v>
      </c>
      <c r="K53" s="35">
        <v>48</v>
      </c>
      <c r="L53" s="35">
        <v>290</v>
      </c>
      <c r="M53" s="35">
        <v>16109</v>
      </c>
      <c r="N53" s="35">
        <v>381</v>
      </c>
      <c r="O53" s="35">
        <v>9</v>
      </c>
      <c r="P53" s="35">
        <v>119</v>
      </c>
      <c r="Q53" s="35">
        <v>252</v>
      </c>
      <c r="R53" s="35">
        <v>14602</v>
      </c>
    </row>
    <row r="54" spans="1:18">
      <c r="A54" s="21" t="s">
        <v>677</v>
      </c>
      <c r="B54" s="10" t="s">
        <v>25</v>
      </c>
      <c r="C54" s="11" t="s">
        <v>25</v>
      </c>
      <c r="D54" s="35">
        <v>651</v>
      </c>
      <c r="E54" s="35">
        <v>18</v>
      </c>
      <c r="F54" s="35">
        <v>149</v>
      </c>
      <c r="G54" s="35">
        <v>483</v>
      </c>
      <c r="H54" s="35">
        <v>27304</v>
      </c>
      <c r="I54" s="35">
        <v>344</v>
      </c>
      <c r="J54" s="35">
        <v>10</v>
      </c>
      <c r="K54" s="35">
        <v>42</v>
      </c>
      <c r="L54" s="35">
        <v>291</v>
      </c>
      <c r="M54" s="35">
        <v>16158</v>
      </c>
      <c r="N54" s="35">
        <v>307</v>
      </c>
      <c r="O54" s="35">
        <v>8</v>
      </c>
      <c r="P54" s="35">
        <v>107</v>
      </c>
      <c r="Q54" s="35">
        <v>192</v>
      </c>
      <c r="R54" s="35">
        <v>11146</v>
      </c>
    </row>
    <row r="55" spans="1:18">
      <c r="A55" s="21" t="s">
        <v>678</v>
      </c>
      <c r="B55" s="10" t="s">
        <v>25</v>
      </c>
      <c r="C55" s="11" t="s">
        <v>25</v>
      </c>
      <c r="D55" s="35">
        <v>935</v>
      </c>
      <c r="E55" s="35">
        <v>17</v>
      </c>
      <c r="F55" s="35">
        <v>219</v>
      </c>
      <c r="G55" s="35">
        <v>699</v>
      </c>
      <c r="H55" s="35">
        <v>40088</v>
      </c>
      <c r="I55" s="35">
        <v>491</v>
      </c>
      <c r="J55" s="35">
        <v>9</v>
      </c>
      <c r="K55" s="35">
        <v>66</v>
      </c>
      <c r="L55" s="35">
        <v>416</v>
      </c>
      <c r="M55" s="35">
        <v>23749</v>
      </c>
      <c r="N55" s="35">
        <v>444</v>
      </c>
      <c r="O55" s="35">
        <v>8</v>
      </c>
      <c r="P55" s="35">
        <v>153</v>
      </c>
      <c r="Q55" s="35">
        <v>283</v>
      </c>
      <c r="R55" s="35">
        <v>16339</v>
      </c>
    </row>
    <row r="56" spans="1:18">
      <c r="A56" s="21" t="s">
        <v>679</v>
      </c>
      <c r="B56" s="10" t="s">
        <v>25</v>
      </c>
      <c r="C56" s="11" t="s">
        <v>25</v>
      </c>
      <c r="D56" s="35">
        <v>2537</v>
      </c>
      <c r="E56" s="35">
        <v>47</v>
      </c>
      <c r="F56" s="35">
        <v>626</v>
      </c>
      <c r="G56" s="35">
        <v>1857</v>
      </c>
      <c r="H56" s="35">
        <v>104079</v>
      </c>
      <c r="I56" s="35">
        <v>1371</v>
      </c>
      <c r="J56" s="35">
        <v>25</v>
      </c>
      <c r="K56" s="35">
        <v>177</v>
      </c>
      <c r="L56" s="35">
        <v>1166</v>
      </c>
      <c r="M56" s="35">
        <v>63560</v>
      </c>
      <c r="N56" s="35">
        <v>1166</v>
      </c>
      <c r="O56" s="35">
        <v>22</v>
      </c>
      <c r="P56" s="35">
        <v>449</v>
      </c>
      <c r="Q56" s="35">
        <v>691</v>
      </c>
      <c r="R56" s="35">
        <v>40519</v>
      </c>
    </row>
    <row r="57" spans="1:18">
      <c r="A57" s="21" t="s">
        <v>680</v>
      </c>
      <c r="B57" s="10" t="s">
        <v>25</v>
      </c>
      <c r="C57" s="11" t="s">
        <v>25</v>
      </c>
      <c r="D57" s="35">
        <v>1413</v>
      </c>
      <c r="E57" s="35">
        <v>23</v>
      </c>
      <c r="F57" s="35">
        <v>324</v>
      </c>
      <c r="G57" s="35">
        <v>1052</v>
      </c>
      <c r="H57" s="35">
        <v>58813</v>
      </c>
      <c r="I57" s="35">
        <v>801</v>
      </c>
      <c r="J57" s="35">
        <v>13</v>
      </c>
      <c r="K57" s="35">
        <v>95</v>
      </c>
      <c r="L57" s="35">
        <v>681</v>
      </c>
      <c r="M57" s="35">
        <v>36817</v>
      </c>
      <c r="N57" s="35">
        <v>612</v>
      </c>
      <c r="O57" s="35">
        <v>10</v>
      </c>
      <c r="P57" s="35">
        <v>229</v>
      </c>
      <c r="Q57" s="35">
        <v>371</v>
      </c>
      <c r="R57" s="35">
        <v>21996</v>
      </c>
    </row>
    <row r="58" spans="1:18">
      <c r="A58" s="21" t="s">
        <v>681</v>
      </c>
      <c r="B58" s="10" t="s">
        <v>25</v>
      </c>
      <c r="C58" s="11" t="s">
        <v>25</v>
      </c>
      <c r="D58" s="35">
        <v>641</v>
      </c>
      <c r="E58" s="35">
        <v>13</v>
      </c>
      <c r="F58" s="35">
        <v>152</v>
      </c>
      <c r="G58" s="35">
        <v>466</v>
      </c>
      <c r="H58" s="35">
        <v>26054</v>
      </c>
      <c r="I58" s="35">
        <v>372</v>
      </c>
      <c r="J58" s="35">
        <v>8</v>
      </c>
      <c r="K58" s="35">
        <v>48</v>
      </c>
      <c r="L58" s="35">
        <v>307</v>
      </c>
      <c r="M58" s="35">
        <v>16724</v>
      </c>
      <c r="N58" s="35">
        <v>269</v>
      </c>
      <c r="O58" s="35">
        <v>5</v>
      </c>
      <c r="P58" s="35">
        <v>104</v>
      </c>
      <c r="Q58" s="35">
        <v>159</v>
      </c>
      <c r="R58" s="35">
        <v>9330</v>
      </c>
    </row>
    <row r="59" spans="1:18">
      <c r="A59" s="21" t="s">
        <v>682</v>
      </c>
      <c r="B59" s="10" t="s">
        <v>25</v>
      </c>
      <c r="C59" s="11" t="s">
        <v>25</v>
      </c>
      <c r="D59" s="35">
        <v>636</v>
      </c>
      <c r="E59" s="35">
        <v>7</v>
      </c>
      <c r="F59" s="35">
        <v>146</v>
      </c>
      <c r="G59" s="35">
        <v>479</v>
      </c>
      <c r="H59" s="35">
        <v>26812</v>
      </c>
      <c r="I59" s="35">
        <v>352</v>
      </c>
      <c r="J59" s="35">
        <v>3</v>
      </c>
      <c r="K59" s="35">
        <v>39</v>
      </c>
      <c r="L59" s="35">
        <v>307</v>
      </c>
      <c r="M59" s="35">
        <v>16378</v>
      </c>
      <c r="N59" s="35">
        <v>284</v>
      </c>
      <c r="O59" s="35">
        <v>4</v>
      </c>
      <c r="P59" s="35">
        <v>107</v>
      </c>
      <c r="Q59" s="35">
        <v>172</v>
      </c>
      <c r="R59" s="35">
        <v>10434</v>
      </c>
    </row>
    <row r="60" spans="1:18">
      <c r="A60" s="21" t="s">
        <v>683</v>
      </c>
      <c r="B60" s="10" t="s">
        <v>25</v>
      </c>
      <c r="C60" s="11" t="s">
        <v>25</v>
      </c>
      <c r="D60" s="35">
        <v>136</v>
      </c>
      <c r="E60" s="35">
        <v>3</v>
      </c>
      <c r="F60" s="35">
        <v>26</v>
      </c>
      <c r="G60" s="35">
        <v>107</v>
      </c>
      <c r="H60" s="35">
        <v>5947</v>
      </c>
      <c r="I60" s="35">
        <v>77</v>
      </c>
      <c r="J60" s="35">
        <v>2</v>
      </c>
      <c r="K60" s="35">
        <v>8</v>
      </c>
      <c r="L60" s="35">
        <v>67</v>
      </c>
      <c r="M60" s="35">
        <v>3715</v>
      </c>
      <c r="N60" s="35">
        <v>59</v>
      </c>
      <c r="O60" s="35">
        <v>1</v>
      </c>
      <c r="P60" s="35">
        <v>18</v>
      </c>
      <c r="Q60" s="35">
        <v>40</v>
      </c>
      <c r="R60" s="35">
        <v>2232</v>
      </c>
    </row>
    <row r="61" spans="1:18">
      <c r="A61" s="21" t="s">
        <v>684</v>
      </c>
      <c r="B61" s="10" t="s">
        <v>25</v>
      </c>
      <c r="C61" s="11" t="s">
        <v>25</v>
      </c>
      <c r="D61" s="35">
        <v>1439</v>
      </c>
      <c r="E61" s="35">
        <v>27</v>
      </c>
      <c r="F61" s="35">
        <v>337</v>
      </c>
      <c r="G61" s="35">
        <v>1073</v>
      </c>
      <c r="H61" s="35">
        <v>59885</v>
      </c>
      <c r="I61" s="35">
        <v>876</v>
      </c>
      <c r="J61" s="35">
        <v>9</v>
      </c>
      <c r="K61" s="35">
        <v>94</v>
      </c>
      <c r="L61" s="35">
        <v>771</v>
      </c>
      <c r="M61" s="35">
        <v>41191</v>
      </c>
      <c r="N61" s="35">
        <v>563</v>
      </c>
      <c r="O61" s="35">
        <v>18</v>
      </c>
      <c r="P61" s="35">
        <v>243</v>
      </c>
      <c r="Q61" s="35">
        <v>302</v>
      </c>
      <c r="R61" s="35">
        <v>18694</v>
      </c>
    </row>
    <row r="62" spans="1:18">
      <c r="A62" s="21" t="s">
        <v>685</v>
      </c>
      <c r="B62" s="10" t="s">
        <v>25</v>
      </c>
      <c r="C62" s="11" t="s">
        <v>25</v>
      </c>
      <c r="D62" s="35">
        <v>248</v>
      </c>
      <c r="E62" s="35">
        <v>4</v>
      </c>
      <c r="F62" s="35">
        <v>52</v>
      </c>
      <c r="G62" s="35">
        <v>192</v>
      </c>
      <c r="H62" s="35">
        <v>10835</v>
      </c>
      <c r="I62" s="35">
        <v>137</v>
      </c>
      <c r="J62" s="35" t="s">
        <v>35</v>
      </c>
      <c r="K62" s="35">
        <v>12</v>
      </c>
      <c r="L62" s="35">
        <v>125</v>
      </c>
      <c r="M62" s="35">
        <v>6910</v>
      </c>
      <c r="N62" s="35">
        <v>111</v>
      </c>
      <c r="O62" s="35">
        <v>4</v>
      </c>
      <c r="P62" s="35">
        <v>40</v>
      </c>
      <c r="Q62" s="35">
        <v>67</v>
      </c>
      <c r="R62" s="35">
        <v>3925</v>
      </c>
    </row>
    <row r="63" spans="1:18">
      <c r="A63" s="21" t="s">
        <v>686</v>
      </c>
      <c r="B63" s="10" t="s">
        <v>25</v>
      </c>
      <c r="C63" s="11" t="s">
        <v>25</v>
      </c>
      <c r="D63" s="35">
        <v>222</v>
      </c>
      <c r="E63" s="35">
        <v>7</v>
      </c>
      <c r="F63" s="35">
        <v>46</v>
      </c>
      <c r="G63" s="35">
        <v>169</v>
      </c>
      <c r="H63" s="35">
        <v>8930</v>
      </c>
      <c r="I63" s="35">
        <v>156</v>
      </c>
      <c r="J63" s="35">
        <v>4</v>
      </c>
      <c r="K63" s="35">
        <v>18</v>
      </c>
      <c r="L63" s="35">
        <v>134</v>
      </c>
      <c r="M63" s="35">
        <v>6783</v>
      </c>
      <c r="N63" s="35">
        <v>66</v>
      </c>
      <c r="O63" s="35">
        <v>3</v>
      </c>
      <c r="P63" s="35">
        <v>28</v>
      </c>
      <c r="Q63" s="35">
        <v>35</v>
      </c>
      <c r="R63" s="35">
        <v>2147</v>
      </c>
    </row>
    <row r="64" spans="1:18">
      <c r="A64" s="21" t="s">
        <v>687</v>
      </c>
      <c r="B64" s="10" t="s">
        <v>25</v>
      </c>
      <c r="C64" s="11" t="s">
        <v>25</v>
      </c>
      <c r="D64" s="35">
        <v>723</v>
      </c>
      <c r="E64" s="35">
        <v>15</v>
      </c>
      <c r="F64" s="35">
        <v>161</v>
      </c>
      <c r="G64" s="35">
        <v>545</v>
      </c>
      <c r="H64" s="35">
        <v>30250</v>
      </c>
      <c r="I64" s="35">
        <v>426</v>
      </c>
      <c r="J64" s="35">
        <v>4</v>
      </c>
      <c r="K64" s="35">
        <v>36</v>
      </c>
      <c r="L64" s="35">
        <v>384</v>
      </c>
      <c r="M64" s="35">
        <v>20467</v>
      </c>
      <c r="N64" s="35">
        <v>297</v>
      </c>
      <c r="O64" s="35">
        <v>11</v>
      </c>
      <c r="P64" s="35">
        <v>125</v>
      </c>
      <c r="Q64" s="35">
        <v>161</v>
      </c>
      <c r="R64" s="35">
        <v>9783</v>
      </c>
    </row>
    <row r="65" spans="1:18">
      <c r="A65" s="21" t="s">
        <v>688</v>
      </c>
      <c r="B65" s="10" t="s">
        <v>25</v>
      </c>
      <c r="C65" s="11" t="s">
        <v>25</v>
      </c>
      <c r="D65" s="35">
        <v>246</v>
      </c>
      <c r="E65" s="35">
        <v>1</v>
      </c>
      <c r="F65" s="35">
        <v>78</v>
      </c>
      <c r="G65" s="35">
        <v>167</v>
      </c>
      <c r="H65" s="35">
        <v>9870</v>
      </c>
      <c r="I65" s="35">
        <v>157</v>
      </c>
      <c r="J65" s="35">
        <v>1</v>
      </c>
      <c r="K65" s="35">
        <v>28</v>
      </c>
      <c r="L65" s="35">
        <v>128</v>
      </c>
      <c r="M65" s="35">
        <v>7031</v>
      </c>
      <c r="N65" s="35">
        <v>89</v>
      </c>
      <c r="O65" s="35" t="s">
        <v>35</v>
      </c>
      <c r="P65" s="35">
        <v>50</v>
      </c>
      <c r="Q65" s="35">
        <v>39</v>
      </c>
      <c r="R65" s="35">
        <v>2839</v>
      </c>
    </row>
    <row r="66" spans="1:18">
      <c r="A66" s="21" t="s">
        <v>689</v>
      </c>
      <c r="B66" s="10" t="s">
        <v>25</v>
      </c>
      <c r="C66" s="11" t="s">
        <v>25</v>
      </c>
      <c r="D66" s="35">
        <v>2619</v>
      </c>
      <c r="E66" s="35">
        <v>47</v>
      </c>
      <c r="F66" s="35">
        <v>631</v>
      </c>
      <c r="G66" s="35">
        <v>1929</v>
      </c>
      <c r="H66" s="35">
        <v>107627</v>
      </c>
      <c r="I66" s="35">
        <v>1468</v>
      </c>
      <c r="J66" s="35">
        <v>29</v>
      </c>
      <c r="K66" s="35">
        <v>197</v>
      </c>
      <c r="L66" s="35">
        <v>1231</v>
      </c>
      <c r="M66" s="35">
        <v>67297</v>
      </c>
      <c r="N66" s="35">
        <v>1151</v>
      </c>
      <c r="O66" s="35">
        <v>18</v>
      </c>
      <c r="P66" s="35">
        <v>434</v>
      </c>
      <c r="Q66" s="35">
        <v>698</v>
      </c>
      <c r="R66" s="35">
        <v>40330</v>
      </c>
    </row>
    <row r="67" spans="1:18">
      <c r="A67" s="21" t="s">
        <v>690</v>
      </c>
      <c r="B67" s="10" t="s">
        <v>25</v>
      </c>
      <c r="C67" s="11" t="s">
        <v>25</v>
      </c>
      <c r="D67" s="35">
        <v>951</v>
      </c>
      <c r="E67" s="35">
        <v>12</v>
      </c>
      <c r="F67" s="35">
        <v>220</v>
      </c>
      <c r="G67" s="35">
        <v>713</v>
      </c>
      <c r="H67" s="35">
        <v>39993</v>
      </c>
      <c r="I67" s="35">
        <v>517</v>
      </c>
      <c r="J67" s="35">
        <v>5</v>
      </c>
      <c r="K67" s="35">
        <v>45</v>
      </c>
      <c r="L67" s="35">
        <v>461</v>
      </c>
      <c r="M67" s="35">
        <v>25125</v>
      </c>
      <c r="N67" s="35">
        <v>434</v>
      </c>
      <c r="O67" s="35">
        <v>7</v>
      </c>
      <c r="P67" s="35">
        <v>175</v>
      </c>
      <c r="Q67" s="35">
        <v>252</v>
      </c>
      <c r="R67" s="35">
        <v>14868</v>
      </c>
    </row>
    <row r="68" spans="1:18">
      <c r="A68" s="21" t="s">
        <v>691</v>
      </c>
      <c r="B68" s="10" t="s">
        <v>25</v>
      </c>
      <c r="C68" s="11" t="s">
        <v>25</v>
      </c>
      <c r="D68" s="35">
        <v>491</v>
      </c>
      <c r="E68" s="35">
        <v>10</v>
      </c>
      <c r="F68" s="35">
        <v>106</v>
      </c>
      <c r="G68" s="35">
        <v>373</v>
      </c>
      <c r="H68" s="35">
        <v>20491</v>
      </c>
      <c r="I68" s="35">
        <v>280</v>
      </c>
      <c r="J68" s="35">
        <v>6</v>
      </c>
      <c r="K68" s="35">
        <v>37</v>
      </c>
      <c r="L68" s="35">
        <v>235</v>
      </c>
      <c r="M68" s="35">
        <v>12723</v>
      </c>
      <c r="N68" s="35">
        <v>211</v>
      </c>
      <c r="O68" s="35">
        <v>4</v>
      </c>
      <c r="P68" s="35">
        <v>69</v>
      </c>
      <c r="Q68" s="35">
        <v>138</v>
      </c>
      <c r="R68" s="35">
        <v>7768</v>
      </c>
    </row>
    <row r="69" spans="1:18">
      <c r="A69" s="21" t="s">
        <v>692</v>
      </c>
      <c r="B69" s="10" t="s">
        <v>25</v>
      </c>
      <c r="C69" s="11" t="s">
        <v>25</v>
      </c>
      <c r="D69" s="35">
        <v>427</v>
      </c>
      <c r="E69" s="35">
        <v>6</v>
      </c>
      <c r="F69" s="35">
        <v>103</v>
      </c>
      <c r="G69" s="35">
        <v>316</v>
      </c>
      <c r="H69" s="35">
        <v>17083</v>
      </c>
      <c r="I69" s="35">
        <v>232</v>
      </c>
      <c r="J69" s="35">
        <v>2</v>
      </c>
      <c r="K69" s="35">
        <v>34</v>
      </c>
      <c r="L69" s="35">
        <v>194</v>
      </c>
      <c r="M69" s="35">
        <v>10427</v>
      </c>
      <c r="N69" s="35">
        <v>195</v>
      </c>
      <c r="O69" s="35">
        <v>4</v>
      </c>
      <c r="P69" s="35">
        <v>69</v>
      </c>
      <c r="Q69" s="35">
        <v>122</v>
      </c>
      <c r="R69" s="35">
        <v>6656</v>
      </c>
    </row>
    <row r="70" spans="1:18">
      <c r="A70" s="21" t="s">
        <v>693</v>
      </c>
      <c r="B70" s="10" t="s">
        <v>25</v>
      </c>
      <c r="C70" s="11" t="s">
        <v>25</v>
      </c>
      <c r="D70" s="35">
        <v>750</v>
      </c>
      <c r="E70" s="35">
        <v>19</v>
      </c>
      <c r="F70" s="35">
        <v>202</v>
      </c>
      <c r="G70" s="35">
        <v>527</v>
      </c>
      <c r="H70" s="35">
        <v>30060</v>
      </c>
      <c r="I70" s="35">
        <v>439</v>
      </c>
      <c r="J70" s="35">
        <v>16</v>
      </c>
      <c r="K70" s="35">
        <v>81</v>
      </c>
      <c r="L70" s="35">
        <v>341</v>
      </c>
      <c r="M70" s="35">
        <v>19022</v>
      </c>
      <c r="N70" s="35">
        <v>311</v>
      </c>
      <c r="O70" s="35">
        <v>3</v>
      </c>
      <c r="P70" s="35">
        <v>121</v>
      </c>
      <c r="Q70" s="35">
        <v>186</v>
      </c>
      <c r="R70" s="35">
        <v>11038</v>
      </c>
    </row>
    <row r="71" spans="1:18">
      <c r="A71" s="21" t="s">
        <v>694</v>
      </c>
      <c r="B71" s="10" t="s">
        <v>25</v>
      </c>
      <c r="C71" s="11" t="s">
        <v>25</v>
      </c>
      <c r="D71" s="35">
        <v>2920</v>
      </c>
      <c r="E71" s="35">
        <v>54</v>
      </c>
      <c r="F71" s="35">
        <v>715</v>
      </c>
      <c r="G71" s="35">
        <v>2107</v>
      </c>
      <c r="H71" s="35">
        <v>120195</v>
      </c>
      <c r="I71" s="35">
        <v>1554</v>
      </c>
      <c r="J71" s="35">
        <v>34</v>
      </c>
      <c r="K71" s="35">
        <v>216</v>
      </c>
      <c r="L71" s="35">
        <v>1273</v>
      </c>
      <c r="M71" s="35">
        <v>70661</v>
      </c>
      <c r="N71" s="35">
        <v>1366</v>
      </c>
      <c r="O71" s="35">
        <v>20</v>
      </c>
      <c r="P71" s="35">
        <v>499</v>
      </c>
      <c r="Q71" s="35">
        <v>834</v>
      </c>
      <c r="R71" s="35">
        <v>49534</v>
      </c>
    </row>
    <row r="72" spans="1:18">
      <c r="A72" s="21" t="s">
        <v>695</v>
      </c>
      <c r="B72" s="10" t="s">
        <v>25</v>
      </c>
      <c r="C72" s="11" t="s">
        <v>25</v>
      </c>
      <c r="D72" s="35">
        <v>1280</v>
      </c>
      <c r="E72" s="35">
        <v>21</v>
      </c>
      <c r="F72" s="35">
        <v>310</v>
      </c>
      <c r="G72" s="35">
        <v>920</v>
      </c>
      <c r="H72" s="35">
        <v>52045</v>
      </c>
      <c r="I72" s="35">
        <v>656</v>
      </c>
      <c r="J72" s="35">
        <v>15</v>
      </c>
      <c r="K72" s="35">
        <v>82</v>
      </c>
      <c r="L72" s="35">
        <v>538</v>
      </c>
      <c r="M72" s="35">
        <v>29310</v>
      </c>
      <c r="N72" s="35">
        <v>624</v>
      </c>
      <c r="O72" s="35">
        <v>6</v>
      </c>
      <c r="P72" s="35">
        <v>228</v>
      </c>
      <c r="Q72" s="35">
        <v>382</v>
      </c>
      <c r="R72" s="35">
        <v>22735</v>
      </c>
    </row>
    <row r="73" spans="1:18">
      <c r="A73" s="21" t="s">
        <v>696</v>
      </c>
      <c r="B73" s="10" t="s">
        <v>25</v>
      </c>
      <c r="C73" s="11" t="s">
        <v>25</v>
      </c>
      <c r="D73" s="35">
        <v>870</v>
      </c>
      <c r="E73" s="35">
        <v>25</v>
      </c>
      <c r="F73" s="35">
        <v>201</v>
      </c>
      <c r="G73" s="35">
        <v>633</v>
      </c>
      <c r="H73" s="35">
        <v>36423</v>
      </c>
      <c r="I73" s="35">
        <v>475</v>
      </c>
      <c r="J73" s="35">
        <v>14</v>
      </c>
      <c r="K73" s="35">
        <v>63</v>
      </c>
      <c r="L73" s="35">
        <v>392</v>
      </c>
      <c r="M73" s="35">
        <v>22224</v>
      </c>
      <c r="N73" s="35">
        <v>395</v>
      </c>
      <c r="O73" s="35">
        <v>11</v>
      </c>
      <c r="P73" s="35">
        <v>138</v>
      </c>
      <c r="Q73" s="35">
        <v>241</v>
      </c>
      <c r="R73" s="35">
        <v>14199</v>
      </c>
    </row>
    <row r="74" spans="1:18">
      <c r="A74" s="21" t="s">
        <v>697</v>
      </c>
      <c r="B74" s="10" t="s">
        <v>25</v>
      </c>
      <c r="C74" s="11" t="s">
        <v>25</v>
      </c>
      <c r="D74" s="35">
        <v>770</v>
      </c>
      <c r="E74" s="35">
        <v>8</v>
      </c>
      <c r="F74" s="35">
        <v>204</v>
      </c>
      <c r="G74" s="35">
        <v>554</v>
      </c>
      <c r="H74" s="35">
        <v>31727</v>
      </c>
      <c r="I74" s="35">
        <v>423</v>
      </c>
      <c r="J74" s="35">
        <v>5</v>
      </c>
      <c r="K74" s="35">
        <v>71</v>
      </c>
      <c r="L74" s="35">
        <v>343</v>
      </c>
      <c r="M74" s="35">
        <v>19127</v>
      </c>
      <c r="N74" s="35">
        <v>347</v>
      </c>
      <c r="O74" s="35">
        <v>3</v>
      </c>
      <c r="P74" s="35">
        <v>133</v>
      </c>
      <c r="Q74" s="35">
        <v>211</v>
      </c>
      <c r="R74" s="35">
        <v>12600</v>
      </c>
    </row>
    <row r="75" spans="1:18">
      <c r="A75" s="21" t="s">
        <v>698</v>
      </c>
      <c r="B75" s="10" t="s">
        <v>25</v>
      </c>
      <c r="C75" s="11" t="s">
        <v>25</v>
      </c>
      <c r="D75" s="35">
        <v>3540</v>
      </c>
      <c r="E75" s="35">
        <v>49</v>
      </c>
      <c r="F75" s="35">
        <v>840</v>
      </c>
      <c r="G75" s="35">
        <v>2612</v>
      </c>
      <c r="H75" s="35">
        <v>143279</v>
      </c>
      <c r="I75" s="35">
        <v>2043</v>
      </c>
      <c r="J75" s="35">
        <v>27</v>
      </c>
      <c r="K75" s="35">
        <v>219</v>
      </c>
      <c r="L75" s="35">
        <v>1776</v>
      </c>
      <c r="M75" s="35">
        <v>93279</v>
      </c>
      <c r="N75" s="35">
        <v>1497</v>
      </c>
      <c r="O75" s="35">
        <v>22</v>
      </c>
      <c r="P75" s="35">
        <v>621</v>
      </c>
      <c r="Q75" s="35">
        <v>836</v>
      </c>
      <c r="R75" s="35">
        <v>50000</v>
      </c>
    </row>
    <row r="76" spans="1:18">
      <c r="A76" s="21" t="s">
        <v>699</v>
      </c>
      <c r="B76" s="10" t="s">
        <v>25</v>
      </c>
      <c r="C76" s="11" t="s">
        <v>25</v>
      </c>
      <c r="D76" s="35">
        <v>411</v>
      </c>
      <c r="E76" s="35">
        <v>3</v>
      </c>
      <c r="F76" s="35">
        <v>87</v>
      </c>
      <c r="G76" s="35">
        <v>306</v>
      </c>
      <c r="H76" s="35">
        <v>16686</v>
      </c>
      <c r="I76" s="35">
        <v>244</v>
      </c>
      <c r="J76" s="35">
        <v>3</v>
      </c>
      <c r="K76" s="35">
        <v>26</v>
      </c>
      <c r="L76" s="35">
        <v>206</v>
      </c>
      <c r="M76" s="35">
        <v>10947</v>
      </c>
      <c r="N76" s="35">
        <v>167</v>
      </c>
      <c r="O76" s="35" t="s">
        <v>35</v>
      </c>
      <c r="P76" s="35">
        <v>61</v>
      </c>
      <c r="Q76" s="35">
        <v>100</v>
      </c>
      <c r="R76" s="35">
        <v>5739</v>
      </c>
    </row>
    <row r="77" spans="1:18">
      <c r="A77" s="21" t="s">
        <v>700</v>
      </c>
      <c r="B77" s="10" t="s">
        <v>25</v>
      </c>
      <c r="C77" s="11" t="s">
        <v>25</v>
      </c>
      <c r="D77" s="35">
        <v>1142</v>
      </c>
      <c r="E77" s="35">
        <v>19</v>
      </c>
      <c r="F77" s="35">
        <v>282</v>
      </c>
      <c r="G77" s="35">
        <v>827</v>
      </c>
      <c r="H77" s="35">
        <v>46352</v>
      </c>
      <c r="I77" s="35">
        <v>653</v>
      </c>
      <c r="J77" s="35">
        <v>9</v>
      </c>
      <c r="K77" s="35">
        <v>84</v>
      </c>
      <c r="L77" s="35">
        <v>556</v>
      </c>
      <c r="M77" s="35">
        <v>29983</v>
      </c>
      <c r="N77" s="35">
        <v>489</v>
      </c>
      <c r="O77" s="35">
        <v>10</v>
      </c>
      <c r="P77" s="35">
        <v>198</v>
      </c>
      <c r="Q77" s="35">
        <v>271</v>
      </c>
      <c r="R77" s="35">
        <v>16369</v>
      </c>
    </row>
    <row r="78" spans="1:18">
      <c r="A78" s="21" t="s">
        <v>701</v>
      </c>
      <c r="B78" s="10" t="s">
        <v>25</v>
      </c>
      <c r="C78" s="11" t="s">
        <v>25</v>
      </c>
      <c r="D78" s="35">
        <v>835</v>
      </c>
      <c r="E78" s="35">
        <v>10</v>
      </c>
      <c r="F78" s="35">
        <v>188</v>
      </c>
      <c r="G78" s="35">
        <v>634</v>
      </c>
      <c r="H78" s="35">
        <v>34201</v>
      </c>
      <c r="I78" s="35">
        <v>486</v>
      </c>
      <c r="J78" s="35">
        <v>7</v>
      </c>
      <c r="K78" s="35">
        <v>46</v>
      </c>
      <c r="L78" s="35">
        <v>432</v>
      </c>
      <c r="M78" s="35">
        <v>22335</v>
      </c>
      <c r="N78" s="35">
        <v>349</v>
      </c>
      <c r="O78" s="35">
        <v>3</v>
      </c>
      <c r="P78" s="35">
        <v>142</v>
      </c>
      <c r="Q78" s="35">
        <v>202</v>
      </c>
      <c r="R78" s="35">
        <v>11866</v>
      </c>
    </row>
    <row r="79" spans="1:18">
      <c r="A79" s="21" t="s">
        <v>702</v>
      </c>
      <c r="B79" s="10" t="s">
        <v>25</v>
      </c>
      <c r="C79" s="11" t="s">
        <v>25</v>
      </c>
      <c r="D79" s="35">
        <v>1152</v>
      </c>
      <c r="E79" s="35">
        <v>17</v>
      </c>
      <c r="F79" s="35">
        <v>283</v>
      </c>
      <c r="G79" s="35">
        <v>845</v>
      </c>
      <c r="H79" s="35">
        <v>46040</v>
      </c>
      <c r="I79" s="35">
        <v>660</v>
      </c>
      <c r="J79" s="35">
        <v>8</v>
      </c>
      <c r="K79" s="35">
        <v>63</v>
      </c>
      <c r="L79" s="35">
        <v>582</v>
      </c>
      <c r="M79" s="35">
        <v>30014</v>
      </c>
      <c r="N79" s="35">
        <v>492</v>
      </c>
      <c r="O79" s="35">
        <v>9</v>
      </c>
      <c r="P79" s="35">
        <v>220</v>
      </c>
      <c r="Q79" s="35">
        <v>263</v>
      </c>
      <c r="R79" s="35">
        <v>16026</v>
      </c>
    </row>
    <row r="80" spans="1:18">
      <c r="A80" s="21" t="s">
        <v>703</v>
      </c>
      <c r="B80" s="10" t="s">
        <v>25</v>
      </c>
      <c r="C80" s="11" t="s">
        <v>25</v>
      </c>
      <c r="D80" s="35">
        <v>162</v>
      </c>
      <c r="E80" s="35" t="s">
        <v>35</v>
      </c>
      <c r="F80" s="35">
        <v>42</v>
      </c>
      <c r="G80" s="35">
        <v>118</v>
      </c>
      <c r="H80" s="35">
        <v>6626</v>
      </c>
      <c r="I80" s="35">
        <v>87</v>
      </c>
      <c r="J80" s="35" t="s">
        <v>35</v>
      </c>
      <c r="K80" s="35">
        <v>11</v>
      </c>
      <c r="L80" s="35">
        <v>75</v>
      </c>
      <c r="M80" s="35">
        <v>4113</v>
      </c>
      <c r="N80" s="35">
        <v>75</v>
      </c>
      <c r="O80" s="35" t="s">
        <v>35</v>
      </c>
      <c r="P80" s="35">
        <v>31</v>
      </c>
      <c r="Q80" s="35">
        <v>43</v>
      </c>
      <c r="R80" s="35">
        <v>2513</v>
      </c>
    </row>
    <row r="81" spans="1:18">
      <c r="A81" s="21" t="s">
        <v>704</v>
      </c>
      <c r="B81" s="10" t="s">
        <v>25</v>
      </c>
      <c r="C81" s="11" t="s">
        <v>25</v>
      </c>
      <c r="D81" s="35">
        <v>119</v>
      </c>
      <c r="E81" s="35" t="s">
        <v>35</v>
      </c>
      <c r="F81" s="35">
        <v>34</v>
      </c>
      <c r="G81" s="35">
        <v>83</v>
      </c>
      <c r="H81" s="35">
        <v>4716</v>
      </c>
      <c r="I81" s="35">
        <v>62</v>
      </c>
      <c r="J81" s="35" t="s">
        <v>35</v>
      </c>
      <c r="K81" s="35">
        <v>8</v>
      </c>
      <c r="L81" s="35">
        <v>53</v>
      </c>
      <c r="M81" s="35">
        <v>2913</v>
      </c>
      <c r="N81" s="35">
        <v>57</v>
      </c>
      <c r="O81" s="35" t="s">
        <v>35</v>
      </c>
      <c r="P81" s="35">
        <v>26</v>
      </c>
      <c r="Q81" s="35">
        <v>30</v>
      </c>
      <c r="R81" s="35">
        <v>1803</v>
      </c>
    </row>
    <row r="82" spans="1:18">
      <c r="A82" s="21" t="s">
        <v>705</v>
      </c>
      <c r="B82" s="10" t="s">
        <v>25</v>
      </c>
      <c r="C82" s="11" t="s">
        <v>25</v>
      </c>
      <c r="D82" s="35">
        <v>43</v>
      </c>
      <c r="E82" s="35" t="s">
        <v>35</v>
      </c>
      <c r="F82" s="35">
        <v>8</v>
      </c>
      <c r="G82" s="35">
        <v>35</v>
      </c>
      <c r="H82" s="35">
        <v>1910</v>
      </c>
      <c r="I82" s="35">
        <v>25</v>
      </c>
      <c r="J82" s="35" t="s">
        <v>35</v>
      </c>
      <c r="K82" s="35">
        <v>3</v>
      </c>
      <c r="L82" s="35">
        <v>22</v>
      </c>
      <c r="M82" s="35">
        <v>1200</v>
      </c>
      <c r="N82" s="35">
        <v>18</v>
      </c>
      <c r="O82" s="35" t="s">
        <v>35</v>
      </c>
      <c r="P82" s="35">
        <v>5</v>
      </c>
      <c r="Q82" s="35">
        <v>13</v>
      </c>
      <c r="R82" s="35">
        <v>710</v>
      </c>
    </row>
    <row r="83" spans="1:18">
      <c r="A83" s="21" t="s">
        <v>706</v>
      </c>
      <c r="B83" s="10" t="s">
        <v>25</v>
      </c>
      <c r="C83" s="11" t="s">
        <v>25</v>
      </c>
      <c r="D83" s="35">
        <v>758</v>
      </c>
      <c r="E83" s="35">
        <v>10</v>
      </c>
      <c r="F83" s="35">
        <v>175</v>
      </c>
      <c r="G83" s="35">
        <v>567</v>
      </c>
      <c r="H83" s="35">
        <v>31075</v>
      </c>
      <c r="I83" s="35">
        <v>417</v>
      </c>
      <c r="J83" s="35">
        <v>6</v>
      </c>
      <c r="K83" s="35">
        <v>35</v>
      </c>
      <c r="L83" s="35">
        <v>374</v>
      </c>
      <c r="M83" s="35">
        <v>19394</v>
      </c>
      <c r="N83" s="35">
        <v>341</v>
      </c>
      <c r="O83" s="35">
        <v>4</v>
      </c>
      <c r="P83" s="35">
        <v>140</v>
      </c>
      <c r="Q83" s="35">
        <v>193</v>
      </c>
      <c r="R83" s="35">
        <v>11681</v>
      </c>
    </row>
    <row r="84" spans="1:18">
      <c r="A84" s="21" t="s">
        <v>707</v>
      </c>
      <c r="B84" s="10" t="s">
        <v>25</v>
      </c>
      <c r="C84" s="11" t="s">
        <v>25</v>
      </c>
      <c r="D84" s="35">
        <v>552</v>
      </c>
      <c r="E84" s="35">
        <v>9</v>
      </c>
      <c r="F84" s="35">
        <v>124</v>
      </c>
      <c r="G84" s="35">
        <v>413</v>
      </c>
      <c r="H84" s="35">
        <v>22600</v>
      </c>
      <c r="I84" s="35">
        <v>303</v>
      </c>
      <c r="J84" s="35">
        <v>5</v>
      </c>
      <c r="K84" s="35">
        <v>22</v>
      </c>
      <c r="L84" s="35">
        <v>274</v>
      </c>
      <c r="M84" s="35">
        <v>14182</v>
      </c>
      <c r="N84" s="35">
        <v>249</v>
      </c>
      <c r="O84" s="35">
        <v>4</v>
      </c>
      <c r="P84" s="35">
        <v>102</v>
      </c>
      <c r="Q84" s="35">
        <v>139</v>
      </c>
      <c r="R84" s="35">
        <v>8418</v>
      </c>
    </row>
    <row r="85" spans="1:18">
      <c r="A85" s="21" t="s">
        <v>708</v>
      </c>
      <c r="B85" s="10" t="s">
        <v>25</v>
      </c>
      <c r="C85" s="11" t="s">
        <v>25</v>
      </c>
      <c r="D85" s="35">
        <v>206</v>
      </c>
      <c r="E85" s="35">
        <v>1</v>
      </c>
      <c r="F85" s="35">
        <v>51</v>
      </c>
      <c r="G85" s="35">
        <v>154</v>
      </c>
      <c r="H85" s="35">
        <v>8475</v>
      </c>
      <c r="I85" s="35">
        <v>114</v>
      </c>
      <c r="J85" s="35">
        <v>1</v>
      </c>
      <c r="K85" s="35">
        <v>13</v>
      </c>
      <c r="L85" s="35">
        <v>100</v>
      </c>
      <c r="M85" s="35">
        <v>5212</v>
      </c>
      <c r="N85" s="35">
        <v>92</v>
      </c>
      <c r="O85" s="35" t="s">
        <v>2472</v>
      </c>
      <c r="P85" s="35">
        <v>38</v>
      </c>
      <c r="Q85" s="35">
        <v>54</v>
      </c>
      <c r="R85" s="35">
        <v>3263</v>
      </c>
    </row>
    <row r="86" spans="1:18">
      <c r="B86" s="28"/>
      <c r="C86" s="28"/>
    </row>
    <row r="87" spans="1:18">
      <c r="B87" s="28"/>
      <c r="C87" s="28"/>
    </row>
    <row r="88" spans="1:18">
      <c r="B88" s="28"/>
      <c r="C88" s="28"/>
    </row>
    <row r="89" spans="1:18">
      <c r="B89" s="28"/>
      <c r="C89" s="28"/>
    </row>
    <row r="90" spans="1:18">
      <c r="B90" s="28"/>
      <c r="C90" s="28"/>
    </row>
    <row r="91" spans="1:18">
      <c r="B91" s="28"/>
      <c r="C91" s="28"/>
    </row>
    <row r="92" spans="1:18">
      <c r="B92" s="28"/>
      <c r="C92" s="28"/>
    </row>
    <row r="93" spans="1:18">
      <c r="B93" s="28"/>
      <c r="C93" s="28"/>
    </row>
    <row r="94" spans="1:18">
      <c r="B94" s="28"/>
      <c r="C94" s="28"/>
    </row>
    <row r="95" spans="1:18">
      <c r="B95" s="28"/>
      <c r="C95" s="28"/>
    </row>
    <row r="96" spans="1:18">
      <c r="B96" s="28"/>
      <c r="C96" s="28"/>
    </row>
    <row r="97" spans="2:3">
      <c r="B97" s="28"/>
      <c r="C97" s="28"/>
    </row>
    <row r="98" spans="2:3">
      <c r="B98" s="28"/>
      <c r="C98" s="28"/>
    </row>
    <row r="99" spans="2:3">
      <c r="B99" s="28"/>
      <c r="C99" s="28"/>
    </row>
    <row r="100" spans="2:3">
      <c r="B100" s="28"/>
      <c r="C100" s="28"/>
    </row>
    <row r="101" spans="2:3">
      <c r="B101" s="28"/>
      <c r="C101" s="28"/>
    </row>
  </sheetData>
  <mergeCells count="7">
    <mergeCell ref="A1:D1"/>
    <mergeCell ref="A3:R3"/>
    <mergeCell ref="A6:A7"/>
    <mergeCell ref="B6:C7"/>
    <mergeCell ref="D6:H6"/>
    <mergeCell ref="I6:M6"/>
    <mergeCell ref="N6:R6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65" fitToHeight="0" pageOrder="overThenDown" orientation="landscape" horizontalDpi="300" verticalDpi="300" r:id="rId1"/>
  <headerFooter alignWithMargins="0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R101"/>
  <sheetViews>
    <sheetView zoomScaleNormal="100" workbookViewId="0">
      <selection activeCell="A3" sqref="A3:R3"/>
    </sheetView>
  </sheetViews>
  <sheetFormatPr defaultRowHeight="13.5"/>
  <cols>
    <col min="1" max="1" width="25.83203125" style="12" customWidth="1"/>
    <col min="2" max="3" width="4.83203125" style="12" customWidth="1"/>
    <col min="4" max="4" width="22.1640625" style="9" customWidth="1"/>
    <col min="5" max="5" width="13.6640625" style="9" bestFit="1" customWidth="1"/>
    <col min="6" max="7" width="19.5" style="9" bestFit="1" customWidth="1"/>
    <col min="8" max="8" width="30.33203125" style="9" bestFit="1" customWidth="1"/>
    <col min="9" max="9" width="22.1640625" style="9" customWidth="1"/>
    <col min="10" max="10" width="13.6640625" style="9" bestFit="1" customWidth="1"/>
    <col min="11" max="12" width="19.5" style="9" bestFit="1" customWidth="1"/>
    <col min="13" max="13" width="30.33203125" style="9" bestFit="1" customWidth="1"/>
    <col min="14" max="14" width="22.6640625" style="9" customWidth="1"/>
    <col min="15" max="15" width="13.6640625" style="9" bestFit="1" customWidth="1"/>
    <col min="16" max="17" width="19.5" style="9" bestFit="1" customWidth="1"/>
    <col min="18" max="18" width="30.33203125" style="9" bestFit="1" customWidth="1"/>
    <col min="19" max="16384" width="9.33203125" style="9"/>
  </cols>
  <sheetData>
    <row r="1" spans="1:18" s="1" customFormat="1" ht="16.5" customHeight="1">
      <c r="A1" s="37" t="s">
        <v>0</v>
      </c>
      <c r="B1" s="37"/>
      <c r="C1" s="37"/>
      <c r="D1" s="37"/>
      <c r="E1" s="31"/>
      <c r="F1" s="31"/>
      <c r="G1" s="31"/>
      <c r="H1" s="31"/>
      <c r="I1" s="32"/>
      <c r="J1" s="32"/>
      <c r="K1" s="32"/>
      <c r="L1" s="32"/>
      <c r="M1" s="32"/>
      <c r="N1" s="32"/>
      <c r="O1" s="32"/>
      <c r="P1" s="31"/>
      <c r="Q1" s="31"/>
      <c r="R1" s="31"/>
    </row>
    <row r="2" spans="1:18" s="1" customFormat="1" ht="16.5" customHeight="1">
      <c r="D2" s="31"/>
      <c r="E2" s="31"/>
      <c r="F2" s="31"/>
      <c r="G2" s="31"/>
      <c r="H2" s="31"/>
      <c r="I2" s="32"/>
      <c r="J2" s="32"/>
      <c r="K2" s="32"/>
      <c r="L2" s="32"/>
      <c r="M2" s="32"/>
      <c r="N2" s="32"/>
      <c r="O2" s="32"/>
      <c r="P2" s="31"/>
      <c r="Q2" s="31"/>
      <c r="R2" s="31"/>
    </row>
    <row r="3" spans="1:18">
      <c r="A3" s="38" t="s">
        <v>2462</v>
      </c>
      <c r="B3" s="38"/>
      <c r="C3" s="38"/>
      <c r="D3" s="38"/>
      <c r="E3" s="38"/>
      <c r="F3" s="38"/>
      <c r="G3" s="38"/>
      <c r="H3" s="38"/>
      <c r="I3" s="38"/>
      <c r="J3" s="38"/>
      <c r="K3" s="38"/>
      <c r="L3" s="38"/>
      <c r="M3" s="38"/>
      <c r="N3" s="38"/>
      <c r="O3" s="38"/>
      <c r="P3" s="38"/>
      <c r="Q3" s="38"/>
      <c r="R3" s="38"/>
    </row>
    <row r="4" spans="1:18">
      <c r="A4" s="9"/>
      <c r="B4" s="9"/>
      <c r="C4" s="9"/>
    </row>
    <row r="6" spans="1:18" ht="13.5" customHeight="1">
      <c r="A6" s="48" t="s">
        <v>26</v>
      </c>
      <c r="B6" s="41" t="s">
        <v>27</v>
      </c>
      <c r="C6" s="42"/>
      <c r="D6" s="45" t="s">
        <v>2463</v>
      </c>
      <c r="E6" s="46"/>
      <c r="F6" s="46"/>
      <c r="G6" s="46"/>
      <c r="H6" s="47"/>
      <c r="I6" s="45" t="s">
        <v>2464</v>
      </c>
      <c r="J6" s="46"/>
      <c r="K6" s="46"/>
      <c r="L6" s="46"/>
      <c r="M6" s="47"/>
      <c r="N6" s="45" t="s">
        <v>2465</v>
      </c>
      <c r="O6" s="46"/>
      <c r="P6" s="46"/>
      <c r="Q6" s="46"/>
      <c r="R6" s="47"/>
    </row>
    <row r="7" spans="1:18" s="23" customFormat="1">
      <c r="A7" s="49"/>
      <c r="B7" s="43"/>
      <c r="C7" s="44"/>
      <c r="D7" s="29" t="s">
        <v>2466</v>
      </c>
      <c r="E7" s="29" t="s">
        <v>2467</v>
      </c>
      <c r="F7" s="29" t="s">
        <v>2468</v>
      </c>
      <c r="G7" s="29" t="s">
        <v>2469</v>
      </c>
      <c r="H7" s="29" t="s">
        <v>2470</v>
      </c>
      <c r="I7" s="29" t="s">
        <v>2471</v>
      </c>
      <c r="J7" s="29" t="s">
        <v>2467</v>
      </c>
      <c r="K7" s="29" t="s">
        <v>2468</v>
      </c>
      <c r="L7" s="29" t="s">
        <v>2469</v>
      </c>
      <c r="M7" s="29" t="s">
        <v>2470</v>
      </c>
      <c r="N7" s="29" t="s">
        <v>2471</v>
      </c>
      <c r="O7" s="29" t="s">
        <v>2467</v>
      </c>
      <c r="P7" s="29" t="s">
        <v>2468</v>
      </c>
      <c r="Q7" s="29" t="s">
        <v>2469</v>
      </c>
      <c r="R7" s="29" t="s">
        <v>2470</v>
      </c>
    </row>
    <row r="8" spans="1:18" s="15" customFormat="1">
      <c r="A8" s="20" t="s">
        <v>709</v>
      </c>
      <c r="B8" s="13" t="s">
        <v>25</v>
      </c>
      <c r="C8" s="14"/>
      <c r="D8" s="16">
        <v>38433</v>
      </c>
      <c r="E8" s="16">
        <v>612</v>
      </c>
      <c r="F8" s="16">
        <v>9460</v>
      </c>
      <c r="G8" s="16">
        <v>28286</v>
      </c>
      <c r="H8" s="16">
        <v>1556596</v>
      </c>
      <c r="I8" s="16">
        <v>21980</v>
      </c>
      <c r="J8" s="16">
        <v>371</v>
      </c>
      <c r="K8" s="16">
        <v>2749</v>
      </c>
      <c r="L8" s="16">
        <v>18805</v>
      </c>
      <c r="M8" s="16">
        <v>992991</v>
      </c>
      <c r="N8" s="16">
        <v>16453</v>
      </c>
      <c r="O8" s="16">
        <v>241</v>
      </c>
      <c r="P8" s="16">
        <v>6711</v>
      </c>
      <c r="Q8" s="16">
        <v>9481</v>
      </c>
      <c r="R8" s="16">
        <v>563605</v>
      </c>
    </row>
    <row r="9" spans="1:18">
      <c r="A9" s="30" t="s">
        <v>710</v>
      </c>
      <c r="B9" s="10" t="s">
        <v>25</v>
      </c>
      <c r="C9" s="11"/>
      <c r="D9" s="17">
        <v>3633</v>
      </c>
      <c r="E9" s="17">
        <v>62</v>
      </c>
      <c r="F9" s="17">
        <v>944</v>
      </c>
      <c r="G9" s="17">
        <v>2622</v>
      </c>
      <c r="H9" s="17">
        <v>144958</v>
      </c>
      <c r="I9" s="17">
        <v>2014</v>
      </c>
      <c r="J9" s="17">
        <v>38</v>
      </c>
      <c r="K9" s="17">
        <v>249</v>
      </c>
      <c r="L9" s="17">
        <v>1724</v>
      </c>
      <c r="M9" s="17">
        <v>90632</v>
      </c>
      <c r="N9" s="17">
        <v>1619</v>
      </c>
      <c r="O9" s="17">
        <v>24</v>
      </c>
      <c r="P9" s="17">
        <v>695</v>
      </c>
      <c r="Q9" s="17">
        <v>898</v>
      </c>
      <c r="R9" s="17">
        <v>54326</v>
      </c>
    </row>
    <row r="10" spans="1:18">
      <c r="A10" s="21" t="s">
        <v>711</v>
      </c>
      <c r="B10" s="10" t="s">
        <v>25</v>
      </c>
      <c r="C10" s="11"/>
      <c r="D10" s="17">
        <v>489</v>
      </c>
      <c r="E10" s="17">
        <v>7</v>
      </c>
      <c r="F10" s="17">
        <v>149</v>
      </c>
      <c r="G10" s="17">
        <v>333</v>
      </c>
      <c r="H10" s="17">
        <v>18575</v>
      </c>
      <c r="I10" s="17">
        <v>268</v>
      </c>
      <c r="J10" s="17">
        <v>6</v>
      </c>
      <c r="K10" s="17">
        <v>38</v>
      </c>
      <c r="L10" s="17">
        <v>224</v>
      </c>
      <c r="M10" s="17">
        <v>11508</v>
      </c>
      <c r="N10" s="17">
        <v>221</v>
      </c>
      <c r="O10" s="17">
        <v>1</v>
      </c>
      <c r="P10" s="17">
        <v>111</v>
      </c>
      <c r="Q10" s="17">
        <v>109</v>
      </c>
      <c r="R10" s="17">
        <v>7067</v>
      </c>
    </row>
    <row r="11" spans="1:18">
      <c r="A11" s="21" t="s">
        <v>712</v>
      </c>
      <c r="B11" s="10" t="s">
        <v>25</v>
      </c>
      <c r="C11" s="11"/>
      <c r="D11" s="17">
        <v>1040</v>
      </c>
      <c r="E11" s="17">
        <v>20</v>
      </c>
      <c r="F11" s="17">
        <v>255</v>
      </c>
      <c r="G11" s="17">
        <v>765</v>
      </c>
      <c r="H11" s="17">
        <v>42297</v>
      </c>
      <c r="I11" s="17">
        <v>579</v>
      </c>
      <c r="J11" s="17">
        <v>13</v>
      </c>
      <c r="K11" s="17">
        <v>71</v>
      </c>
      <c r="L11" s="17">
        <v>495</v>
      </c>
      <c r="M11" s="17">
        <v>26405</v>
      </c>
      <c r="N11" s="17">
        <v>461</v>
      </c>
      <c r="O11" s="17">
        <v>7</v>
      </c>
      <c r="P11" s="17">
        <v>184</v>
      </c>
      <c r="Q11" s="17">
        <v>270</v>
      </c>
      <c r="R11" s="17">
        <v>15892</v>
      </c>
    </row>
    <row r="12" spans="1:18">
      <c r="A12" s="21" t="s">
        <v>713</v>
      </c>
      <c r="B12" s="10" t="s">
        <v>25</v>
      </c>
      <c r="C12" s="11"/>
      <c r="D12" s="17">
        <v>558</v>
      </c>
      <c r="E12" s="17">
        <v>14</v>
      </c>
      <c r="F12" s="17">
        <v>126</v>
      </c>
      <c r="G12" s="17">
        <v>417</v>
      </c>
      <c r="H12" s="17">
        <v>22703</v>
      </c>
      <c r="I12" s="17">
        <v>278</v>
      </c>
      <c r="J12" s="17">
        <v>7</v>
      </c>
      <c r="K12" s="17">
        <v>29</v>
      </c>
      <c r="L12" s="17">
        <v>242</v>
      </c>
      <c r="M12" s="17">
        <v>12591</v>
      </c>
      <c r="N12" s="17">
        <v>280</v>
      </c>
      <c r="O12" s="17">
        <v>7</v>
      </c>
      <c r="P12" s="17">
        <v>97</v>
      </c>
      <c r="Q12" s="17">
        <v>175</v>
      </c>
      <c r="R12" s="17">
        <v>10112</v>
      </c>
    </row>
    <row r="13" spans="1:18">
      <c r="A13" s="21" t="s">
        <v>714</v>
      </c>
      <c r="B13" s="10" t="s">
        <v>25</v>
      </c>
      <c r="C13" s="11"/>
      <c r="D13" s="17">
        <v>591</v>
      </c>
      <c r="E13" s="17">
        <v>9</v>
      </c>
      <c r="F13" s="17">
        <v>191</v>
      </c>
      <c r="G13" s="17">
        <v>388</v>
      </c>
      <c r="H13" s="17">
        <v>22069</v>
      </c>
      <c r="I13" s="17">
        <v>323</v>
      </c>
      <c r="J13" s="17">
        <v>6</v>
      </c>
      <c r="K13" s="17">
        <v>48</v>
      </c>
      <c r="L13" s="17">
        <v>267</v>
      </c>
      <c r="M13" s="17">
        <v>14050</v>
      </c>
      <c r="N13" s="17">
        <v>268</v>
      </c>
      <c r="O13" s="17">
        <v>3</v>
      </c>
      <c r="P13" s="17">
        <v>143</v>
      </c>
      <c r="Q13" s="17">
        <v>121</v>
      </c>
      <c r="R13" s="17">
        <v>8019</v>
      </c>
    </row>
    <row r="14" spans="1:18">
      <c r="A14" s="21" t="s">
        <v>715</v>
      </c>
      <c r="B14" s="10" t="s">
        <v>25</v>
      </c>
      <c r="C14" s="11"/>
      <c r="D14" s="17">
        <v>929</v>
      </c>
      <c r="E14" s="17">
        <v>11</v>
      </c>
      <c r="F14" s="17">
        <v>213</v>
      </c>
      <c r="G14" s="17">
        <v>704</v>
      </c>
      <c r="H14" s="17">
        <v>38372</v>
      </c>
      <c r="I14" s="17">
        <v>549</v>
      </c>
      <c r="J14" s="17">
        <v>6</v>
      </c>
      <c r="K14" s="17">
        <v>58</v>
      </c>
      <c r="L14" s="17">
        <v>484</v>
      </c>
      <c r="M14" s="17">
        <v>25407</v>
      </c>
      <c r="N14" s="17">
        <v>380</v>
      </c>
      <c r="O14" s="18">
        <v>5</v>
      </c>
      <c r="P14" s="17">
        <v>155</v>
      </c>
      <c r="Q14" s="18">
        <v>220</v>
      </c>
      <c r="R14" s="17">
        <v>12965</v>
      </c>
    </row>
    <row r="15" spans="1:18">
      <c r="A15" s="21" t="s">
        <v>716</v>
      </c>
      <c r="B15" s="10" t="s">
        <v>25</v>
      </c>
      <c r="C15" s="11"/>
      <c r="D15" s="17">
        <v>26</v>
      </c>
      <c r="E15" s="17">
        <v>1</v>
      </c>
      <c r="F15" s="18">
        <v>10</v>
      </c>
      <c r="G15" s="17">
        <v>15</v>
      </c>
      <c r="H15" s="17">
        <v>942</v>
      </c>
      <c r="I15" s="17">
        <v>17</v>
      </c>
      <c r="J15" s="17" t="s">
        <v>35</v>
      </c>
      <c r="K15" s="18">
        <v>5</v>
      </c>
      <c r="L15" s="17">
        <v>12</v>
      </c>
      <c r="M15" s="17">
        <v>671</v>
      </c>
      <c r="N15" s="17">
        <v>9</v>
      </c>
      <c r="O15" s="18">
        <v>1</v>
      </c>
      <c r="P15" s="18">
        <v>5</v>
      </c>
      <c r="Q15" s="17">
        <v>3</v>
      </c>
      <c r="R15" s="17">
        <v>271</v>
      </c>
    </row>
    <row r="16" spans="1:18">
      <c r="A16" s="21" t="s">
        <v>717</v>
      </c>
      <c r="B16" s="10" t="s">
        <v>25</v>
      </c>
      <c r="C16" s="11"/>
      <c r="D16" s="17">
        <v>2241</v>
      </c>
      <c r="E16" s="17">
        <v>45</v>
      </c>
      <c r="F16" s="18">
        <v>544</v>
      </c>
      <c r="G16" s="18">
        <v>1649</v>
      </c>
      <c r="H16" s="18">
        <v>90925</v>
      </c>
      <c r="I16" s="18">
        <v>1252</v>
      </c>
      <c r="J16" s="18">
        <v>24</v>
      </c>
      <c r="K16" s="18">
        <v>149</v>
      </c>
      <c r="L16" s="18">
        <v>1076</v>
      </c>
      <c r="M16" s="18">
        <v>57060</v>
      </c>
      <c r="N16" s="17">
        <v>989</v>
      </c>
      <c r="O16" s="17">
        <v>21</v>
      </c>
      <c r="P16" s="18">
        <v>395</v>
      </c>
      <c r="Q16" s="18">
        <v>573</v>
      </c>
      <c r="R16" s="18">
        <v>33865</v>
      </c>
    </row>
    <row r="17" spans="1:18">
      <c r="A17" s="21" t="s">
        <v>718</v>
      </c>
      <c r="B17" s="10" t="s">
        <v>25</v>
      </c>
      <c r="C17" s="11"/>
      <c r="D17" s="17">
        <v>778</v>
      </c>
      <c r="E17" s="17">
        <v>14</v>
      </c>
      <c r="F17" s="17">
        <v>183</v>
      </c>
      <c r="G17" s="17">
        <v>581</v>
      </c>
      <c r="H17" s="17">
        <v>31676</v>
      </c>
      <c r="I17" s="17">
        <v>435</v>
      </c>
      <c r="J17" s="17">
        <v>7</v>
      </c>
      <c r="K17" s="17">
        <v>58</v>
      </c>
      <c r="L17" s="17">
        <v>370</v>
      </c>
      <c r="M17" s="17">
        <v>19646</v>
      </c>
      <c r="N17" s="17">
        <v>343</v>
      </c>
      <c r="O17" s="17">
        <v>7</v>
      </c>
      <c r="P17" s="17">
        <v>125</v>
      </c>
      <c r="Q17" s="17">
        <v>211</v>
      </c>
      <c r="R17" s="17">
        <v>12030</v>
      </c>
    </row>
    <row r="18" spans="1:18">
      <c r="A18" s="21" t="s">
        <v>719</v>
      </c>
      <c r="B18" s="10" t="s">
        <v>25</v>
      </c>
      <c r="C18" s="11"/>
      <c r="D18" s="18">
        <v>981</v>
      </c>
      <c r="E18" s="18">
        <v>25</v>
      </c>
      <c r="F18" s="18">
        <v>251</v>
      </c>
      <c r="G18" s="18">
        <v>703</v>
      </c>
      <c r="H18" s="18">
        <v>39273</v>
      </c>
      <c r="I18" s="18">
        <v>551</v>
      </c>
      <c r="J18" s="18">
        <v>14</v>
      </c>
      <c r="K18" s="18">
        <v>59</v>
      </c>
      <c r="L18" s="18">
        <v>476</v>
      </c>
      <c r="M18" s="18">
        <v>25173</v>
      </c>
      <c r="N18" s="18">
        <v>430</v>
      </c>
      <c r="O18" s="18">
        <v>11</v>
      </c>
      <c r="P18" s="18">
        <v>192</v>
      </c>
      <c r="Q18" s="18">
        <v>227</v>
      </c>
      <c r="R18" s="18">
        <v>14100</v>
      </c>
    </row>
    <row r="19" spans="1:18">
      <c r="A19" s="21" t="s">
        <v>720</v>
      </c>
      <c r="B19" s="10" t="s">
        <v>25</v>
      </c>
      <c r="C19" s="11"/>
      <c r="D19" s="17">
        <v>482</v>
      </c>
      <c r="E19" s="17">
        <v>6</v>
      </c>
      <c r="F19" s="17">
        <v>110</v>
      </c>
      <c r="G19" s="17">
        <v>365</v>
      </c>
      <c r="H19" s="17">
        <v>19976</v>
      </c>
      <c r="I19" s="17">
        <v>266</v>
      </c>
      <c r="J19" s="17">
        <v>3</v>
      </c>
      <c r="K19" s="17">
        <v>32</v>
      </c>
      <c r="L19" s="17">
        <v>230</v>
      </c>
      <c r="M19" s="17">
        <v>12241</v>
      </c>
      <c r="N19" s="17">
        <v>216</v>
      </c>
      <c r="O19" s="17">
        <v>3</v>
      </c>
      <c r="P19" s="17">
        <v>78</v>
      </c>
      <c r="Q19" s="17">
        <v>135</v>
      </c>
      <c r="R19" s="17">
        <v>7735</v>
      </c>
    </row>
    <row r="20" spans="1:18">
      <c r="A20" s="21" t="s">
        <v>721</v>
      </c>
      <c r="B20" s="10" t="s">
        <v>25</v>
      </c>
      <c r="C20" s="11"/>
      <c r="D20" s="18">
        <v>5671</v>
      </c>
      <c r="E20" s="18">
        <v>81</v>
      </c>
      <c r="F20" s="18">
        <v>1272</v>
      </c>
      <c r="G20" s="18">
        <v>4299</v>
      </c>
      <c r="H20" s="18">
        <v>234788</v>
      </c>
      <c r="I20" s="18">
        <v>3283</v>
      </c>
      <c r="J20" s="18">
        <v>44</v>
      </c>
      <c r="K20" s="18">
        <v>358</v>
      </c>
      <c r="L20" s="18">
        <v>2865</v>
      </c>
      <c r="M20" s="18">
        <v>150938</v>
      </c>
      <c r="N20" s="18">
        <v>2388</v>
      </c>
      <c r="O20" s="18">
        <v>37</v>
      </c>
      <c r="P20" s="18">
        <v>914</v>
      </c>
      <c r="Q20" s="18">
        <v>1434</v>
      </c>
      <c r="R20" s="18">
        <v>83850</v>
      </c>
    </row>
    <row r="21" spans="1:18">
      <c r="A21" s="21" t="s">
        <v>722</v>
      </c>
      <c r="B21" s="10" t="s">
        <v>25</v>
      </c>
      <c r="C21" s="11"/>
      <c r="D21" s="17">
        <v>559</v>
      </c>
      <c r="E21" s="17">
        <v>11</v>
      </c>
      <c r="F21" s="17">
        <v>116</v>
      </c>
      <c r="G21" s="17">
        <v>430</v>
      </c>
      <c r="H21" s="17">
        <v>23016</v>
      </c>
      <c r="I21" s="17">
        <v>339</v>
      </c>
      <c r="J21" s="17">
        <v>5</v>
      </c>
      <c r="K21" s="17">
        <v>40</v>
      </c>
      <c r="L21" s="17">
        <v>292</v>
      </c>
      <c r="M21" s="17">
        <v>15090</v>
      </c>
      <c r="N21" s="17">
        <v>220</v>
      </c>
      <c r="O21" s="17">
        <v>6</v>
      </c>
      <c r="P21" s="17">
        <v>76</v>
      </c>
      <c r="Q21" s="17">
        <v>138</v>
      </c>
      <c r="R21" s="17">
        <v>7926</v>
      </c>
    </row>
    <row r="22" spans="1:18">
      <c r="A22" s="21" t="s">
        <v>723</v>
      </c>
      <c r="B22" s="10" t="s">
        <v>25</v>
      </c>
      <c r="C22" s="11"/>
      <c r="D22" s="17">
        <v>1308</v>
      </c>
      <c r="E22" s="17">
        <v>14</v>
      </c>
      <c r="F22" s="17">
        <v>329</v>
      </c>
      <c r="G22" s="17">
        <v>963</v>
      </c>
      <c r="H22" s="17">
        <v>54263</v>
      </c>
      <c r="I22" s="17">
        <v>761</v>
      </c>
      <c r="J22" s="17">
        <v>8</v>
      </c>
      <c r="K22" s="17">
        <v>90</v>
      </c>
      <c r="L22" s="17">
        <v>661</v>
      </c>
      <c r="M22" s="17">
        <v>35480</v>
      </c>
      <c r="N22" s="17">
        <v>547</v>
      </c>
      <c r="O22" s="17">
        <v>6</v>
      </c>
      <c r="P22" s="17">
        <v>239</v>
      </c>
      <c r="Q22" s="17">
        <v>302</v>
      </c>
      <c r="R22" s="17">
        <v>18783</v>
      </c>
    </row>
    <row r="23" spans="1:18">
      <c r="A23" s="21" t="s">
        <v>724</v>
      </c>
      <c r="B23" s="10" t="s">
        <v>25</v>
      </c>
      <c r="C23" s="11"/>
      <c r="D23" s="17">
        <v>1117</v>
      </c>
      <c r="E23" s="18">
        <v>22</v>
      </c>
      <c r="F23" s="17">
        <v>268</v>
      </c>
      <c r="G23" s="17">
        <v>826</v>
      </c>
      <c r="H23" s="17">
        <v>45306</v>
      </c>
      <c r="I23" s="17">
        <v>625</v>
      </c>
      <c r="J23" s="18">
        <v>13</v>
      </c>
      <c r="K23" s="17">
        <v>73</v>
      </c>
      <c r="L23" s="17">
        <v>538</v>
      </c>
      <c r="M23" s="17">
        <v>28324</v>
      </c>
      <c r="N23" s="17">
        <v>492</v>
      </c>
      <c r="O23" s="18">
        <v>9</v>
      </c>
      <c r="P23" s="17">
        <v>195</v>
      </c>
      <c r="Q23" s="17">
        <v>288</v>
      </c>
      <c r="R23" s="17">
        <v>16982</v>
      </c>
    </row>
    <row r="24" spans="1:18">
      <c r="A24" s="21" t="s">
        <v>725</v>
      </c>
      <c r="B24" s="10" t="s">
        <v>25</v>
      </c>
      <c r="C24" s="11"/>
      <c r="D24" s="17">
        <v>1365</v>
      </c>
      <c r="E24" s="17">
        <v>17</v>
      </c>
      <c r="F24" s="17">
        <v>294</v>
      </c>
      <c r="G24" s="17">
        <v>1045</v>
      </c>
      <c r="H24" s="17">
        <v>56610</v>
      </c>
      <c r="I24" s="17">
        <v>800</v>
      </c>
      <c r="J24" s="17">
        <v>11</v>
      </c>
      <c r="K24" s="17">
        <v>93</v>
      </c>
      <c r="L24" s="17">
        <v>688</v>
      </c>
      <c r="M24" s="17">
        <v>36315</v>
      </c>
      <c r="N24" s="17">
        <v>565</v>
      </c>
      <c r="O24" s="17">
        <v>6</v>
      </c>
      <c r="P24" s="17">
        <v>201</v>
      </c>
      <c r="Q24" s="17">
        <v>357</v>
      </c>
      <c r="R24" s="17">
        <v>20295</v>
      </c>
    </row>
    <row r="25" spans="1:18">
      <c r="A25" s="21" t="s">
        <v>726</v>
      </c>
      <c r="B25" s="10" t="s">
        <v>25</v>
      </c>
      <c r="C25" s="11"/>
      <c r="D25" s="17">
        <v>1231</v>
      </c>
      <c r="E25" s="17">
        <v>15</v>
      </c>
      <c r="F25" s="17">
        <v>255</v>
      </c>
      <c r="G25" s="17">
        <v>956</v>
      </c>
      <c r="H25" s="17">
        <v>51549</v>
      </c>
      <c r="I25" s="17">
        <v>703</v>
      </c>
      <c r="J25" s="17">
        <v>7</v>
      </c>
      <c r="K25" s="17">
        <v>61</v>
      </c>
      <c r="L25" s="17">
        <v>632</v>
      </c>
      <c r="M25" s="17">
        <v>32970</v>
      </c>
      <c r="N25" s="17">
        <v>528</v>
      </c>
      <c r="O25" s="17">
        <v>8</v>
      </c>
      <c r="P25" s="17">
        <v>194</v>
      </c>
      <c r="Q25" s="17">
        <v>324</v>
      </c>
      <c r="R25" s="17">
        <v>18579</v>
      </c>
    </row>
    <row r="26" spans="1:18">
      <c r="A26" s="21" t="s">
        <v>727</v>
      </c>
      <c r="B26" s="10" t="s">
        <v>25</v>
      </c>
      <c r="C26" s="11"/>
      <c r="D26" s="17">
        <v>91</v>
      </c>
      <c r="E26" s="17">
        <v>2</v>
      </c>
      <c r="F26" s="17">
        <v>10</v>
      </c>
      <c r="G26" s="17">
        <v>79</v>
      </c>
      <c r="H26" s="17">
        <v>4044</v>
      </c>
      <c r="I26" s="17">
        <v>55</v>
      </c>
      <c r="J26" s="17" t="s">
        <v>35</v>
      </c>
      <c r="K26" s="17">
        <v>1</v>
      </c>
      <c r="L26" s="17">
        <v>54</v>
      </c>
      <c r="M26" s="17">
        <v>2759</v>
      </c>
      <c r="N26" s="17">
        <v>36</v>
      </c>
      <c r="O26" s="17">
        <v>2</v>
      </c>
      <c r="P26" s="17">
        <v>9</v>
      </c>
      <c r="Q26" s="17">
        <v>25</v>
      </c>
      <c r="R26" s="17">
        <v>1285</v>
      </c>
    </row>
    <row r="27" spans="1:18">
      <c r="A27" s="21" t="s">
        <v>728</v>
      </c>
      <c r="B27" s="10" t="s">
        <v>25</v>
      </c>
      <c r="C27" s="11"/>
      <c r="D27" s="17">
        <v>3225</v>
      </c>
      <c r="E27" s="17">
        <v>50</v>
      </c>
      <c r="F27" s="17">
        <v>839</v>
      </c>
      <c r="G27" s="17">
        <v>2329</v>
      </c>
      <c r="H27" s="17">
        <v>130302</v>
      </c>
      <c r="I27" s="17">
        <v>1777</v>
      </c>
      <c r="J27" s="17">
        <v>30</v>
      </c>
      <c r="K27" s="17">
        <v>234</v>
      </c>
      <c r="L27" s="17">
        <v>1508</v>
      </c>
      <c r="M27" s="17">
        <v>80347</v>
      </c>
      <c r="N27" s="17">
        <v>1448</v>
      </c>
      <c r="O27" s="17">
        <v>20</v>
      </c>
      <c r="P27" s="17">
        <v>605</v>
      </c>
      <c r="Q27" s="17">
        <v>821</v>
      </c>
      <c r="R27" s="17">
        <v>49955</v>
      </c>
    </row>
    <row r="28" spans="1:18">
      <c r="A28" s="21" t="s">
        <v>729</v>
      </c>
      <c r="B28" s="10" t="s">
        <v>25</v>
      </c>
      <c r="C28" s="11"/>
      <c r="D28" s="17">
        <v>340</v>
      </c>
      <c r="E28" s="17">
        <v>2</v>
      </c>
      <c r="F28" s="17">
        <v>95</v>
      </c>
      <c r="G28" s="17">
        <v>243</v>
      </c>
      <c r="H28" s="17">
        <v>13978</v>
      </c>
      <c r="I28" s="17">
        <v>184</v>
      </c>
      <c r="J28" s="17">
        <v>2</v>
      </c>
      <c r="K28" s="17">
        <v>30</v>
      </c>
      <c r="L28" s="17">
        <v>152</v>
      </c>
      <c r="M28" s="17">
        <v>8590</v>
      </c>
      <c r="N28" s="17">
        <v>156</v>
      </c>
      <c r="O28" s="17" t="s">
        <v>35</v>
      </c>
      <c r="P28" s="17">
        <v>65</v>
      </c>
      <c r="Q28" s="17">
        <v>91</v>
      </c>
      <c r="R28" s="17">
        <v>5388</v>
      </c>
    </row>
    <row r="29" spans="1:18">
      <c r="A29" s="21" t="s">
        <v>730</v>
      </c>
      <c r="B29" s="10" t="s">
        <v>25</v>
      </c>
      <c r="C29" s="11"/>
      <c r="D29" s="17">
        <v>1518</v>
      </c>
      <c r="E29" s="17">
        <v>20</v>
      </c>
      <c r="F29" s="17">
        <v>391</v>
      </c>
      <c r="G29" s="17">
        <v>1104</v>
      </c>
      <c r="H29" s="17">
        <v>61040</v>
      </c>
      <c r="I29" s="17">
        <v>828</v>
      </c>
      <c r="J29" s="17">
        <v>11</v>
      </c>
      <c r="K29" s="17">
        <v>105</v>
      </c>
      <c r="L29" s="17">
        <v>709</v>
      </c>
      <c r="M29" s="17">
        <v>37155</v>
      </c>
      <c r="N29" s="17">
        <v>690</v>
      </c>
      <c r="O29" s="17">
        <v>9</v>
      </c>
      <c r="P29" s="17">
        <v>286</v>
      </c>
      <c r="Q29" s="17">
        <v>395</v>
      </c>
      <c r="R29" s="17">
        <v>23885</v>
      </c>
    </row>
    <row r="30" spans="1:18">
      <c r="A30" s="21" t="s">
        <v>731</v>
      </c>
      <c r="B30" s="10" t="s">
        <v>25</v>
      </c>
      <c r="C30" s="11"/>
      <c r="D30" s="17">
        <v>1367</v>
      </c>
      <c r="E30" s="17">
        <v>28</v>
      </c>
      <c r="F30" s="17">
        <v>353</v>
      </c>
      <c r="G30" s="17">
        <v>982</v>
      </c>
      <c r="H30" s="17">
        <v>55284</v>
      </c>
      <c r="I30" s="17">
        <v>765</v>
      </c>
      <c r="J30" s="17">
        <v>17</v>
      </c>
      <c r="K30" s="17">
        <v>99</v>
      </c>
      <c r="L30" s="17">
        <v>647</v>
      </c>
      <c r="M30" s="17">
        <v>34602</v>
      </c>
      <c r="N30" s="17">
        <v>602</v>
      </c>
      <c r="O30" s="17">
        <v>11</v>
      </c>
      <c r="P30" s="17">
        <v>254</v>
      </c>
      <c r="Q30" s="17">
        <v>335</v>
      </c>
      <c r="R30" s="17">
        <v>20682</v>
      </c>
    </row>
    <row r="31" spans="1:18">
      <c r="A31" s="21" t="s">
        <v>732</v>
      </c>
      <c r="B31" s="10" t="s">
        <v>25</v>
      </c>
      <c r="C31" s="11"/>
      <c r="D31" s="17">
        <v>2533</v>
      </c>
      <c r="E31" s="17">
        <v>29</v>
      </c>
      <c r="F31" s="17">
        <v>607</v>
      </c>
      <c r="G31" s="17">
        <v>1894</v>
      </c>
      <c r="H31" s="17">
        <v>104021</v>
      </c>
      <c r="I31" s="17">
        <v>1380</v>
      </c>
      <c r="J31" s="17">
        <v>21</v>
      </c>
      <c r="K31" s="17">
        <v>195</v>
      </c>
      <c r="L31" s="17">
        <v>1162</v>
      </c>
      <c r="M31" s="17">
        <v>62408</v>
      </c>
      <c r="N31" s="17">
        <v>1153</v>
      </c>
      <c r="O31" s="17">
        <v>8</v>
      </c>
      <c r="P31" s="17">
        <v>412</v>
      </c>
      <c r="Q31" s="17">
        <v>732</v>
      </c>
      <c r="R31" s="17">
        <v>41613</v>
      </c>
    </row>
    <row r="32" spans="1:18">
      <c r="A32" s="21" t="s">
        <v>733</v>
      </c>
      <c r="B32" s="10" t="s">
        <v>25</v>
      </c>
      <c r="C32" s="11"/>
      <c r="D32" s="17">
        <v>687</v>
      </c>
      <c r="E32" s="17">
        <v>5</v>
      </c>
      <c r="F32" s="17">
        <v>152</v>
      </c>
      <c r="G32" s="17">
        <v>529</v>
      </c>
      <c r="H32" s="17">
        <v>28005</v>
      </c>
      <c r="I32" s="17">
        <v>335</v>
      </c>
      <c r="J32" s="18">
        <v>4</v>
      </c>
      <c r="K32" s="17">
        <v>38</v>
      </c>
      <c r="L32" s="17">
        <v>293</v>
      </c>
      <c r="M32" s="17">
        <v>14963</v>
      </c>
      <c r="N32" s="17">
        <v>352</v>
      </c>
      <c r="O32" s="17">
        <v>1</v>
      </c>
      <c r="P32" s="17">
        <v>114</v>
      </c>
      <c r="Q32" s="17">
        <v>236</v>
      </c>
      <c r="R32" s="17">
        <v>13042</v>
      </c>
    </row>
    <row r="33" spans="1:18">
      <c r="A33" s="21" t="s">
        <v>734</v>
      </c>
      <c r="B33" s="10" t="s">
        <v>25</v>
      </c>
      <c r="C33" s="11"/>
      <c r="D33" s="17">
        <v>874</v>
      </c>
      <c r="E33" s="17">
        <v>10</v>
      </c>
      <c r="F33" s="17">
        <v>222</v>
      </c>
      <c r="G33" s="17">
        <v>642</v>
      </c>
      <c r="H33" s="17">
        <v>35766</v>
      </c>
      <c r="I33" s="17">
        <v>484</v>
      </c>
      <c r="J33" s="17">
        <v>8</v>
      </c>
      <c r="K33" s="17">
        <v>67</v>
      </c>
      <c r="L33" s="17">
        <v>409</v>
      </c>
      <c r="M33" s="17">
        <v>21914</v>
      </c>
      <c r="N33" s="17">
        <v>390</v>
      </c>
      <c r="O33" s="17">
        <v>2</v>
      </c>
      <c r="P33" s="17">
        <v>155</v>
      </c>
      <c r="Q33" s="17">
        <v>233</v>
      </c>
      <c r="R33" s="17">
        <v>13852</v>
      </c>
    </row>
    <row r="34" spans="1:18">
      <c r="A34" s="21" t="s">
        <v>735</v>
      </c>
      <c r="B34" s="10" t="s">
        <v>25</v>
      </c>
      <c r="C34" s="11"/>
      <c r="D34" s="18">
        <v>972</v>
      </c>
      <c r="E34" s="18">
        <v>14</v>
      </c>
      <c r="F34" s="18">
        <v>233</v>
      </c>
      <c r="G34" s="18">
        <v>723</v>
      </c>
      <c r="H34" s="18">
        <v>40250</v>
      </c>
      <c r="I34" s="18">
        <v>561</v>
      </c>
      <c r="J34" s="18">
        <v>9</v>
      </c>
      <c r="K34" s="18">
        <v>90</v>
      </c>
      <c r="L34" s="18">
        <v>460</v>
      </c>
      <c r="M34" s="18">
        <v>25531</v>
      </c>
      <c r="N34" s="18">
        <v>411</v>
      </c>
      <c r="O34" s="18">
        <v>5</v>
      </c>
      <c r="P34" s="18">
        <v>143</v>
      </c>
      <c r="Q34" s="18">
        <v>263</v>
      </c>
      <c r="R34" s="18">
        <v>14719</v>
      </c>
    </row>
    <row r="35" spans="1:18">
      <c r="A35" s="21" t="s">
        <v>736</v>
      </c>
      <c r="B35" s="10" t="s">
        <v>25</v>
      </c>
      <c r="C35" s="11"/>
      <c r="D35" s="17">
        <v>2653</v>
      </c>
      <c r="E35" s="18">
        <v>36</v>
      </c>
      <c r="F35" s="17">
        <v>641</v>
      </c>
      <c r="G35" s="17">
        <v>1975</v>
      </c>
      <c r="H35" s="17">
        <v>108533</v>
      </c>
      <c r="I35" s="17">
        <v>1564</v>
      </c>
      <c r="J35" s="18">
        <v>23</v>
      </c>
      <c r="K35" s="17">
        <v>179</v>
      </c>
      <c r="L35" s="17">
        <v>1361</v>
      </c>
      <c r="M35" s="17">
        <v>71505</v>
      </c>
      <c r="N35" s="17">
        <v>1089</v>
      </c>
      <c r="O35" s="18">
        <v>13</v>
      </c>
      <c r="P35" s="17">
        <v>462</v>
      </c>
      <c r="Q35" s="17">
        <v>614</v>
      </c>
      <c r="R35" s="17">
        <v>37028</v>
      </c>
    </row>
    <row r="36" spans="1:18">
      <c r="A36" s="21" t="s">
        <v>737</v>
      </c>
      <c r="B36" s="10" t="s">
        <v>25</v>
      </c>
      <c r="C36" s="11"/>
      <c r="D36" s="17">
        <v>1053</v>
      </c>
      <c r="E36" s="17">
        <v>16</v>
      </c>
      <c r="F36" s="17">
        <v>235</v>
      </c>
      <c r="G36" s="17">
        <v>802</v>
      </c>
      <c r="H36" s="17">
        <v>43847</v>
      </c>
      <c r="I36" s="17">
        <v>629</v>
      </c>
      <c r="J36" s="17">
        <v>10</v>
      </c>
      <c r="K36" s="17">
        <v>65</v>
      </c>
      <c r="L36" s="17">
        <v>554</v>
      </c>
      <c r="M36" s="17">
        <v>29167</v>
      </c>
      <c r="N36" s="17">
        <v>424</v>
      </c>
      <c r="O36" s="17">
        <v>6</v>
      </c>
      <c r="P36" s="17">
        <v>170</v>
      </c>
      <c r="Q36" s="17">
        <v>248</v>
      </c>
      <c r="R36" s="17">
        <v>14680</v>
      </c>
    </row>
    <row r="37" spans="1:18">
      <c r="A37" s="21" t="s">
        <v>738</v>
      </c>
      <c r="B37" s="10" t="s">
        <v>25</v>
      </c>
      <c r="C37" s="11"/>
      <c r="D37" s="17">
        <v>654</v>
      </c>
      <c r="E37" s="17">
        <v>8</v>
      </c>
      <c r="F37" s="17">
        <v>156</v>
      </c>
      <c r="G37" s="17">
        <v>489</v>
      </c>
      <c r="H37" s="17">
        <v>26895</v>
      </c>
      <c r="I37" s="17">
        <v>369</v>
      </c>
      <c r="J37" s="17">
        <v>5</v>
      </c>
      <c r="K37" s="17">
        <v>43</v>
      </c>
      <c r="L37" s="17">
        <v>320</v>
      </c>
      <c r="M37" s="17">
        <v>16798</v>
      </c>
      <c r="N37" s="17">
        <v>285</v>
      </c>
      <c r="O37" s="17">
        <v>3</v>
      </c>
      <c r="P37" s="17">
        <v>113</v>
      </c>
      <c r="Q37" s="17">
        <v>169</v>
      </c>
      <c r="R37" s="17">
        <v>10097</v>
      </c>
    </row>
    <row r="38" spans="1:18">
      <c r="A38" s="21" t="s">
        <v>739</v>
      </c>
      <c r="B38" s="10" t="s">
        <v>25</v>
      </c>
      <c r="C38" s="11"/>
      <c r="D38" s="17">
        <v>789</v>
      </c>
      <c r="E38" s="17">
        <v>11</v>
      </c>
      <c r="F38" s="17">
        <v>215</v>
      </c>
      <c r="G38" s="17">
        <v>563</v>
      </c>
      <c r="H38" s="17">
        <v>31432</v>
      </c>
      <c r="I38" s="17">
        <v>469</v>
      </c>
      <c r="J38" s="17">
        <v>8</v>
      </c>
      <c r="K38" s="17">
        <v>59</v>
      </c>
      <c r="L38" s="17">
        <v>402</v>
      </c>
      <c r="M38" s="17">
        <v>21192</v>
      </c>
      <c r="N38" s="17">
        <v>320</v>
      </c>
      <c r="O38" s="17">
        <v>3</v>
      </c>
      <c r="P38" s="17">
        <v>156</v>
      </c>
      <c r="Q38" s="17">
        <v>161</v>
      </c>
      <c r="R38" s="17">
        <v>10240</v>
      </c>
    </row>
    <row r="39" spans="1:18">
      <c r="A39" s="21" t="s">
        <v>740</v>
      </c>
      <c r="B39" s="10" t="s">
        <v>25</v>
      </c>
      <c r="C39" s="11"/>
      <c r="D39" s="17">
        <v>157</v>
      </c>
      <c r="E39" s="17">
        <v>1</v>
      </c>
      <c r="F39" s="17">
        <v>35</v>
      </c>
      <c r="G39" s="17">
        <v>121</v>
      </c>
      <c r="H39" s="17">
        <v>6359</v>
      </c>
      <c r="I39" s="17">
        <v>97</v>
      </c>
      <c r="J39" s="17" t="s">
        <v>35</v>
      </c>
      <c r="K39" s="17">
        <v>12</v>
      </c>
      <c r="L39" s="17">
        <v>85</v>
      </c>
      <c r="M39" s="17">
        <v>4348</v>
      </c>
      <c r="N39" s="17">
        <v>60</v>
      </c>
      <c r="O39" s="17">
        <v>1</v>
      </c>
      <c r="P39" s="17">
        <v>23</v>
      </c>
      <c r="Q39" s="17">
        <v>36</v>
      </c>
      <c r="R39" s="17">
        <v>2011</v>
      </c>
    </row>
    <row r="40" spans="1:18">
      <c r="A40" s="21" t="s">
        <v>741</v>
      </c>
      <c r="B40" s="10" t="s">
        <v>25</v>
      </c>
      <c r="C40" s="11"/>
      <c r="D40" s="17">
        <v>1881</v>
      </c>
      <c r="E40" s="17">
        <v>43</v>
      </c>
      <c r="F40" s="17">
        <v>499</v>
      </c>
      <c r="G40" s="17">
        <v>1330</v>
      </c>
      <c r="H40" s="17">
        <v>73869</v>
      </c>
      <c r="I40" s="17">
        <v>1120</v>
      </c>
      <c r="J40" s="18">
        <v>31</v>
      </c>
      <c r="K40" s="17">
        <v>152</v>
      </c>
      <c r="L40" s="17">
        <v>931</v>
      </c>
      <c r="M40" s="17">
        <v>49196</v>
      </c>
      <c r="N40" s="17">
        <v>761</v>
      </c>
      <c r="O40" s="17">
        <v>12</v>
      </c>
      <c r="P40" s="17">
        <v>347</v>
      </c>
      <c r="Q40" s="17">
        <v>399</v>
      </c>
      <c r="R40" s="17">
        <v>24673</v>
      </c>
    </row>
    <row r="41" spans="1:18">
      <c r="A41" s="21" t="s">
        <v>742</v>
      </c>
      <c r="B41" s="10" t="s">
        <v>25</v>
      </c>
      <c r="C41" s="11"/>
      <c r="D41" s="17">
        <v>765</v>
      </c>
      <c r="E41" s="17">
        <v>21</v>
      </c>
      <c r="F41" s="17">
        <v>209</v>
      </c>
      <c r="G41" s="17">
        <v>532</v>
      </c>
      <c r="H41" s="17">
        <v>30298</v>
      </c>
      <c r="I41" s="17">
        <v>456</v>
      </c>
      <c r="J41" s="17">
        <v>13</v>
      </c>
      <c r="K41" s="17">
        <v>60</v>
      </c>
      <c r="L41" s="17">
        <v>381</v>
      </c>
      <c r="M41" s="17">
        <v>20210</v>
      </c>
      <c r="N41" s="17">
        <v>309</v>
      </c>
      <c r="O41" s="17">
        <v>8</v>
      </c>
      <c r="P41" s="17">
        <v>149</v>
      </c>
      <c r="Q41" s="17">
        <v>151</v>
      </c>
      <c r="R41" s="17">
        <v>10088</v>
      </c>
    </row>
    <row r="42" spans="1:18">
      <c r="A42" s="21" t="s">
        <v>743</v>
      </c>
      <c r="B42" s="10" t="s">
        <v>25</v>
      </c>
      <c r="C42" s="11"/>
      <c r="D42" s="18">
        <v>938</v>
      </c>
      <c r="E42" s="18">
        <v>19</v>
      </c>
      <c r="F42" s="18">
        <v>238</v>
      </c>
      <c r="G42" s="18">
        <v>676</v>
      </c>
      <c r="H42" s="18">
        <v>36804</v>
      </c>
      <c r="I42" s="18">
        <v>550</v>
      </c>
      <c r="J42" s="18">
        <v>15</v>
      </c>
      <c r="K42" s="18">
        <v>75</v>
      </c>
      <c r="L42" s="18">
        <v>457</v>
      </c>
      <c r="M42" s="18">
        <v>24159</v>
      </c>
      <c r="N42" s="18">
        <v>388</v>
      </c>
      <c r="O42" s="18">
        <v>4</v>
      </c>
      <c r="P42" s="18">
        <v>163</v>
      </c>
      <c r="Q42" s="18">
        <v>219</v>
      </c>
      <c r="R42" s="18">
        <v>12645</v>
      </c>
    </row>
    <row r="43" spans="1:18">
      <c r="A43" s="21" t="s">
        <v>744</v>
      </c>
      <c r="B43" s="10" t="s">
        <v>25</v>
      </c>
      <c r="C43" s="11"/>
      <c r="D43" s="17">
        <v>178</v>
      </c>
      <c r="E43" s="17">
        <v>3</v>
      </c>
      <c r="F43" s="17">
        <v>52</v>
      </c>
      <c r="G43" s="17">
        <v>122</v>
      </c>
      <c r="H43" s="17">
        <v>6767</v>
      </c>
      <c r="I43" s="17">
        <v>114</v>
      </c>
      <c r="J43" s="17">
        <v>3</v>
      </c>
      <c r="K43" s="17">
        <v>17</v>
      </c>
      <c r="L43" s="17">
        <v>93</v>
      </c>
      <c r="M43" s="17">
        <v>4827</v>
      </c>
      <c r="N43" s="17">
        <v>64</v>
      </c>
      <c r="O43" s="17" t="s">
        <v>35</v>
      </c>
      <c r="P43" s="17">
        <v>35</v>
      </c>
      <c r="Q43" s="17">
        <v>29</v>
      </c>
      <c r="R43" s="17">
        <v>1940</v>
      </c>
    </row>
    <row r="44" spans="1:18">
      <c r="A44" s="21" t="s">
        <v>745</v>
      </c>
      <c r="B44" s="10" t="s">
        <v>25</v>
      </c>
      <c r="C44" s="11"/>
      <c r="D44" s="17">
        <v>2502</v>
      </c>
      <c r="E44" s="18">
        <v>60</v>
      </c>
      <c r="F44" s="17">
        <v>569</v>
      </c>
      <c r="G44" s="17">
        <v>1864</v>
      </c>
      <c r="H44" s="17">
        <v>102489</v>
      </c>
      <c r="I44" s="17">
        <v>1451</v>
      </c>
      <c r="J44" s="18">
        <v>30</v>
      </c>
      <c r="K44" s="17">
        <v>188</v>
      </c>
      <c r="L44" s="17">
        <v>1227</v>
      </c>
      <c r="M44" s="17">
        <v>65979</v>
      </c>
      <c r="N44" s="17">
        <v>1051</v>
      </c>
      <c r="O44" s="18">
        <v>30</v>
      </c>
      <c r="P44" s="17">
        <v>381</v>
      </c>
      <c r="Q44" s="17">
        <v>637</v>
      </c>
      <c r="R44" s="17">
        <v>36510</v>
      </c>
    </row>
    <row r="45" spans="1:18">
      <c r="A45" s="21" t="s">
        <v>746</v>
      </c>
      <c r="B45" s="10" t="s">
        <v>25</v>
      </c>
      <c r="C45" s="11"/>
      <c r="D45" s="17">
        <v>1051</v>
      </c>
      <c r="E45" s="17">
        <v>29</v>
      </c>
      <c r="F45" s="17">
        <v>244</v>
      </c>
      <c r="G45" s="17">
        <v>774</v>
      </c>
      <c r="H45" s="17">
        <v>42671</v>
      </c>
      <c r="I45" s="17">
        <v>607</v>
      </c>
      <c r="J45" s="17">
        <v>16</v>
      </c>
      <c r="K45" s="17">
        <v>95</v>
      </c>
      <c r="L45" s="17">
        <v>494</v>
      </c>
      <c r="M45" s="17">
        <v>26826</v>
      </c>
      <c r="N45" s="17">
        <v>444</v>
      </c>
      <c r="O45" s="17">
        <v>13</v>
      </c>
      <c r="P45" s="17">
        <v>149</v>
      </c>
      <c r="Q45" s="17">
        <v>280</v>
      </c>
      <c r="R45" s="17">
        <v>15845</v>
      </c>
    </row>
    <row r="46" spans="1:18">
      <c r="A46" s="21" t="s">
        <v>747</v>
      </c>
      <c r="B46" s="10" t="s">
        <v>25</v>
      </c>
      <c r="C46" s="11"/>
      <c r="D46" s="17">
        <v>1451</v>
      </c>
      <c r="E46" s="17">
        <v>31</v>
      </c>
      <c r="F46" s="17">
        <v>325</v>
      </c>
      <c r="G46" s="17">
        <v>1090</v>
      </c>
      <c r="H46" s="17">
        <v>59818</v>
      </c>
      <c r="I46" s="17">
        <v>844</v>
      </c>
      <c r="J46" s="17">
        <v>14</v>
      </c>
      <c r="K46" s="17">
        <v>93</v>
      </c>
      <c r="L46" s="17">
        <v>733</v>
      </c>
      <c r="M46" s="17">
        <v>39153</v>
      </c>
      <c r="N46" s="17">
        <v>607</v>
      </c>
      <c r="O46" s="17">
        <v>17</v>
      </c>
      <c r="P46" s="17">
        <v>232</v>
      </c>
      <c r="Q46" s="17">
        <v>357</v>
      </c>
      <c r="R46" s="17">
        <v>20665</v>
      </c>
    </row>
    <row r="47" spans="1:18">
      <c r="A47" s="21" t="s">
        <v>748</v>
      </c>
      <c r="B47" s="10" t="s">
        <v>25</v>
      </c>
      <c r="C47" s="11"/>
      <c r="D47" s="17">
        <v>2</v>
      </c>
      <c r="E47" s="17" t="s">
        <v>35</v>
      </c>
      <c r="F47" s="17" t="s">
        <v>35</v>
      </c>
      <c r="G47" s="17">
        <v>2</v>
      </c>
      <c r="H47" s="17">
        <v>88</v>
      </c>
      <c r="I47" s="17">
        <v>2</v>
      </c>
      <c r="J47" s="17" t="s">
        <v>35</v>
      </c>
      <c r="K47" s="17" t="s">
        <v>35</v>
      </c>
      <c r="L47" s="17">
        <v>2</v>
      </c>
      <c r="M47" s="17">
        <v>88</v>
      </c>
      <c r="N47" s="17" t="s">
        <v>35</v>
      </c>
      <c r="O47" s="17" t="s">
        <v>35</v>
      </c>
      <c r="P47" s="17" t="s">
        <v>35</v>
      </c>
      <c r="Q47" s="17" t="s">
        <v>35</v>
      </c>
      <c r="R47" s="17" t="s">
        <v>35</v>
      </c>
    </row>
    <row r="48" spans="1:18">
      <c r="A48" s="21" t="s">
        <v>749</v>
      </c>
      <c r="B48" s="10" t="s">
        <v>25</v>
      </c>
      <c r="C48" s="11"/>
      <c r="D48" s="17">
        <v>2</v>
      </c>
      <c r="E48" s="18" t="s">
        <v>35</v>
      </c>
      <c r="F48" s="17" t="s">
        <v>35</v>
      </c>
      <c r="G48" s="17">
        <v>2</v>
      </c>
      <c r="H48" s="17">
        <v>88</v>
      </c>
      <c r="I48" s="17">
        <v>2</v>
      </c>
      <c r="J48" s="18" t="s">
        <v>35</v>
      </c>
      <c r="K48" s="17" t="s">
        <v>35</v>
      </c>
      <c r="L48" s="17">
        <v>2</v>
      </c>
      <c r="M48" s="17">
        <v>88</v>
      </c>
      <c r="N48" s="17" t="s">
        <v>35</v>
      </c>
      <c r="O48" s="18" t="s">
        <v>35</v>
      </c>
      <c r="P48" s="17" t="s">
        <v>35</v>
      </c>
      <c r="Q48" s="17" t="s">
        <v>35</v>
      </c>
      <c r="R48" s="17" t="s">
        <v>35</v>
      </c>
    </row>
    <row r="49" spans="1:18">
      <c r="A49" s="21" t="s">
        <v>750</v>
      </c>
      <c r="B49" s="10" t="s">
        <v>25</v>
      </c>
      <c r="C49" s="11"/>
      <c r="D49" s="17" t="s">
        <v>35</v>
      </c>
      <c r="E49" s="18" t="s">
        <v>35</v>
      </c>
      <c r="F49" s="17" t="s">
        <v>35</v>
      </c>
      <c r="G49" s="17" t="s">
        <v>35</v>
      </c>
      <c r="H49" s="17" t="s">
        <v>35</v>
      </c>
      <c r="I49" s="17" t="s">
        <v>35</v>
      </c>
      <c r="J49" s="18" t="s">
        <v>35</v>
      </c>
      <c r="K49" s="17" t="s">
        <v>35</v>
      </c>
      <c r="L49" s="17" t="s">
        <v>35</v>
      </c>
      <c r="M49" s="17" t="s">
        <v>35</v>
      </c>
      <c r="N49" s="17" t="s">
        <v>35</v>
      </c>
      <c r="O49" s="18" t="s">
        <v>35</v>
      </c>
      <c r="P49" s="17" t="s">
        <v>35</v>
      </c>
      <c r="Q49" s="17" t="s">
        <v>35</v>
      </c>
      <c r="R49" s="17" t="s">
        <v>35</v>
      </c>
    </row>
    <row r="50" spans="1:18">
      <c r="A50" s="21" t="s">
        <v>751</v>
      </c>
      <c r="B50" s="10" t="s">
        <v>25</v>
      </c>
      <c r="C50" s="11"/>
      <c r="D50" s="17" t="s">
        <v>35</v>
      </c>
      <c r="E50" s="18" t="s">
        <v>35</v>
      </c>
      <c r="F50" s="17" t="s">
        <v>35</v>
      </c>
      <c r="G50" s="17" t="s">
        <v>35</v>
      </c>
      <c r="H50" s="17" t="s">
        <v>35</v>
      </c>
      <c r="I50" s="17" t="s">
        <v>35</v>
      </c>
      <c r="J50" s="18" t="s">
        <v>35</v>
      </c>
      <c r="K50" s="17" t="s">
        <v>35</v>
      </c>
      <c r="L50" s="17" t="s">
        <v>35</v>
      </c>
      <c r="M50" s="17" t="s">
        <v>35</v>
      </c>
      <c r="N50" s="17" t="s">
        <v>35</v>
      </c>
      <c r="O50" s="18" t="s">
        <v>35</v>
      </c>
      <c r="P50" s="17" t="s">
        <v>35</v>
      </c>
      <c r="Q50" s="17" t="s">
        <v>35</v>
      </c>
      <c r="R50" s="17" t="s">
        <v>35</v>
      </c>
    </row>
    <row r="51" spans="1:18">
      <c r="A51" s="21" t="s">
        <v>752</v>
      </c>
      <c r="B51" s="10" t="s">
        <v>25</v>
      </c>
      <c r="C51" s="11"/>
      <c r="D51" s="17">
        <v>3134</v>
      </c>
      <c r="E51" s="17">
        <v>26</v>
      </c>
      <c r="F51" s="17">
        <v>793</v>
      </c>
      <c r="G51" s="17">
        <v>2311</v>
      </c>
      <c r="H51" s="17">
        <v>128426</v>
      </c>
      <c r="I51" s="17">
        <v>1843</v>
      </c>
      <c r="J51" s="18">
        <v>18</v>
      </c>
      <c r="K51" s="17">
        <v>228</v>
      </c>
      <c r="L51" s="17">
        <v>1594</v>
      </c>
      <c r="M51" s="17">
        <v>84921</v>
      </c>
      <c r="N51" s="17">
        <v>1291</v>
      </c>
      <c r="O51" s="17">
        <v>8</v>
      </c>
      <c r="P51" s="17">
        <v>565</v>
      </c>
      <c r="Q51" s="17">
        <v>717</v>
      </c>
      <c r="R51" s="17">
        <v>43505</v>
      </c>
    </row>
    <row r="52" spans="1:18">
      <c r="A52" s="21" t="s">
        <v>753</v>
      </c>
      <c r="B52" s="10" t="s">
        <v>25</v>
      </c>
      <c r="C52" s="11"/>
      <c r="D52" s="17">
        <v>1055</v>
      </c>
      <c r="E52" s="17">
        <v>14</v>
      </c>
      <c r="F52" s="17">
        <v>254</v>
      </c>
      <c r="G52" s="17">
        <v>784</v>
      </c>
      <c r="H52" s="17">
        <v>43872</v>
      </c>
      <c r="I52" s="17">
        <v>634</v>
      </c>
      <c r="J52" s="18">
        <v>10</v>
      </c>
      <c r="K52" s="17">
        <v>79</v>
      </c>
      <c r="L52" s="17">
        <v>543</v>
      </c>
      <c r="M52" s="17">
        <v>29159</v>
      </c>
      <c r="N52" s="17">
        <v>421</v>
      </c>
      <c r="O52" s="17">
        <v>4</v>
      </c>
      <c r="P52" s="17">
        <v>175</v>
      </c>
      <c r="Q52" s="17">
        <v>241</v>
      </c>
      <c r="R52" s="17">
        <v>14713</v>
      </c>
    </row>
    <row r="53" spans="1:18">
      <c r="A53" s="21" t="s">
        <v>754</v>
      </c>
      <c r="B53" s="10" t="s">
        <v>25</v>
      </c>
      <c r="C53" s="11"/>
      <c r="D53" s="17">
        <v>2079</v>
      </c>
      <c r="E53" s="18">
        <v>12</v>
      </c>
      <c r="F53" s="17">
        <v>539</v>
      </c>
      <c r="G53" s="17">
        <v>1527</v>
      </c>
      <c r="H53" s="17">
        <v>84554</v>
      </c>
      <c r="I53" s="17">
        <v>1209</v>
      </c>
      <c r="J53" s="18">
        <v>8</v>
      </c>
      <c r="K53" s="17">
        <v>149</v>
      </c>
      <c r="L53" s="17">
        <v>1051</v>
      </c>
      <c r="M53" s="17">
        <v>55762</v>
      </c>
      <c r="N53" s="17">
        <v>870</v>
      </c>
      <c r="O53" s="18">
        <v>4</v>
      </c>
      <c r="P53" s="17">
        <v>390</v>
      </c>
      <c r="Q53" s="17">
        <v>476</v>
      </c>
      <c r="R53" s="17">
        <v>28792</v>
      </c>
    </row>
    <row r="54" spans="1:18">
      <c r="A54" s="21" t="s">
        <v>755</v>
      </c>
      <c r="B54" s="10" t="s">
        <v>25</v>
      </c>
      <c r="C54" s="11"/>
      <c r="D54" s="17">
        <v>200</v>
      </c>
      <c r="E54" s="18">
        <v>5</v>
      </c>
      <c r="F54" s="17">
        <v>34</v>
      </c>
      <c r="G54" s="17">
        <v>161</v>
      </c>
      <c r="H54" s="17">
        <v>8197</v>
      </c>
      <c r="I54" s="17">
        <v>127</v>
      </c>
      <c r="J54" s="18">
        <v>1</v>
      </c>
      <c r="K54" s="17">
        <v>8</v>
      </c>
      <c r="L54" s="17">
        <v>118</v>
      </c>
      <c r="M54" s="17">
        <v>5868</v>
      </c>
      <c r="N54" s="17">
        <v>73</v>
      </c>
      <c r="O54" s="18">
        <v>4</v>
      </c>
      <c r="P54" s="17">
        <v>26</v>
      </c>
      <c r="Q54" s="17">
        <v>43</v>
      </c>
      <c r="R54" s="17">
        <v>2329</v>
      </c>
    </row>
    <row r="55" spans="1:18">
      <c r="A55" s="21" t="s">
        <v>756</v>
      </c>
      <c r="B55" s="10" t="s">
        <v>25</v>
      </c>
      <c r="C55" s="11"/>
      <c r="D55" s="17">
        <v>67</v>
      </c>
      <c r="E55" s="17">
        <v>4</v>
      </c>
      <c r="F55" s="17">
        <v>23</v>
      </c>
      <c r="G55" s="17">
        <v>40</v>
      </c>
      <c r="H55" s="17">
        <v>2390</v>
      </c>
      <c r="I55" s="17">
        <v>40</v>
      </c>
      <c r="J55" s="17">
        <v>1</v>
      </c>
      <c r="K55" s="17">
        <v>7</v>
      </c>
      <c r="L55" s="17">
        <v>32</v>
      </c>
      <c r="M55" s="17">
        <v>1704</v>
      </c>
      <c r="N55" s="17">
        <v>27</v>
      </c>
      <c r="O55" s="17">
        <v>3</v>
      </c>
      <c r="P55" s="17">
        <v>16</v>
      </c>
      <c r="Q55" s="17">
        <v>8</v>
      </c>
      <c r="R55" s="17">
        <v>686</v>
      </c>
    </row>
    <row r="56" spans="1:18">
      <c r="A56" s="21" t="s">
        <v>757</v>
      </c>
      <c r="B56" s="10" t="s">
        <v>25</v>
      </c>
      <c r="C56" s="11"/>
      <c r="D56" s="17">
        <v>133</v>
      </c>
      <c r="E56" s="17">
        <v>1</v>
      </c>
      <c r="F56" s="17">
        <v>11</v>
      </c>
      <c r="G56" s="17">
        <v>121</v>
      </c>
      <c r="H56" s="17">
        <v>5807</v>
      </c>
      <c r="I56" s="17">
        <v>87</v>
      </c>
      <c r="J56" s="17" t="s">
        <v>35</v>
      </c>
      <c r="K56" s="17">
        <v>1</v>
      </c>
      <c r="L56" s="17">
        <v>86</v>
      </c>
      <c r="M56" s="17">
        <v>4164</v>
      </c>
      <c r="N56" s="17">
        <v>46</v>
      </c>
      <c r="O56" s="17">
        <v>1</v>
      </c>
      <c r="P56" s="17">
        <v>10</v>
      </c>
      <c r="Q56" s="17">
        <v>35</v>
      </c>
      <c r="R56" s="17">
        <v>1643</v>
      </c>
    </row>
    <row r="57" spans="1:18">
      <c r="A57" s="21" t="s">
        <v>758</v>
      </c>
      <c r="B57" s="10" t="s">
        <v>25</v>
      </c>
      <c r="C57" s="11"/>
      <c r="D57" s="17" t="s">
        <v>35</v>
      </c>
      <c r="E57" s="17" t="s">
        <v>35</v>
      </c>
      <c r="F57" s="17" t="s">
        <v>35</v>
      </c>
      <c r="G57" s="17" t="s">
        <v>35</v>
      </c>
      <c r="H57" s="17" t="s">
        <v>35</v>
      </c>
      <c r="I57" s="17" t="s">
        <v>35</v>
      </c>
      <c r="J57" s="18" t="s">
        <v>35</v>
      </c>
      <c r="K57" s="17" t="s">
        <v>35</v>
      </c>
      <c r="L57" s="17" t="s">
        <v>35</v>
      </c>
      <c r="M57" s="17" t="s">
        <v>35</v>
      </c>
      <c r="N57" s="17" t="s">
        <v>35</v>
      </c>
      <c r="O57" s="17" t="s">
        <v>35</v>
      </c>
      <c r="P57" s="17" t="s">
        <v>35</v>
      </c>
      <c r="Q57" s="17" t="s">
        <v>35</v>
      </c>
      <c r="R57" s="17" t="s">
        <v>35</v>
      </c>
    </row>
    <row r="58" spans="1:18">
      <c r="A58" s="21" t="s">
        <v>759</v>
      </c>
      <c r="B58" s="10" t="s">
        <v>25</v>
      </c>
      <c r="C58" s="11"/>
      <c r="D58" s="17">
        <v>2283</v>
      </c>
      <c r="E58" s="17">
        <v>28</v>
      </c>
      <c r="F58" s="17">
        <v>606</v>
      </c>
      <c r="G58" s="17">
        <v>1649</v>
      </c>
      <c r="H58" s="17">
        <v>90979</v>
      </c>
      <c r="I58" s="17">
        <v>1271</v>
      </c>
      <c r="J58" s="17">
        <v>17</v>
      </c>
      <c r="K58" s="17">
        <v>172</v>
      </c>
      <c r="L58" s="17">
        <v>1082</v>
      </c>
      <c r="M58" s="17">
        <v>56830</v>
      </c>
      <c r="N58" s="17">
        <v>1012</v>
      </c>
      <c r="O58" s="17">
        <v>11</v>
      </c>
      <c r="P58" s="17">
        <v>434</v>
      </c>
      <c r="Q58" s="17">
        <v>567</v>
      </c>
      <c r="R58" s="17">
        <v>34149</v>
      </c>
    </row>
    <row r="59" spans="1:18">
      <c r="A59" s="21" t="s">
        <v>760</v>
      </c>
      <c r="B59" s="10" t="s">
        <v>25</v>
      </c>
      <c r="C59" s="11"/>
      <c r="D59" s="17">
        <v>214</v>
      </c>
      <c r="E59" s="17">
        <v>2</v>
      </c>
      <c r="F59" s="17">
        <v>59</v>
      </c>
      <c r="G59" s="17">
        <v>153</v>
      </c>
      <c r="H59" s="17">
        <v>8423</v>
      </c>
      <c r="I59" s="17">
        <v>122</v>
      </c>
      <c r="J59" s="17">
        <v>1</v>
      </c>
      <c r="K59" s="17">
        <v>21</v>
      </c>
      <c r="L59" s="17">
        <v>100</v>
      </c>
      <c r="M59" s="17">
        <v>5261</v>
      </c>
      <c r="N59" s="17">
        <v>92</v>
      </c>
      <c r="O59" s="17">
        <v>1</v>
      </c>
      <c r="P59" s="17">
        <v>38</v>
      </c>
      <c r="Q59" s="17">
        <v>53</v>
      </c>
      <c r="R59" s="17">
        <v>3162</v>
      </c>
    </row>
    <row r="60" spans="1:18">
      <c r="A60" s="21" t="s">
        <v>761</v>
      </c>
      <c r="B60" s="10" t="s">
        <v>25</v>
      </c>
      <c r="C60" s="11"/>
      <c r="D60" s="17">
        <v>860</v>
      </c>
      <c r="E60" s="17">
        <v>10</v>
      </c>
      <c r="F60" s="17">
        <v>248</v>
      </c>
      <c r="G60" s="17">
        <v>602</v>
      </c>
      <c r="H60" s="17">
        <v>33409</v>
      </c>
      <c r="I60" s="17">
        <v>468</v>
      </c>
      <c r="J60" s="17">
        <v>8</v>
      </c>
      <c r="K60" s="17">
        <v>74</v>
      </c>
      <c r="L60" s="17">
        <v>386</v>
      </c>
      <c r="M60" s="17">
        <v>20297</v>
      </c>
      <c r="N60" s="17">
        <v>392</v>
      </c>
      <c r="O60" s="17">
        <v>2</v>
      </c>
      <c r="P60" s="17">
        <v>174</v>
      </c>
      <c r="Q60" s="17">
        <v>216</v>
      </c>
      <c r="R60" s="17">
        <v>13112</v>
      </c>
    </row>
    <row r="61" spans="1:18">
      <c r="A61" s="21" t="s">
        <v>762</v>
      </c>
      <c r="B61" s="10" t="s">
        <v>25</v>
      </c>
      <c r="C61" s="11"/>
      <c r="D61" s="17">
        <v>1209</v>
      </c>
      <c r="E61" s="17">
        <v>16</v>
      </c>
      <c r="F61" s="17">
        <v>299</v>
      </c>
      <c r="G61" s="17">
        <v>894</v>
      </c>
      <c r="H61" s="17">
        <v>49147</v>
      </c>
      <c r="I61" s="17">
        <v>681</v>
      </c>
      <c r="J61" s="17">
        <v>8</v>
      </c>
      <c r="K61" s="17">
        <v>77</v>
      </c>
      <c r="L61" s="17">
        <v>596</v>
      </c>
      <c r="M61" s="17">
        <v>31272</v>
      </c>
      <c r="N61" s="17">
        <v>528</v>
      </c>
      <c r="O61" s="17">
        <v>8</v>
      </c>
      <c r="P61" s="17">
        <v>222</v>
      </c>
      <c r="Q61" s="17">
        <v>298</v>
      </c>
      <c r="R61" s="17">
        <v>17875</v>
      </c>
    </row>
    <row r="62" spans="1:18">
      <c r="A62" s="21" t="s">
        <v>763</v>
      </c>
      <c r="B62" s="10" t="s">
        <v>25</v>
      </c>
      <c r="C62" s="11"/>
      <c r="D62" s="17">
        <v>2720</v>
      </c>
      <c r="E62" s="17">
        <v>48</v>
      </c>
      <c r="F62" s="17">
        <v>703</v>
      </c>
      <c r="G62" s="17">
        <v>1968</v>
      </c>
      <c r="H62" s="17">
        <v>109375</v>
      </c>
      <c r="I62" s="17">
        <v>1526</v>
      </c>
      <c r="J62" s="17">
        <v>33</v>
      </c>
      <c r="K62" s="17">
        <v>194</v>
      </c>
      <c r="L62" s="17">
        <v>1298</v>
      </c>
      <c r="M62" s="17">
        <v>68342</v>
      </c>
      <c r="N62" s="17">
        <v>1194</v>
      </c>
      <c r="O62" s="17">
        <v>15</v>
      </c>
      <c r="P62" s="17">
        <v>509</v>
      </c>
      <c r="Q62" s="17">
        <v>670</v>
      </c>
      <c r="R62" s="17">
        <v>41033</v>
      </c>
    </row>
    <row r="63" spans="1:18">
      <c r="A63" s="21" t="s">
        <v>764</v>
      </c>
      <c r="B63" s="10" t="s">
        <v>25</v>
      </c>
      <c r="C63" s="11"/>
      <c r="D63" s="17">
        <v>498</v>
      </c>
      <c r="E63" s="17">
        <v>9</v>
      </c>
      <c r="F63" s="17">
        <v>93</v>
      </c>
      <c r="G63" s="17">
        <v>395</v>
      </c>
      <c r="H63" s="17">
        <v>22028</v>
      </c>
      <c r="I63" s="17">
        <v>278</v>
      </c>
      <c r="J63" s="17">
        <v>6</v>
      </c>
      <c r="K63" s="17">
        <v>25</v>
      </c>
      <c r="L63" s="17">
        <v>246</v>
      </c>
      <c r="M63" s="17">
        <v>13594</v>
      </c>
      <c r="N63" s="17">
        <v>220</v>
      </c>
      <c r="O63" s="17">
        <v>3</v>
      </c>
      <c r="P63" s="17">
        <v>68</v>
      </c>
      <c r="Q63" s="17">
        <v>149</v>
      </c>
      <c r="R63" s="17">
        <v>8434</v>
      </c>
    </row>
    <row r="64" spans="1:18">
      <c r="A64" s="21" t="s">
        <v>765</v>
      </c>
      <c r="B64" s="10" t="s">
        <v>25</v>
      </c>
      <c r="C64" s="11"/>
      <c r="D64" s="17">
        <v>674</v>
      </c>
      <c r="E64" s="17">
        <v>10</v>
      </c>
      <c r="F64" s="17">
        <v>165</v>
      </c>
      <c r="G64" s="17">
        <v>499</v>
      </c>
      <c r="H64" s="17">
        <v>27750</v>
      </c>
      <c r="I64" s="17">
        <v>376</v>
      </c>
      <c r="J64" s="17">
        <v>6</v>
      </c>
      <c r="K64" s="17">
        <v>50</v>
      </c>
      <c r="L64" s="17">
        <v>320</v>
      </c>
      <c r="M64" s="17">
        <v>16999</v>
      </c>
      <c r="N64" s="17">
        <v>298</v>
      </c>
      <c r="O64" s="18">
        <v>4</v>
      </c>
      <c r="P64" s="17">
        <v>115</v>
      </c>
      <c r="Q64" s="17">
        <v>179</v>
      </c>
      <c r="R64" s="17">
        <v>10751</v>
      </c>
    </row>
    <row r="65" spans="1:18">
      <c r="A65" s="21" t="s">
        <v>766</v>
      </c>
      <c r="B65" s="10" t="s">
        <v>25</v>
      </c>
      <c r="C65" s="11"/>
      <c r="D65" s="17">
        <v>1102</v>
      </c>
      <c r="E65" s="17">
        <v>22</v>
      </c>
      <c r="F65" s="17">
        <v>320</v>
      </c>
      <c r="G65" s="17">
        <v>760</v>
      </c>
      <c r="H65" s="17">
        <v>41993</v>
      </c>
      <c r="I65" s="17">
        <v>613</v>
      </c>
      <c r="J65" s="17">
        <v>15</v>
      </c>
      <c r="K65" s="17">
        <v>87</v>
      </c>
      <c r="L65" s="17">
        <v>511</v>
      </c>
      <c r="M65" s="17">
        <v>26306</v>
      </c>
      <c r="N65" s="17">
        <v>489</v>
      </c>
      <c r="O65" s="17">
        <v>7</v>
      </c>
      <c r="P65" s="17">
        <v>233</v>
      </c>
      <c r="Q65" s="17">
        <v>249</v>
      </c>
      <c r="R65" s="17">
        <v>15687</v>
      </c>
    </row>
    <row r="66" spans="1:18">
      <c r="A66" s="21" t="s">
        <v>767</v>
      </c>
      <c r="B66" s="10" t="s">
        <v>25</v>
      </c>
      <c r="C66" s="11"/>
      <c r="D66" s="17">
        <v>446</v>
      </c>
      <c r="E66" s="17">
        <v>7</v>
      </c>
      <c r="F66" s="17">
        <v>125</v>
      </c>
      <c r="G66" s="17">
        <v>314</v>
      </c>
      <c r="H66" s="17">
        <v>17604</v>
      </c>
      <c r="I66" s="17">
        <v>259</v>
      </c>
      <c r="J66" s="17">
        <v>6</v>
      </c>
      <c r="K66" s="17">
        <v>32</v>
      </c>
      <c r="L66" s="17">
        <v>221</v>
      </c>
      <c r="M66" s="17">
        <v>11443</v>
      </c>
      <c r="N66" s="17">
        <v>187</v>
      </c>
      <c r="O66" s="17">
        <v>1</v>
      </c>
      <c r="P66" s="17">
        <v>93</v>
      </c>
      <c r="Q66" s="17">
        <v>93</v>
      </c>
      <c r="R66" s="17">
        <v>6161</v>
      </c>
    </row>
    <row r="67" spans="1:18">
      <c r="A67" s="21" t="s">
        <v>768</v>
      </c>
      <c r="B67" s="10" t="s">
        <v>25</v>
      </c>
      <c r="C67" s="11"/>
      <c r="D67" s="17">
        <v>2350</v>
      </c>
      <c r="E67" s="17">
        <v>45</v>
      </c>
      <c r="F67" s="17">
        <v>663</v>
      </c>
      <c r="G67" s="17">
        <v>1630</v>
      </c>
      <c r="H67" s="17">
        <v>91796</v>
      </c>
      <c r="I67" s="17">
        <v>1352</v>
      </c>
      <c r="J67" s="17">
        <v>31</v>
      </c>
      <c r="K67" s="17">
        <v>207</v>
      </c>
      <c r="L67" s="17">
        <v>1107</v>
      </c>
      <c r="M67" s="17">
        <v>59083</v>
      </c>
      <c r="N67" s="17">
        <v>998</v>
      </c>
      <c r="O67" s="17">
        <v>14</v>
      </c>
      <c r="P67" s="17">
        <v>456</v>
      </c>
      <c r="Q67" s="17">
        <v>523</v>
      </c>
      <c r="R67" s="17">
        <v>32713</v>
      </c>
    </row>
    <row r="68" spans="1:18">
      <c r="A68" s="21" t="s">
        <v>769</v>
      </c>
      <c r="B68" s="10" t="s">
        <v>25</v>
      </c>
      <c r="C68" s="11"/>
      <c r="D68" s="17">
        <v>434</v>
      </c>
      <c r="E68" s="17">
        <v>5</v>
      </c>
      <c r="F68" s="17">
        <v>131</v>
      </c>
      <c r="G68" s="17">
        <v>297</v>
      </c>
      <c r="H68" s="17">
        <v>16772</v>
      </c>
      <c r="I68" s="17">
        <v>234</v>
      </c>
      <c r="J68" s="17">
        <v>3</v>
      </c>
      <c r="K68" s="17">
        <v>40</v>
      </c>
      <c r="L68" s="17">
        <v>191</v>
      </c>
      <c r="M68" s="17">
        <v>10278</v>
      </c>
      <c r="N68" s="17">
        <v>200</v>
      </c>
      <c r="O68" s="17">
        <v>2</v>
      </c>
      <c r="P68" s="17">
        <v>91</v>
      </c>
      <c r="Q68" s="17">
        <v>106</v>
      </c>
      <c r="R68" s="17">
        <v>6494</v>
      </c>
    </row>
    <row r="69" spans="1:18">
      <c r="A69" s="21" t="s">
        <v>770</v>
      </c>
      <c r="B69" s="10" t="s">
        <v>25</v>
      </c>
      <c r="C69" s="11"/>
      <c r="D69" s="17">
        <v>731</v>
      </c>
      <c r="E69" s="17">
        <v>15</v>
      </c>
      <c r="F69" s="17">
        <v>220</v>
      </c>
      <c r="G69" s="17">
        <v>488</v>
      </c>
      <c r="H69" s="17">
        <v>27855</v>
      </c>
      <c r="I69" s="17">
        <v>411</v>
      </c>
      <c r="J69" s="17">
        <v>7</v>
      </c>
      <c r="K69" s="17">
        <v>72</v>
      </c>
      <c r="L69" s="17">
        <v>325</v>
      </c>
      <c r="M69" s="17">
        <v>17523</v>
      </c>
      <c r="N69" s="17">
        <v>320</v>
      </c>
      <c r="O69" s="17">
        <v>8</v>
      </c>
      <c r="P69" s="17">
        <v>148</v>
      </c>
      <c r="Q69" s="17">
        <v>163</v>
      </c>
      <c r="R69" s="17">
        <v>10332</v>
      </c>
    </row>
    <row r="70" spans="1:18">
      <c r="A70" s="21" t="s">
        <v>771</v>
      </c>
      <c r="B70" s="10" t="s">
        <v>25</v>
      </c>
      <c r="C70" s="11"/>
      <c r="D70" s="17">
        <v>650</v>
      </c>
      <c r="E70" s="17">
        <v>11</v>
      </c>
      <c r="F70" s="17">
        <v>169</v>
      </c>
      <c r="G70" s="17">
        <v>469</v>
      </c>
      <c r="H70" s="17">
        <v>26392</v>
      </c>
      <c r="I70" s="17">
        <v>386</v>
      </c>
      <c r="J70" s="17">
        <v>9</v>
      </c>
      <c r="K70" s="17">
        <v>51</v>
      </c>
      <c r="L70" s="17">
        <v>326</v>
      </c>
      <c r="M70" s="17">
        <v>17349</v>
      </c>
      <c r="N70" s="17">
        <v>264</v>
      </c>
      <c r="O70" s="17">
        <v>2</v>
      </c>
      <c r="P70" s="17">
        <v>118</v>
      </c>
      <c r="Q70" s="17">
        <v>143</v>
      </c>
      <c r="R70" s="17">
        <v>9043</v>
      </c>
    </row>
    <row r="71" spans="1:18">
      <c r="A71" s="21" t="s">
        <v>772</v>
      </c>
      <c r="B71" s="10" t="s">
        <v>25</v>
      </c>
      <c r="C71" s="11"/>
      <c r="D71" s="17">
        <v>535</v>
      </c>
      <c r="E71" s="17">
        <v>14</v>
      </c>
      <c r="F71" s="17">
        <v>143</v>
      </c>
      <c r="G71" s="17">
        <v>376</v>
      </c>
      <c r="H71" s="17">
        <v>20777</v>
      </c>
      <c r="I71" s="17">
        <v>321</v>
      </c>
      <c r="J71" s="17">
        <v>12</v>
      </c>
      <c r="K71" s="17">
        <v>44</v>
      </c>
      <c r="L71" s="17">
        <v>265</v>
      </c>
      <c r="M71" s="17">
        <v>13933</v>
      </c>
      <c r="N71" s="17">
        <v>214</v>
      </c>
      <c r="O71" s="17">
        <v>2</v>
      </c>
      <c r="P71" s="17">
        <v>99</v>
      </c>
      <c r="Q71" s="17">
        <v>111</v>
      </c>
      <c r="R71" s="17">
        <v>6844</v>
      </c>
    </row>
    <row r="72" spans="1:18">
      <c r="A72" s="21" t="s">
        <v>773</v>
      </c>
      <c r="B72" s="10" t="s">
        <v>25</v>
      </c>
      <c r="C72" s="11"/>
      <c r="D72" s="17" t="s">
        <v>35</v>
      </c>
      <c r="E72" s="17" t="s">
        <v>35</v>
      </c>
      <c r="F72" s="17" t="s">
        <v>35</v>
      </c>
      <c r="G72" s="17" t="s">
        <v>35</v>
      </c>
      <c r="H72" s="17" t="s">
        <v>35</v>
      </c>
      <c r="I72" s="17" t="s">
        <v>35</v>
      </c>
      <c r="J72" s="17" t="s">
        <v>35</v>
      </c>
      <c r="K72" s="17" t="s">
        <v>35</v>
      </c>
      <c r="L72" s="17" t="s">
        <v>35</v>
      </c>
      <c r="M72" s="17" t="s">
        <v>35</v>
      </c>
      <c r="N72" s="17" t="s">
        <v>35</v>
      </c>
      <c r="O72" s="17" t="s">
        <v>35</v>
      </c>
      <c r="P72" s="17" t="s">
        <v>35</v>
      </c>
      <c r="Q72" s="17" t="s">
        <v>35</v>
      </c>
      <c r="R72" s="17" t="s">
        <v>35</v>
      </c>
    </row>
    <row r="73" spans="1:18">
      <c r="A73" s="21" t="s">
        <v>774</v>
      </c>
      <c r="B73" s="10" t="s">
        <v>25</v>
      </c>
      <c r="C73" s="11"/>
      <c r="D73" s="17">
        <v>3289</v>
      </c>
      <c r="E73" s="17">
        <v>52</v>
      </c>
      <c r="F73" s="17">
        <v>739</v>
      </c>
      <c r="G73" s="17">
        <v>2496</v>
      </c>
      <c r="H73" s="17">
        <v>133803</v>
      </c>
      <c r="I73" s="17">
        <v>1943</v>
      </c>
      <c r="J73" s="17">
        <v>29</v>
      </c>
      <c r="K73" s="17">
        <v>232</v>
      </c>
      <c r="L73" s="17">
        <v>1680</v>
      </c>
      <c r="M73" s="17">
        <v>87210</v>
      </c>
      <c r="N73" s="17">
        <v>1346</v>
      </c>
      <c r="O73" s="17">
        <v>23</v>
      </c>
      <c r="P73" s="17">
        <v>507</v>
      </c>
      <c r="Q73" s="17">
        <v>816</v>
      </c>
      <c r="R73" s="17">
        <v>46593</v>
      </c>
    </row>
    <row r="74" spans="1:18">
      <c r="A74" s="21" t="s">
        <v>775</v>
      </c>
      <c r="B74" s="10" t="s">
        <v>25</v>
      </c>
      <c r="C74" s="11"/>
      <c r="D74" s="17">
        <v>725</v>
      </c>
      <c r="E74" s="17">
        <v>11</v>
      </c>
      <c r="F74" s="17">
        <v>167</v>
      </c>
      <c r="G74" s="17">
        <v>546</v>
      </c>
      <c r="H74" s="17">
        <v>29587</v>
      </c>
      <c r="I74" s="17">
        <v>418</v>
      </c>
      <c r="J74" s="17">
        <v>8</v>
      </c>
      <c r="K74" s="17">
        <v>53</v>
      </c>
      <c r="L74" s="17">
        <v>356</v>
      </c>
      <c r="M74" s="17">
        <v>18621</v>
      </c>
      <c r="N74" s="17">
        <v>307</v>
      </c>
      <c r="O74" s="17">
        <v>3</v>
      </c>
      <c r="P74" s="17">
        <v>114</v>
      </c>
      <c r="Q74" s="17">
        <v>190</v>
      </c>
      <c r="R74" s="17">
        <v>10966</v>
      </c>
    </row>
    <row r="75" spans="1:18">
      <c r="A75" s="21" t="s">
        <v>776</v>
      </c>
      <c r="B75" s="10" t="s">
        <v>25</v>
      </c>
      <c r="C75" s="11"/>
      <c r="D75" s="17">
        <v>696</v>
      </c>
      <c r="E75" s="17">
        <v>14</v>
      </c>
      <c r="F75" s="17">
        <v>144</v>
      </c>
      <c r="G75" s="17">
        <v>538</v>
      </c>
      <c r="H75" s="17">
        <v>28301</v>
      </c>
      <c r="I75" s="17">
        <v>448</v>
      </c>
      <c r="J75" s="18">
        <v>5</v>
      </c>
      <c r="K75" s="17">
        <v>40</v>
      </c>
      <c r="L75" s="17">
        <v>403</v>
      </c>
      <c r="M75" s="17">
        <v>20430</v>
      </c>
      <c r="N75" s="17">
        <v>248</v>
      </c>
      <c r="O75" s="17">
        <v>9</v>
      </c>
      <c r="P75" s="17">
        <v>104</v>
      </c>
      <c r="Q75" s="17">
        <v>135</v>
      </c>
      <c r="R75" s="17">
        <v>7871</v>
      </c>
    </row>
    <row r="76" spans="1:18">
      <c r="A76" s="21" t="s">
        <v>777</v>
      </c>
      <c r="B76" s="10" t="s">
        <v>25</v>
      </c>
      <c r="C76" s="11"/>
      <c r="D76" s="17">
        <v>1313</v>
      </c>
      <c r="E76" s="17">
        <v>23</v>
      </c>
      <c r="F76" s="17">
        <v>320</v>
      </c>
      <c r="G76" s="17">
        <v>970</v>
      </c>
      <c r="H76" s="17">
        <v>52462</v>
      </c>
      <c r="I76" s="17">
        <v>734</v>
      </c>
      <c r="J76" s="17">
        <v>14</v>
      </c>
      <c r="K76" s="17">
        <v>102</v>
      </c>
      <c r="L76" s="17">
        <v>618</v>
      </c>
      <c r="M76" s="17">
        <v>32515</v>
      </c>
      <c r="N76" s="17">
        <v>579</v>
      </c>
      <c r="O76" s="17">
        <v>9</v>
      </c>
      <c r="P76" s="17">
        <v>218</v>
      </c>
      <c r="Q76" s="17">
        <v>352</v>
      </c>
      <c r="R76" s="17">
        <v>19947</v>
      </c>
    </row>
    <row r="77" spans="1:18">
      <c r="A77" s="21" t="s">
        <v>778</v>
      </c>
      <c r="B77" s="10" t="s">
        <v>25</v>
      </c>
      <c r="C77" s="11"/>
      <c r="D77" s="17">
        <v>555</v>
      </c>
      <c r="E77" s="17">
        <v>4</v>
      </c>
      <c r="F77" s="17">
        <v>108</v>
      </c>
      <c r="G77" s="17">
        <v>442</v>
      </c>
      <c r="H77" s="17">
        <v>23453</v>
      </c>
      <c r="I77" s="17">
        <v>343</v>
      </c>
      <c r="J77" s="17">
        <v>2</v>
      </c>
      <c r="K77" s="17">
        <v>37</v>
      </c>
      <c r="L77" s="17">
        <v>303</v>
      </c>
      <c r="M77" s="17">
        <v>15644</v>
      </c>
      <c r="N77" s="17">
        <v>212</v>
      </c>
      <c r="O77" s="17">
        <v>2</v>
      </c>
      <c r="P77" s="17">
        <v>71</v>
      </c>
      <c r="Q77" s="17">
        <v>139</v>
      </c>
      <c r="R77" s="17">
        <v>7809</v>
      </c>
    </row>
    <row r="78" spans="1:18">
      <c r="A78" s="21" t="s">
        <v>779</v>
      </c>
      <c r="B78" s="10" t="s">
        <v>25</v>
      </c>
      <c r="C78" s="11"/>
      <c r="D78" s="17">
        <v>116</v>
      </c>
      <c r="E78" s="17">
        <v>2</v>
      </c>
      <c r="F78" s="17">
        <v>7</v>
      </c>
      <c r="G78" s="17">
        <v>107</v>
      </c>
      <c r="H78" s="17">
        <v>4047</v>
      </c>
      <c r="I78" s="17">
        <v>75</v>
      </c>
      <c r="J78" s="17">
        <v>1</v>
      </c>
      <c r="K78" s="17">
        <v>4</v>
      </c>
      <c r="L78" s="17">
        <v>70</v>
      </c>
      <c r="M78" s="17">
        <v>2584</v>
      </c>
      <c r="N78" s="17">
        <v>41</v>
      </c>
      <c r="O78" s="17">
        <v>1</v>
      </c>
      <c r="P78" s="17">
        <v>3</v>
      </c>
      <c r="Q78" s="17">
        <v>37</v>
      </c>
      <c r="R78" s="17">
        <v>1463</v>
      </c>
    </row>
    <row r="79" spans="1:18">
      <c r="A79" s="21" t="s">
        <v>780</v>
      </c>
      <c r="B79" s="10" t="s">
        <v>25</v>
      </c>
      <c r="C79" s="11"/>
      <c r="D79" s="17">
        <v>8</v>
      </c>
      <c r="E79" s="17">
        <v>1</v>
      </c>
      <c r="F79" s="17">
        <v>2</v>
      </c>
      <c r="G79" s="17">
        <v>5</v>
      </c>
      <c r="H79" s="17">
        <v>267</v>
      </c>
      <c r="I79" s="17">
        <v>2</v>
      </c>
      <c r="J79" s="17" t="s">
        <v>35</v>
      </c>
      <c r="K79" s="17">
        <v>1</v>
      </c>
      <c r="L79" s="17">
        <v>1</v>
      </c>
      <c r="M79" s="17">
        <v>65</v>
      </c>
      <c r="N79" s="17">
        <v>6</v>
      </c>
      <c r="O79" s="17">
        <v>1</v>
      </c>
      <c r="P79" s="17">
        <v>1</v>
      </c>
      <c r="Q79" s="17">
        <v>4</v>
      </c>
      <c r="R79" s="17">
        <v>202</v>
      </c>
    </row>
    <row r="80" spans="1:18">
      <c r="A80" s="21" t="s">
        <v>781</v>
      </c>
      <c r="B80" s="10" t="s">
        <v>25</v>
      </c>
      <c r="C80" s="11"/>
      <c r="D80" s="17">
        <v>100</v>
      </c>
      <c r="E80" s="17">
        <v>1</v>
      </c>
      <c r="F80" s="17" t="s">
        <v>35</v>
      </c>
      <c r="G80" s="17">
        <v>99</v>
      </c>
      <c r="H80" s="17">
        <v>3471</v>
      </c>
      <c r="I80" s="17">
        <v>69</v>
      </c>
      <c r="J80" s="17">
        <v>1</v>
      </c>
      <c r="K80" s="17" t="s">
        <v>35</v>
      </c>
      <c r="L80" s="17">
        <v>68</v>
      </c>
      <c r="M80" s="17">
        <v>2383</v>
      </c>
      <c r="N80" s="17">
        <v>31</v>
      </c>
      <c r="O80" s="18" t="s">
        <v>35</v>
      </c>
      <c r="P80" s="17" t="s">
        <v>35</v>
      </c>
      <c r="Q80" s="17">
        <v>31</v>
      </c>
      <c r="R80" s="17">
        <v>1088</v>
      </c>
    </row>
    <row r="81" spans="1:18">
      <c r="A81" s="21" t="s">
        <v>782</v>
      </c>
      <c r="B81" s="10" t="s">
        <v>52</v>
      </c>
      <c r="C81" s="11" t="s">
        <v>53</v>
      </c>
      <c r="D81" s="17">
        <v>8</v>
      </c>
      <c r="E81" s="17" t="s">
        <v>35</v>
      </c>
      <c r="F81" s="17">
        <v>5</v>
      </c>
      <c r="G81" s="17">
        <v>3</v>
      </c>
      <c r="H81" s="17">
        <v>309</v>
      </c>
      <c r="I81" s="17">
        <v>4</v>
      </c>
      <c r="J81" s="17" t="s">
        <v>35</v>
      </c>
      <c r="K81" s="17">
        <v>3</v>
      </c>
      <c r="L81" s="17">
        <v>1</v>
      </c>
      <c r="M81" s="17">
        <v>136</v>
      </c>
      <c r="N81" s="17">
        <v>4</v>
      </c>
      <c r="O81" s="18" t="s">
        <v>35</v>
      </c>
      <c r="P81" s="17">
        <v>2</v>
      </c>
      <c r="Q81" s="17">
        <v>2</v>
      </c>
      <c r="R81" s="17">
        <v>173</v>
      </c>
    </row>
    <row r="82" spans="1:18">
      <c r="A82" s="21" t="s">
        <v>783</v>
      </c>
      <c r="B82" s="10" t="s">
        <v>58</v>
      </c>
      <c r="C82" s="11" t="s">
        <v>53</v>
      </c>
      <c r="D82" s="36" t="s">
        <v>59</v>
      </c>
      <c r="E82" s="36" t="s">
        <v>59</v>
      </c>
      <c r="F82" s="36" t="s">
        <v>59</v>
      </c>
      <c r="G82" s="36" t="s">
        <v>59</v>
      </c>
      <c r="H82" s="36" t="s">
        <v>59</v>
      </c>
      <c r="I82" s="36" t="s">
        <v>59</v>
      </c>
      <c r="J82" s="36" t="s">
        <v>59</v>
      </c>
      <c r="K82" s="36" t="s">
        <v>59</v>
      </c>
      <c r="L82" s="36" t="s">
        <v>59</v>
      </c>
      <c r="M82" s="36" t="s">
        <v>59</v>
      </c>
      <c r="N82" s="36" t="s">
        <v>59</v>
      </c>
      <c r="O82" s="36" t="s">
        <v>59</v>
      </c>
      <c r="P82" s="36" t="s">
        <v>59</v>
      </c>
      <c r="Q82" s="36" t="s">
        <v>59</v>
      </c>
      <c r="R82" s="36" t="s">
        <v>59</v>
      </c>
    </row>
    <row r="83" spans="1:18">
      <c r="A83" s="21" t="s">
        <v>375</v>
      </c>
      <c r="B83" s="10" t="s">
        <v>25</v>
      </c>
      <c r="C83" s="11"/>
      <c r="D83" s="17" t="s">
        <v>35</v>
      </c>
      <c r="E83" s="18" t="s">
        <v>35</v>
      </c>
      <c r="F83" s="17" t="s">
        <v>35</v>
      </c>
      <c r="G83" s="17" t="s">
        <v>35</v>
      </c>
      <c r="H83" s="17" t="s">
        <v>35</v>
      </c>
      <c r="I83" s="17" t="s">
        <v>35</v>
      </c>
      <c r="J83" s="18" t="s">
        <v>35</v>
      </c>
      <c r="K83" s="17" t="s">
        <v>35</v>
      </c>
      <c r="L83" s="17" t="s">
        <v>35</v>
      </c>
      <c r="M83" s="17" t="s">
        <v>35</v>
      </c>
      <c r="N83" s="17" t="s">
        <v>35</v>
      </c>
      <c r="O83" s="18" t="s">
        <v>35</v>
      </c>
      <c r="P83" s="17" t="s">
        <v>35</v>
      </c>
      <c r="Q83" s="17" t="s">
        <v>35</v>
      </c>
      <c r="R83" s="17" t="s">
        <v>35</v>
      </c>
    </row>
    <row r="84" spans="1:18">
      <c r="A84" s="21"/>
      <c r="B84" s="10"/>
      <c r="C84" s="11"/>
      <c r="D84" s="26"/>
      <c r="E84" s="26"/>
      <c r="F84" s="26"/>
      <c r="G84" s="26"/>
      <c r="H84" s="26"/>
      <c r="I84" s="26"/>
      <c r="J84" s="26"/>
      <c r="K84" s="26"/>
      <c r="L84" s="26"/>
      <c r="M84" s="26"/>
      <c r="N84" s="26"/>
      <c r="O84" s="26"/>
      <c r="P84" s="26"/>
      <c r="Q84" s="26"/>
      <c r="R84" s="26"/>
    </row>
    <row r="85" spans="1:18">
      <c r="B85" s="28"/>
      <c r="C85" s="28"/>
    </row>
    <row r="86" spans="1:18">
      <c r="B86" s="28"/>
      <c r="C86" s="28"/>
    </row>
    <row r="87" spans="1:18">
      <c r="B87" s="28"/>
      <c r="C87" s="28"/>
    </row>
    <row r="88" spans="1:18">
      <c r="B88" s="28"/>
      <c r="C88" s="28"/>
    </row>
    <row r="89" spans="1:18">
      <c r="B89" s="28"/>
      <c r="C89" s="28"/>
    </row>
    <row r="90" spans="1:18">
      <c r="B90" s="28"/>
      <c r="C90" s="28"/>
    </row>
    <row r="91" spans="1:18">
      <c r="B91" s="28"/>
      <c r="C91" s="28"/>
    </row>
    <row r="92" spans="1:18">
      <c r="B92" s="28"/>
      <c r="C92" s="28"/>
    </row>
    <row r="93" spans="1:18">
      <c r="B93" s="28"/>
      <c r="C93" s="28"/>
    </row>
    <row r="94" spans="1:18">
      <c r="B94" s="28"/>
      <c r="C94" s="28"/>
    </row>
    <row r="95" spans="1:18">
      <c r="B95" s="28"/>
      <c r="C95" s="28"/>
    </row>
    <row r="96" spans="1:18">
      <c r="B96" s="28"/>
      <c r="C96" s="28"/>
    </row>
    <row r="97" spans="2:3">
      <c r="B97" s="28"/>
      <c r="C97" s="28"/>
    </row>
    <row r="98" spans="2:3">
      <c r="B98" s="28"/>
      <c r="C98" s="28"/>
    </row>
    <row r="99" spans="2:3">
      <c r="B99" s="28"/>
      <c r="C99" s="28"/>
    </row>
    <row r="100" spans="2:3">
      <c r="B100" s="28"/>
      <c r="C100" s="28"/>
    </row>
    <row r="101" spans="2:3">
      <c r="B101" s="28"/>
      <c r="C101" s="28"/>
    </row>
  </sheetData>
  <mergeCells count="7">
    <mergeCell ref="A1:D1"/>
    <mergeCell ref="A3:R3"/>
    <mergeCell ref="A6:A7"/>
    <mergeCell ref="B6:C7"/>
    <mergeCell ref="D6:H6"/>
    <mergeCell ref="I6:M6"/>
    <mergeCell ref="N6:R6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65" fitToHeight="0" pageOrder="overThenDown" orientation="landscape" horizontalDpi="300" verticalDpi="300" r:id="rId1"/>
  <headerFooter alignWithMargins="0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R81"/>
  <sheetViews>
    <sheetView zoomScaleNormal="100" workbookViewId="0">
      <selection activeCell="A3" sqref="A3:R3"/>
    </sheetView>
  </sheetViews>
  <sheetFormatPr defaultRowHeight="13.5"/>
  <cols>
    <col min="1" max="1" width="25.83203125" style="12" customWidth="1"/>
    <col min="2" max="3" width="4.83203125" style="12" customWidth="1"/>
    <col min="4" max="4" width="22.1640625" style="9" customWidth="1"/>
    <col min="5" max="5" width="13.6640625" style="9" bestFit="1" customWidth="1"/>
    <col min="6" max="7" width="19.5" style="9" bestFit="1" customWidth="1"/>
    <col min="8" max="8" width="30.33203125" style="9" bestFit="1" customWidth="1"/>
    <col min="9" max="9" width="22.1640625" style="9" customWidth="1"/>
    <col min="10" max="10" width="13.6640625" style="9" bestFit="1" customWidth="1"/>
    <col min="11" max="12" width="19.5" style="9" bestFit="1" customWidth="1"/>
    <col min="13" max="13" width="30.33203125" style="9" bestFit="1" customWidth="1"/>
    <col min="14" max="14" width="22.6640625" style="9" customWidth="1"/>
    <col min="15" max="15" width="13.6640625" style="9" bestFit="1" customWidth="1"/>
    <col min="16" max="17" width="19.5" style="9" bestFit="1" customWidth="1"/>
    <col min="18" max="18" width="30.33203125" style="9" bestFit="1" customWidth="1"/>
    <col min="19" max="16384" width="9.33203125" style="9"/>
  </cols>
  <sheetData>
    <row r="1" spans="1:18" s="1" customFormat="1" ht="16.5" customHeight="1">
      <c r="A1" s="37" t="s">
        <v>0</v>
      </c>
      <c r="B1" s="37"/>
      <c r="C1" s="37"/>
      <c r="D1" s="37"/>
      <c r="E1" s="31"/>
      <c r="F1" s="31"/>
      <c r="G1" s="31"/>
      <c r="H1" s="31"/>
      <c r="I1" s="32"/>
      <c r="J1" s="32"/>
      <c r="K1" s="32"/>
      <c r="L1" s="32"/>
      <c r="M1" s="32"/>
      <c r="N1" s="32"/>
      <c r="O1" s="32"/>
      <c r="P1" s="31"/>
      <c r="Q1" s="31"/>
      <c r="R1" s="31"/>
    </row>
    <row r="2" spans="1:18" s="1" customFormat="1" ht="16.5" customHeight="1">
      <c r="D2" s="31"/>
      <c r="E2" s="31"/>
      <c r="F2" s="31"/>
      <c r="G2" s="31"/>
      <c r="H2" s="31"/>
      <c r="I2" s="32"/>
      <c r="J2" s="32"/>
      <c r="K2" s="32"/>
      <c r="L2" s="32"/>
      <c r="M2" s="32"/>
      <c r="N2" s="32"/>
      <c r="O2" s="32"/>
      <c r="P2" s="31"/>
      <c r="Q2" s="31"/>
      <c r="R2" s="31"/>
    </row>
    <row r="3" spans="1:18">
      <c r="A3" s="38" t="s">
        <v>2462</v>
      </c>
      <c r="B3" s="38"/>
      <c r="C3" s="38"/>
      <c r="D3" s="38"/>
      <c r="E3" s="38"/>
      <c r="F3" s="38"/>
      <c r="G3" s="38"/>
      <c r="H3" s="38"/>
      <c r="I3" s="38"/>
      <c r="J3" s="38"/>
      <c r="K3" s="38"/>
      <c r="L3" s="38"/>
      <c r="M3" s="38"/>
      <c r="N3" s="38"/>
      <c r="O3" s="38"/>
      <c r="P3" s="38"/>
      <c r="Q3" s="38"/>
      <c r="R3" s="38"/>
    </row>
    <row r="4" spans="1:18">
      <c r="A4" s="9"/>
      <c r="B4" s="9"/>
      <c r="C4" s="9"/>
    </row>
    <row r="6" spans="1:18" ht="13.5" customHeight="1">
      <c r="A6" s="48" t="s">
        <v>26</v>
      </c>
      <c r="B6" s="41" t="s">
        <v>27</v>
      </c>
      <c r="C6" s="42"/>
      <c r="D6" s="45" t="s">
        <v>2463</v>
      </c>
      <c r="E6" s="46"/>
      <c r="F6" s="46"/>
      <c r="G6" s="46"/>
      <c r="H6" s="47"/>
      <c r="I6" s="45" t="s">
        <v>2464</v>
      </c>
      <c r="J6" s="46"/>
      <c r="K6" s="46"/>
      <c r="L6" s="46"/>
      <c r="M6" s="47"/>
      <c r="N6" s="45" t="s">
        <v>2465</v>
      </c>
      <c r="O6" s="46"/>
      <c r="P6" s="46"/>
      <c r="Q6" s="46"/>
      <c r="R6" s="47"/>
    </row>
    <row r="7" spans="1:18" s="23" customFormat="1">
      <c r="A7" s="49"/>
      <c r="B7" s="43"/>
      <c r="C7" s="44"/>
      <c r="D7" s="29" t="s">
        <v>2466</v>
      </c>
      <c r="E7" s="29" t="s">
        <v>2467</v>
      </c>
      <c r="F7" s="29" t="s">
        <v>2468</v>
      </c>
      <c r="G7" s="29" t="s">
        <v>2469</v>
      </c>
      <c r="H7" s="29" t="s">
        <v>2470</v>
      </c>
      <c r="I7" s="29" t="s">
        <v>2471</v>
      </c>
      <c r="J7" s="29" t="s">
        <v>2467</v>
      </c>
      <c r="K7" s="29" t="s">
        <v>2468</v>
      </c>
      <c r="L7" s="29" t="s">
        <v>2469</v>
      </c>
      <c r="M7" s="29" t="s">
        <v>2470</v>
      </c>
      <c r="N7" s="29" t="s">
        <v>2471</v>
      </c>
      <c r="O7" s="29" t="s">
        <v>2467</v>
      </c>
      <c r="P7" s="29" t="s">
        <v>2468</v>
      </c>
      <c r="Q7" s="29" t="s">
        <v>2469</v>
      </c>
      <c r="R7" s="29" t="s">
        <v>2470</v>
      </c>
    </row>
    <row r="8" spans="1:18" s="15" customFormat="1">
      <c r="A8" s="20" t="s">
        <v>784</v>
      </c>
      <c r="B8" s="13"/>
      <c r="C8" s="14" t="s">
        <v>25</v>
      </c>
      <c r="D8" s="16">
        <v>33127</v>
      </c>
      <c r="E8" s="16">
        <v>507</v>
      </c>
      <c r="F8" s="16">
        <v>8200</v>
      </c>
      <c r="G8" s="16">
        <v>24389</v>
      </c>
      <c r="H8" s="16">
        <v>1344855</v>
      </c>
      <c r="I8" s="16">
        <v>19494</v>
      </c>
      <c r="J8" s="16">
        <v>334</v>
      </c>
      <c r="K8" s="16">
        <v>2400</v>
      </c>
      <c r="L8" s="16">
        <v>16741</v>
      </c>
      <c r="M8" s="16">
        <v>881739</v>
      </c>
      <c r="N8" s="16">
        <v>13633</v>
      </c>
      <c r="O8" s="16">
        <v>173</v>
      </c>
      <c r="P8" s="16">
        <v>5800</v>
      </c>
      <c r="Q8" s="16">
        <v>7648</v>
      </c>
      <c r="R8" s="16">
        <v>463116</v>
      </c>
    </row>
    <row r="9" spans="1:18">
      <c r="A9" s="30" t="s">
        <v>785</v>
      </c>
      <c r="B9" s="10"/>
      <c r="C9" s="11" t="s">
        <v>25</v>
      </c>
      <c r="D9" s="17">
        <v>4508</v>
      </c>
      <c r="E9" s="17">
        <v>75</v>
      </c>
      <c r="F9" s="17">
        <v>1013</v>
      </c>
      <c r="G9" s="17">
        <v>3413</v>
      </c>
      <c r="H9" s="17">
        <v>187681</v>
      </c>
      <c r="I9" s="17">
        <v>2686</v>
      </c>
      <c r="J9" s="17">
        <v>50</v>
      </c>
      <c r="K9" s="17">
        <v>295</v>
      </c>
      <c r="L9" s="17">
        <v>2338</v>
      </c>
      <c r="M9" s="17">
        <v>124229</v>
      </c>
      <c r="N9" s="17">
        <v>1822</v>
      </c>
      <c r="O9" s="17">
        <v>25</v>
      </c>
      <c r="P9" s="17">
        <v>718</v>
      </c>
      <c r="Q9" s="17">
        <v>1075</v>
      </c>
      <c r="R9" s="17">
        <v>63452</v>
      </c>
    </row>
    <row r="10" spans="1:18">
      <c r="A10" s="21" t="s">
        <v>786</v>
      </c>
      <c r="B10" s="10"/>
      <c r="C10" s="11" t="s">
        <v>25</v>
      </c>
      <c r="D10" s="17">
        <v>1616</v>
      </c>
      <c r="E10" s="17">
        <v>30</v>
      </c>
      <c r="F10" s="17">
        <v>334</v>
      </c>
      <c r="G10" s="17">
        <v>1251</v>
      </c>
      <c r="H10" s="17">
        <v>68635</v>
      </c>
      <c r="I10" s="17">
        <v>953</v>
      </c>
      <c r="J10" s="17">
        <v>20</v>
      </c>
      <c r="K10" s="17">
        <v>95</v>
      </c>
      <c r="L10" s="17">
        <v>837</v>
      </c>
      <c r="M10" s="17">
        <v>44356</v>
      </c>
      <c r="N10" s="17">
        <v>663</v>
      </c>
      <c r="O10" s="17">
        <v>10</v>
      </c>
      <c r="P10" s="17">
        <v>239</v>
      </c>
      <c r="Q10" s="17">
        <v>414</v>
      </c>
      <c r="R10" s="17">
        <v>24279</v>
      </c>
    </row>
    <row r="11" spans="1:18">
      <c r="A11" s="21" t="s">
        <v>787</v>
      </c>
      <c r="B11" s="10"/>
      <c r="C11" s="11" t="s">
        <v>25</v>
      </c>
      <c r="D11" s="17">
        <v>968</v>
      </c>
      <c r="E11" s="17">
        <v>17</v>
      </c>
      <c r="F11" s="17">
        <v>221</v>
      </c>
      <c r="G11" s="17">
        <v>728</v>
      </c>
      <c r="H11" s="17">
        <v>40705</v>
      </c>
      <c r="I11" s="17">
        <v>600</v>
      </c>
      <c r="J11" s="17">
        <v>10</v>
      </c>
      <c r="K11" s="17">
        <v>62</v>
      </c>
      <c r="L11" s="17">
        <v>528</v>
      </c>
      <c r="M11" s="17">
        <v>28517</v>
      </c>
      <c r="N11" s="17">
        <v>368</v>
      </c>
      <c r="O11" s="17">
        <v>7</v>
      </c>
      <c r="P11" s="17">
        <v>159</v>
      </c>
      <c r="Q11" s="17">
        <v>200</v>
      </c>
      <c r="R11" s="17">
        <v>12188</v>
      </c>
    </row>
    <row r="12" spans="1:18">
      <c r="A12" s="21" t="s">
        <v>788</v>
      </c>
      <c r="B12" s="10"/>
      <c r="C12" s="11" t="s">
        <v>25</v>
      </c>
      <c r="D12" s="17">
        <v>63</v>
      </c>
      <c r="E12" s="17">
        <v>1</v>
      </c>
      <c r="F12" s="17">
        <v>15</v>
      </c>
      <c r="G12" s="17">
        <v>47</v>
      </c>
      <c r="H12" s="17">
        <v>2358</v>
      </c>
      <c r="I12" s="17">
        <v>45</v>
      </c>
      <c r="J12" s="17">
        <v>1</v>
      </c>
      <c r="K12" s="17">
        <v>3</v>
      </c>
      <c r="L12" s="17">
        <v>41</v>
      </c>
      <c r="M12" s="17">
        <v>1901</v>
      </c>
      <c r="N12" s="17">
        <v>18</v>
      </c>
      <c r="O12" s="17" t="s">
        <v>35</v>
      </c>
      <c r="P12" s="17">
        <v>12</v>
      </c>
      <c r="Q12" s="17">
        <v>6</v>
      </c>
      <c r="R12" s="17">
        <v>457</v>
      </c>
    </row>
    <row r="13" spans="1:18">
      <c r="A13" s="21" t="s">
        <v>789</v>
      </c>
      <c r="B13" s="10"/>
      <c r="C13" s="11" t="s">
        <v>25</v>
      </c>
      <c r="D13" s="17">
        <v>628</v>
      </c>
      <c r="E13" s="17">
        <v>12</v>
      </c>
      <c r="F13" s="17">
        <v>155</v>
      </c>
      <c r="G13" s="17">
        <v>460</v>
      </c>
      <c r="H13" s="17">
        <v>25427</v>
      </c>
      <c r="I13" s="17">
        <v>373</v>
      </c>
      <c r="J13" s="17">
        <v>6</v>
      </c>
      <c r="K13" s="17">
        <v>47</v>
      </c>
      <c r="L13" s="17">
        <v>319</v>
      </c>
      <c r="M13" s="17">
        <v>16984</v>
      </c>
      <c r="N13" s="17">
        <v>255</v>
      </c>
      <c r="O13" s="17">
        <v>6</v>
      </c>
      <c r="P13" s="17">
        <v>108</v>
      </c>
      <c r="Q13" s="17">
        <v>141</v>
      </c>
      <c r="R13" s="17">
        <v>8443</v>
      </c>
    </row>
    <row r="14" spans="1:18">
      <c r="A14" s="21" t="s">
        <v>790</v>
      </c>
      <c r="B14" s="10"/>
      <c r="C14" s="11" t="s">
        <v>25</v>
      </c>
      <c r="D14" s="17">
        <v>722</v>
      </c>
      <c r="E14" s="17">
        <v>7</v>
      </c>
      <c r="F14" s="17">
        <v>163</v>
      </c>
      <c r="G14" s="17">
        <v>549</v>
      </c>
      <c r="H14" s="17">
        <v>29864</v>
      </c>
      <c r="I14" s="17">
        <v>412</v>
      </c>
      <c r="J14" s="17">
        <v>6</v>
      </c>
      <c r="K14" s="17">
        <v>46</v>
      </c>
      <c r="L14" s="17">
        <v>359</v>
      </c>
      <c r="M14" s="17">
        <v>19079</v>
      </c>
      <c r="N14" s="17">
        <v>310</v>
      </c>
      <c r="O14" s="18">
        <v>1</v>
      </c>
      <c r="P14" s="17">
        <v>117</v>
      </c>
      <c r="Q14" s="18">
        <v>190</v>
      </c>
      <c r="R14" s="17">
        <v>10785</v>
      </c>
    </row>
    <row r="15" spans="1:18">
      <c r="A15" s="21" t="s">
        <v>791</v>
      </c>
      <c r="B15" s="10"/>
      <c r="C15" s="11" t="s">
        <v>25</v>
      </c>
      <c r="D15" s="17">
        <v>511</v>
      </c>
      <c r="E15" s="17">
        <v>8</v>
      </c>
      <c r="F15" s="18">
        <v>125</v>
      </c>
      <c r="G15" s="17">
        <v>378</v>
      </c>
      <c r="H15" s="17">
        <v>20692</v>
      </c>
      <c r="I15" s="17">
        <v>303</v>
      </c>
      <c r="J15" s="17">
        <v>7</v>
      </c>
      <c r="K15" s="18">
        <v>42</v>
      </c>
      <c r="L15" s="17">
        <v>254</v>
      </c>
      <c r="M15" s="17">
        <v>13392</v>
      </c>
      <c r="N15" s="17">
        <v>208</v>
      </c>
      <c r="O15" s="18">
        <v>1</v>
      </c>
      <c r="P15" s="18">
        <v>83</v>
      </c>
      <c r="Q15" s="17">
        <v>124</v>
      </c>
      <c r="R15" s="17">
        <v>7300</v>
      </c>
    </row>
    <row r="16" spans="1:18">
      <c r="A16" s="21" t="s">
        <v>792</v>
      </c>
      <c r="B16" s="10"/>
      <c r="C16" s="11" t="s">
        <v>25</v>
      </c>
      <c r="D16" s="17">
        <v>2100</v>
      </c>
      <c r="E16" s="17">
        <v>33</v>
      </c>
      <c r="F16" s="18">
        <v>501</v>
      </c>
      <c r="G16" s="18">
        <v>1564</v>
      </c>
      <c r="H16" s="18">
        <v>86726</v>
      </c>
      <c r="I16" s="18">
        <v>1285</v>
      </c>
      <c r="J16" s="18">
        <v>26</v>
      </c>
      <c r="K16" s="18">
        <v>170</v>
      </c>
      <c r="L16" s="18">
        <v>1088</v>
      </c>
      <c r="M16" s="18">
        <v>57946</v>
      </c>
      <c r="N16" s="17">
        <v>815</v>
      </c>
      <c r="O16" s="17">
        <v>7</v>
      </c>
      <c r="P16" s="18">
        <v>331</v>
      </c>
      <c r="Q16" s="18">
        <v>476</v>
      </c>
      <c r="R16" s="18">
        <v>28780</v>
      </c>
    </row>
    <row r="17" spans="1:18">
      <c r="A17" s="21" t="s">
        <v>793</v>
      </c>
      <c r="B17" s="10"/>
      <c r="C17" s="11" t="s">
        <v>25</v>
      </c>
      <c r="D17" s="17">
        <v>831</v>
      </c>
      <c r="E17" s="17">
        <v>17</v>
      </c>
      <c r="F17" s="17">
        <v>209</v>
      </c>
      <c r="G17" s="17">
        <v>603</v>
      </c>
      <c r="H17" s="17">
        <v>33933</v>
      </c>
      <c r="I17" s="17">
        <v>466</v>
      </c>
      <c r="J17" s="17">
        <v>14</v>
      </c>
      <c r="K17" s="17">
        <v>70</v>
      </c>
      <c r="L17" s="17">
        <v>381</v>
      </c>
      <c r="M17" s="17">
        <v>20809</v>
      </c>
      <c r="N17" s="17">
        <v>365</v>
      </c>
      <c r="O17" s="17">
        <v>3</v>
      </c>
      <c r="P17" s="17">
        <v>139</v>
      </c>
      <c r="Q17" s="17">
        <v>222</v>
      </c>
      <c r="R17" s="17">
        <v>13124</v>
      </c>
    </row>
    <row r="18" spans="1:18">
      <c r="A18" s="21" t="s">
        <v>794</v>
      </c>
      <c r="B18" s="10"/>
      <c r="C18" s="11" t="s">
        <v>25</v>
      </c>
      <c r="D18" s="18">
        <v>707</v>
      </c>
      <c r="E18" s="18">
        <v>9</v>
      </c>
      <c r="F18" s="18">
        <v>176</v>
      </c>
      <c r="G18" s="18">
        <v>522</v>
      </c>
      <c r="H18" s="18">
        <v>28929</v>
      </c>
      <c r="I18" s="18">
        <v>441</v>
      </c>
      <c r="J18" s="18">
        <v>8</v>
      </c>
      <c r="K18" s="18">
        <v>64</v>
      </c>
      <c r="L18" s="18">
        <v>369</v>
      </c>
      <c r="M18" s="18">
        <v>19570</v>
      </c>
      <c r="N18" s="18">
        <v>266</v>
      </c>
      <c r="O18" s="18">
        <v>1</v>
      </c>
      <c r="P18" s="18">
        <v>112</v>
      </c>
      <c r="Q18" s="18">
        <v>153</v>
      </c>
      <c r="R18" s="18">
        <v>9359</v>
      </c>
    </row>
    <row r="19" spans="1:18">
      <c r="A19" s="21" t="s">
        <v>795</v>
      </c>
      <c r="B19" s="10"/>
      <c r="C19" s="11" t="s">
        <v>25</v>
      </c>
      <c r="D19" s="17">
        <v>562</v>
      </c>
      <c r="E19" s="17">
        <v>7</v>
      </c>
      <c r="F19" s="17">
        <v>116</v>
      </c>
      <c r="G19" s="17">
        <v>439</v>
      </c>
      <c r="H19" s="17">
        <v>23864</v>
      </c>
      <c r="I19" s="17">
        <v>378</v>
      </c>
      <c r="J19" s="17">
        <v>4</v>
      </c>
      <c r="K19" s="17">
        <v>36</v>
      </c>
      <c r="L19" s="17">
        <v>338</v>
      </c>
      <c r="M19" s="17">
        <v>17567</v>
      </c>
      <c r="N19" s="17">
        <v>184</v>
      </c>
      <c r="O19" s="17">
        <v>3</v>
      </c>
      <c r="P19" s="17">
        <v>80</v>
      </c>
      <c r="Q19" s="17">
        <v>101</v>
      </c>
      <c r="R19" s="17">
        <v>6297</v>
      </c>
    </row>
    <row r="20" spans="1:18">
      <c r="A20" s="21" t="s">
        <v>796</v>
      </c>
      <c r="B20" s="10"/>
      <c r="C20" s="11" t="s">
        <v>25</v>
      </c>
      <c r="D20" s="18">
        <v>6959</v>
      </c>
      <c r="E20" s="18">
        <v>80</v>
      </c>
      <c r="F20" s="18">
        <v>1841</v>
      </c>
      <c r="G20" s="18">
        <v>5032</v>
      </c>
      <c r="H20" s="18">
        <v>280458</v>
      </c>
      <c r="I20" s="18">
        <v>3905</v>
      </c>
      <c r="J20" s="18">
        <v>46</v>
      </c>
      <c r="K20" s="18">
        <v>496</v>
      </c>
      <c r="L20" s="18">
        <v>3361</v>
      </c>
      <c r="M20" s="18">
        <v>177609</v>
      </c>
      <c r="N20" s="18">
        <v>3054</v>
      </c>
      <c r="O20" s="18">
        <v>34</v>
      </c>
      <c r="P20" s="18">
        <v>1345</v>
      </c>
      <c r="Q20" s="18">
        <v>1671</v>
      </c>
      <c r="R20" s="18">
        <v>102849</v>
      </c>
    </row>
    <row r="21" spans="1:18">
      <c r="A21" s="21" t="s">
        <v>797</v>
      </c>
      <c r="B21" s="10"/>
      <c r="C21" s="11" t="s">
        <v>25</v>
      </c>
      <c r="D21" s="17">
        <v>2058</v>
      </c>
      <c r="E21" s="17">
        <v>26</v>
      </c>
      <c r="F21" s="17">
        <v>532</v>
      </c>
      <c r="G21" s="17">
        <v>1499</v>
      </c>
      <c r="H21" s="17">
        <v>82920</v>
      </c>
      <c r="I21" s="17">
        <v>1176</v>
      </c>
      <c r="J21" s="17">
        <v>14</v>
      </c>
      <c r="K21" s="17">
        <v>142</v>
      </c>
      <c r="L21" s="17">
        <v>1020</v>
      </c>
      <c r="M21" s="17">
        <v>53307</v>
      </c>
      <c r="N21" s="17">
        <v>882</v>
      </c>
      <c r="O21" s="17">
        <v>12</v>
      </c>
      <c r="P21" s="17">
        <v>390</v>
      </c>
      <c r="Q21" s="17">
        <v>479</v>
      </c>
      <c r="R21" s="17">
        <v>29613</v>
      </c>
    </row>
    <row r="22" spans="1:18">
      <c r="A22" s="21" t="s">
        <v>798</v>
      </c>
      <c r="B22" s="10"/>
      <c r="C22" s="11" t="s">
        <v>25</v>
      </c>
      <c r="D22" s="17">
        <v>901</v>
      </c>
      <c r="E22" s="17">
        <v>11</v>
      </c>
      <c r="F22" s="17">
        <v>259</v>
      </c>
      <c r="G22" s="17">
        <v>630</v>
      </c>
      <c r="H22" s="17">
        <v>35539</v>
      </c>
      <c r="I22" s="17">
        <v>485</v>
      </c>
      <c r="J22" s="17">
        <v>8</v>
      </c>
      <c r="K22" s="17">
        <v>78</v>
      </c>
      <c r="L22" s="17">
        <v>399</v>
      </c>
      <c r="M22" s="17">
        <v>21231</v>
      </c>
      <c r="N22" s="17">
        <v>416</v>
      </c>
      <c r="O22" s="17">
        <v>3</v>
      </c>
      <c r="P22" s="17">
        <v>181</v>
      </c>
      <c r="Q22" s="17">
        <v>231</v>
      </c>
      <c r="R22" s="17">
        <v>14308</v>
      </c>
    </row>
    <row r="23" spans="1:18">
      <c r="A23" s="21" t="s">
        <v>799</v>
      </c>
      <c r="B23" s="10"/>
      <c r="C23" s="11" t="s">
        <v>25</v>
      </c>
      <c r="D23" s="17">
        <v>818</v>
      </c>
      <c r="E23" s="18">
        <v>9</v>
      </c>
      <c r="F23" s="17">
        <v>186</v>
      </c>
      <c r="G23" s="17">
        <v>622</v>
      </c>
      <c r="H23" s="17">
        <v>34846</v>
      </c>
      <c r="I23" s="17">
        <v>472</v>
      </c>
      <c r="J23" s="18">
        <v>5</v>
      </c>
      <c r="K23" s="17">
        <v>59</v>
      </c>
      <c r="L23" s="17">
        <v>408</v>
      </c>
      <c r="M23" s="17">
        <v>22264</v>
      </c>
      <c r="N23" s="17">
        <v>346</v>
      </c>
      <c r="O23" s="18">
        <v>4</v>
      </c>
      <c r="P23" s="17">
        <v>127</v>
      </c>
      <c r="Q23" s="17">
        <v>214</v>
      </c>
      <c r="R23" s="17">
        <v>12582</v>
      </c>
    </row>
    <row r="24" spans="1:18">
      <c r="A24" s="21" t="s">
        <v>800</v>
      </c>
      <c r="B24" s="10"/>
      <c r="C24" s="11" t="s">
        <v>25</v>
      </c>
      <c r="D24" s="17">
        <v>871</v>
      </c>
      <c r="E24" s="17">
        <v>10</v>
      </c>
      <c r="F24" s="17">
        <v>214</v>
      </c>
      <c r="G24" s="17">
        <v>646</v>
      </c>
      <c r="H24" s="17">
        <v>35999</v>
      </c>
      <c r="I24" s="17">
        <v>479</v>
      </c>
      <c r="J24" s="17">
        <v>7</v>
      </c>
      <c r="K24" s="17">
        <v>51</v>
      </c>
      <c r="L24" s="17">
        <v>421</v>
      </c>
      <c r="M24" s="17">
        <v>22514</v>
      </c>
      <c r="N24" s="17">
        <v>392</v>
      </c>
      <c r="O24" s="17">
        <v>3</v>
      </c>
      <c r="P24" s="17">
        <v>163</v>
      </c>
      <c r="Q24" s="17">
        <v>225</v>
      </c>
      <c r="R24" s="17">
        <v>13485</v>
      </c>
    </row>
    <row r="25" spans="1:18">
      <c r="A25" s="21" t="s">
        <v>801</v>
      </c>
      <c r="B25" s="10"/>
      <c r="C25" s="11" t="s">
        <v>25</v>
      </c>
      <c r="D25" s="17">
        <v>877</v>
      </c>
      <c r="E25" s="17">
        <v>6</v>
      </c>
      <c r="F25" s="17">
        <v>218</v>
      </c>
      <c r="G25" s="17">
        <v>653</v>
      </c>
      <c r="H25" s="17">
        <v>35956</v>
      </c>
      <c r="I25" s="17">
        <v>516</v>
      </c>
      <c r="J25" s="17">
        <v>3</v>
      </c>
      <c r="K25" s="17">
        <v>60</v>
      </c>
      <c r="L25" s="17">
        <v>453</v>
      </c>
      <c r="M25" s="17">
        <v>24012</v>
      </c>
      <c r="N25" s="17">
        <v>361</v>
      </c>
      <c r="O25" s="17">
        <v>3</v>
      </c>
      <c r="P25" s="17">
        <v>158</v>
      </c>
      <c r="Q25" s="17">
        <v>200</v>
      </c>
      <c r="R25" s="17">
        <v>11944</v>
      </c>
    </row>
    <row r="26" spans="1:18">
      <c r="A26" s="21" t="s">
        <v>802</v>
      </c>
      <c r="B26" s="10"/>
      <c r="C26" s="11" t="s">
        <v>25</v>
      </c>
      <c r="D26" s="17">
        <v>31</v>
      </c>
      <c r="E26" s="17" t="s">
        <v>35</v>
      </c>
      <c r="F26" s="17">
        <v>6</v>
      </c>
      <c r="G26" s="17">
        <v>25</v>
      </c>
      <c r="H26" s="17">
        <v>1177</v>
      </c>
      <c r="I26" s="17">
        <v>20</v>
      </c>
      <c r="J26" s="17" t="s">
        <v>35</v>
      </c>
      <c r="K26" s="17">
        <v>3</v>
      </c>
      <c r="L26" s="17">
        <v>17</v>
      </c>
      <c r="M26" s="17">
        <v>801</v>
      </c>
      <c r="N26" s="17">
        <v>11</v>
      </c>
      <c r="O26" s="17" t="s">
        <v>35</v>
      </c>
      <c r="P26" s="17">
        <v>3</v>
      </c>
      <c r="Q26" s="17">
        <v>8</v>
      </c>
      <c r="R26" s="17">
        <v>376</v>
      </c>
    </row>
    <row r="27" spans="1:18">
      <c r="A27" s="21" t="s">
        <v>803</v>
      </c>
      <c r="B27" s="10"/>
      <c r="C27" s="11" t="s">
        <v>25</v>
      </c>
      <c r="D27" s="17">
        <v>1403</v>
      </c>
      <c r="E27" s="17">
        <v>18</v>
      </c>
      <c r="F27" s="17">
        <v>426</v>
      </c>
      <c r="G27" s="17">
        <v>957</v>
      </c>
      <c r="H27" s="17">
        <v>54021</v>
      </c>
      <c r="I27" s="17">
        <v>757</v>
      </c>
      <c r="J27" s="17">
        <v>9</v>
      </c>
      <c r="K27" s="17">
        <v>103</v>
      </c>
      <c r="L27" s="17">
        <v>643</v>
      </c>
      <c r="M27" s="17">
        <v>33480</v>
      </c>
      <c r="N27" s="17">
        <v>646</v>
      </c>
      <c r="O27" s="17">
        <v>9</v>
      </c>
      <c r="P27" s="17">
        <v>323</v>
      </c>
      <c r="Q27" s="17">
        <v>314</v>
      </c>
      <c r="R27" s="17">
        <v>20541</v>
      </c>
    </row>
    <row r="28" spans="1:18">
      <c r="A28" s="21" t="s">
        <v>804</v>
      </c>
      <c r="B28" s="10"/>
      <c r="C28" s="11" t="s">
        <v>25</v>
      </c>
      <c r="D28" s="17">
        <v>4140</v>
      </c>
      <c r="E28" s="17">
        <v>62</v>
      </c>
      <c r="F28" s="17">
        <v>939</v>
      </c>
      <c r="G28" s="17">
        <v>3139</v>
      </c>
      <c r="H28" s="17">
        <v>171413</v>
      </c>
      <c r="I28" s="17">
        <v>2483</v>
      </c>
      <c r="J28" s="17">
        <v>43</v>
      </c>
      <c r="K28" s="17">
        <v>265</v>
      </c>
      <c r="L28" s="17">
        <v>2175</v>
      </c>
      <c r="M28" s="17">
        <v>114337</v>
      </c>
      <c r="N28" s="17">
        <v>1657</v>
      </c>
      <c r="O28" s="17">
        <v>19</v>
      </c>
      <c r="P28" s="17">
        <v>674</v>
      </c>
      <c r="Q28" s="17">
        <v>964</v>
      </c>
      <c r="R28" s="17">
        <v>57076</v>
      </c>
    </row>
    <row r="29" spans="1:18">
      <c r="A29" s="21" t="s">
        <v>805</v>
      </c>
      <c r="B29" s="10"/>
      <c r="C29" s="11" t="s">
        <v>25</v>
      </c>
      <c r="D29" s="17">
        <v>1299</v>
      </c>
      <c r="E29" s="17">
        <v>17</v>
      </c>
      <c r="F29" s="17">
        <v>279</v>
      </c>
      <c r="G29" s="17">
        <v>1003</v>
      </c>
      <c r="H29" s="17">
        <v>55001</v>
      </c>
      <c r="I29" s="17">
        <v>779</v>
      </c>
      <c r="J29" s="17">
        <v>8</v>
      </c>
      <c r="K29" s="17">
        <v>63</v>
      </c>
      <c r="L29" s="17">
        <v>708</v>
      </c>
      <c r="M29" s="17">
        <v>37412</v>
      </c>
      <c r="N29" s="17">
        <v>520</v>
      </c>
      <c r="O29" s="17">
        <v>9</v>
      </c>
      <c r="P29" s="17">
        <v>216</v>
      </c>
      <c r="Q29" s="17">
        <v>295</v>
      </c>
      <c r="R29" s="17">
        <v>17589</v>
      </c>
    </row>
    <row r="30" spans="1:18">
      <c r="A30" s="21" t="s">
        <v>806</v>
      </c>
      <c r="B30" s="10"/>
      <c r="C30" s="11" t="s">
        <v>25</v>
      </c>
      <c r="D30" s="17">
        <v>2029</v>
      </c>
      <c r="E30" s="17">
        <v>34</v>
      </c>
      <c r="F30" s="17">
        <v>460</v>
      </c>
      <c r="G30" s="17">
        <v>1535</v>
      </c>
      <c r="H30" s="17">
        <v>83328</v>
      </c>
      <c r="I30" s="17">
        <v>1234</v>
      </c>
      <c r="J30" s="17">
        <v>26</v>
      </c>
      <c r="K30" s="17">
        <v>139</v>
      </c>
      <c r="L30" s="17">
        <v>1069</v>
      </c>
      <c r="M30" s="17">
        <v>55837</v>
      </c>
      <c r="N30" s="17">
        <v>795</v>
      </c>
      <c r="O30" s="17">
        <v>8</v>
      </c>
      <c r="P30" s="17">
        <v>321</v>
      </c>
      <c r="Q30" s="17">
        <v>466</v>
      </c>
      <c r="R30" s="17">
        <v>27491</v>
      </c>
    </row>
    <row r="31" spans="1:18">
      <c r="A31" s="21" t="s">
        <v>807</v>
      </c>
      <c r="B31" s="10"/>
      <c r="C31" s="11" t="s">
        <v>25</v>
      </c>
      <c r="D31" s="17">
        <v>812</v>
      </c>
      <c r="E31" s="17">
        <v>11</v>
      </c>
      <c r="F31" s="17">
        <v>200</v>
      </c>
      <c r="G31" s="17">
        <v>601</v>
      </c>
      <c r="H31" s="17">
        <v>33084</v>
      </c>
      <c r="I31" s="17">
        <v>470</v>
      </c>
      <c r="J31" s="17">
        <v>9</v>
      </c>
      <c r="K31" s="17">
        <v>63</v>
      </c>
      <c r="L31" s="17">
        <v>398</v>
      </c>
      <c r="M31" s="17">
        <v>21088</v>
      </c>
      <c r="N31" s="17">
        <v>342</v>
      </c>
      <c r="O31" s="17">
        <v>2</v>
      </c>
      <c r="P31" s="17">
        <v>137</v>
      </c>
      <c r="Q31" s="17">
        <v>203</v>
      </c>
      <c r="R31" s="17">
        <v>11996</v>
      </c>
    </row>
    <row r="32" spans="1:18">
      <c r="A32" s="21" t="s">
        <v>808</v>
      </c>
      <c r="B32" s="10"/>
      <c r="C32" s="11" t="s">
        <v>25</v>
      </c>
      <c r="D32" s="17">
        <v>2004</v>
      </c>
      <c r="E32" s="17">
        <v>17</v>
      </c>
      <c r="F32" s="17">
        <v>481</v>
      </c>
      <c r="G32" s="17">
        <v>1505</v>
      </c>
      <c r="H32" s="17">
        <v>81879</v>
      </c>
      <c r="I32" s="17">
        <v>1126</v>
      </c>
      <c r="J32" s="18">
        <v>12</v>
      </c>
      <c r="K32" s="17">
        <v>125</v>
      </c>
      <c r="L32" s="17">
        <v>989</v>
      </c>
      <c r="M32" s="17">
        <v>51319</v>
      </c>
      <c r="N32" s="17">
        <v>878</v>
      </c>
      <c r="O32" s="17">
        <v>5</v>
      </c>
      <c r="P32" s="17">
        <v>356</v>
      </c>
      <c r="Q32" s="17">
        <v>516</v>
      </c>
      <c r="R32" s="17">
        <v>30560</v>
      </c>
    </row>
    <row r="33" spans="1:18">
      <c r="A33" s="21" t="s">
        <v>809</v>
      </c>
      <c r="B33" s="10"/>
      <c r="C33" s="11" t="s">
        <v>25</v>
      </c>
      <c r="D33" s="17">
        <v>641</v>
      </c>
      <c r="E33" s="17">
        <v>5</v>
      </c>
      <c r="F33" s="17">
        <v>147</v>
      </c>
      <c r="G33" s="17">
        <v>488</v>
      </c>
      <c r="H33" s="17">
        <v>26808</v>
      </c>
      <c r="I33" s="17">
        <v>360</v>
      </c>
      <c r="J33" s="17">
        <v>2</v>
      </c>
      <c r="K33" s="17">
        <v>39</v>
      </c>
      <c r="L33" s="17">
        <v>319</v>
      </c>
      <c r="M33" s="17">
        <v>16895</v>
      </c>
      <c r="N33" s="17">
        <v>281</v>
      </c>
      <c r="O33" s="17">
        <v>3</v>
      </c>
      <c r="P33" s="17">
        <v>108</v>
      </c>
      <c r="Q33" s="17">
        <v>169</v>
      </c>
      <c r="R33" s="17">
        <v>9913</v>
      </c>
    </row>
    <row r="34" spans="1:18">
      <c r="A34" s="21" t="s">
        <v>810</v>
      </c>
      <c r="B34" s="10"/>
      <c r="C34" s="11" t="s">
        <v>25</v>
      </c>
      <c r="D34" s="18">
        <v>637</v>
      </c>
      <c r="E34" s="18">
        <v>7</v>
      </c>
      <c r="F34" s="18">
        <v>165</v>
      </c>
      <c r="G34" s="18">
        <v>465</v>
      </c>
      <c r="H34" s="18">
        <v>25826</v>
      </c>
      <c r="I34" s="18">
        <v>375</v>
      </c>
      <c r="J34" s="18">
        <v>5</v>
      </c>
      <c r="K34" s="18">
        <v>46</v>
      </c>
      <c r="L34" s="18">
        <v>324</v>
      </c>
      <c r="M34" s="18">
        <v>16973</v>
      </c>
      <c r="N34" s="18">
        <v>262</v>
      </c>
      <c r="O34" s="18">
        <v>2</v>
      </c>
      <c r="P34" s="18">
        <v>119</v>
      </c>
      <c r="Q34" s="18">
        <v>141</v>
      </c>
      <c r="R34" s="18">
        <v>8853</v>
      </c>
    </row>
    <row r="35" spans="1:18">
      <c r="A35" s="21" t="s">
        <v>811</v>
      </c>
      <c r="B35" s="10"/>
      <c r="C35" s="11" t="s">
        <v>25</v>
      </c>
      <c r="D35" s="17">
        <v>726</v>
      </c>
      <c r="E35" s="18">
        <v>5</v>
      </c>
      <c r="F35" s="17">
        <v>169</v>
      </c>
      <c r="G35" s="17">
        <v>552</v>
      </c>
      <c r="H35" s="17">
        <v>29245</v>
      </c>
      <c r="I35" s="17">
        <v>391</v>
      </c>
      <c r="J35" s="18">
        <v>5</v>
      </c>
      <c r="K35" s="17">
        <v>40</v>
      </c>
      <c r="L35" s="17">
        <v>346</v>
      </c>
      <c r="M35" s="17">
        <v>17451</v>
      </c>
      <c r="N35" s="17">
        <v>335</v>
      </c>
      <c r="O35" s="18" t="s">
        <v>35</v>
      </c>
      <c r="P35" s="17">
        <v>129</v>
      </c>
      <c r="Q35" s="17">
        <v>206</v>
      </c>
      <c r="R35" s="17">
        <v>11794</v>
      </c>
    </row>
    <row r="36" spans="1:18">
      <c r="A36" s="21" t="s">
        <v>812</v>
      </c>
      <c r="B36" s="10"/>
      <c r="C36" s="11" t="s">
        <v>25</v>
      </c>
      <c r="D36" s="17">
        <v>866</v>
      </c>
      <c r="E36" s="17">
        <v>13</v>
      </c>
      <c r="F36" s="17">
        <v>234</v>
      </c>
      <c r="G36" s="17">
        <v>619</v>
      </c>
      <c r="H36" s="17">
        <v>33615</v>
      </c>
      <c r="I36" s="17">
        <v>482</v>
      </c>
      <c r="J36" s="17">
        <v>8</v>
      </c>
      <c r="K36" s="17">
        <v>71</v>
      </c>
      <c r="L36" s="17">
        <v>403</v>
      </c>
      <c r="M36" s="17">
        <v>20848</v>
      </c>
      <c r="N36" s="17">
        <v>384</v>
      </c>
      <c r="O36" s="17">
        <v>5</v>
      </c>
      <c r="P36" s="17">
        <v>163</v>
      </c>
      <c r="Q36" s="17">
        <v>216</v>
      </c>
      <c r="R36" s="17">
        <v>12767</v>
      </c>
    </row>
    <row r="37" spans="1:18">
      <c r="A37" s="21" t="s">
        <v>813</v>
      </c>
      <c r="B37" s="10"/>
      <c r="C37" s="11" t="s">
        <v>25</v>
      </c>
      <c r="D37" s="17">
        <v>808</v>
      </c>
      <c r="E37" s="17">
        <v>12</v>
      </c>
      <c r="F37" s="17">
        <v>212</v>
      </c>
      <c r="G37" s="17">
        <v>584</v>
      </c>
      <c r="H37" s="17">
        <v>31326</v>
      </c>
      <c r="I37" s="17">
        <v>446</v>
      </c>
      <c r="J37" s="17">
        <v>7</v>
      </c>
      <c r="K37" s="17">
        <v>64</v>
      </c>
      <c r="L37" s="17">
        <v>375</v>
      </c>
      <c r="M37" s="17">
        <v>19187</v>
      </c>
      <c r="N37" s="17">
        <v>362</v>
      </c>
      <c r="O37" s="17">
        <v>5</v>
      </c>
      <c r="P37" s="17">
        <v>148</v>
      </c>
      <c r="Q37" s="17">
        <v>209</v>
      </c>
      <c r="R37" s="17">
        <v>12139</v>
      </c>
    </row>
    <row r="38" spans="1:18">
      <c r="A38" s="21" t="s">
        <v>814</v>
      </c>
      <c r="B38" s="10"/>
      <c r="C38" s="11" t="s">
        <v>25</v>
      </c>
      <c r="D38" s="17">
        <v>58</v>
      </c>
      <c r="E38" s="17">
        <v>1</v>
      </c>
      <c r="F38" s="17">
        <v>22</v>
      </c>
      <c r="G38" s="17">
        <v>35</v>
      </c>
      <c r="H38" s="17">
        <v>2289</v>
      </c>
      <c r="I38" s="17">
        <v>36</v>
      </c>
      <c r="J38" s="17">
        <v>1</v>
      </c>
      <c r="K38" s="17">
        <v>7</v>
      </c>
      <c r="L38" s="17">
        <v>28</v>
      </c>
      <c r="M38" s="17">
        <v>1661</v>
      </c>
      <c r="N38" s="17">
        <v>22</v>
      </c>
      <c r="O38" s="17" t="s">
        <v>35</v>
      </c>
      <c r="P38" s="17">
        <v>15</v>
      </c>
      <c r="Q38" s="17">
        <v>7</v>
      </c>
      <c r="R38" s="17">
        <v>628</v>
      </c>
    </row>
    <row r="39" spans="1:18">
      <c r="A39" s="21" t="s">
        <v>815</v>
      </c>
      <c r="B39" s="10"/>
      <c r="C39" s="11" t="s">
        <v>25</v>
      </c>
      <c r="D39" s="17">
        <v>1808</v>
      </c>
      <c r="E39" s="17">
        <v>41</v>
      </c>
      <c r="F39" s="17">
        <v>462</v>
      </c>
      <c r="G39" s="17">
        <v>1303</v>
      </c>
      <c r="H39" s="17">
        <v>71634</v>
      </c>
      <c r="I39" s="17">
        <v>1071</v>
      </c>
      <c r="J39" s="17">
        <v>30</v>
      </c>
      <c r="K39" s="17">
        <v>147</v>
      </c>
      <c r="L39" s="17">
        <v>892</v>
      </c>
      <c r="M39" s="17">
        <v>47151</v>
      </c>
      <c r="N39" s="17">
        <v>737</v>
      </c>
      <c r="O39" s="17">
        <v>11</v>
      </c>
      <c r="P39" s="17">
        <v>315</v>
      </c>
      <c r="Q39" s="17">
        <v>411</v>
      </c>
      <c r="R39" s="17">
        <v>24483</v>
      </c>
    </row>
    <row r="40" spans="1:18">
      <c r="A40" s="21" t="s">
        <v>816</v>
      </c>
      <c r="B40" s="10"/>
      <c r="C40" s="11" t="s">
        <v>25</v>
      </c>
      <c r="D40" s="17">
        <v>42</v>
      </c>
      <c r="E40" s="17">
        <v>1</v>
      </c>
      <c r="F40" s="17">
        <v>7</v>
      </c>
      <c r="G40" s="17">
        <v>34</v>
      </c>
      <c r="H40" s="17">
        <v>1573</v>
      </c>
      <c r="I40" s="17">
        <v>30</v>
      </c>
      <c r="J40" s="18" t="s">
        <v>35</v>
      </c>
      <c r="K40" s="17">
        <v>5</v>
      </c>
      <c r="L40" s="17">
        <v>25</v>
      </c>
      <c r="M40" s="17">
        <v>1135</v>
      </c>
      <c r="N40" s="17">
        <v>12</v>
      </c>
      <c r="O40" s="17">
        <v>1</v>
      </c>
      <c r="P40" s="17">
        <v>2</v>
      </c>
      <c r="Q40" s="17">
        <v>9</v>
      </c>
      <c r="R40" s="17">
        <v>438</v>
      </c>
    </row>
    <row r="41" spans="1:18">
      <c r="A41" s="21" t="s">
        <v>817</v>
      </c>
      <c r="B41" s="10"/>
      <c r="C41" s="11" t="s">
        <v>25</v>
      </c>
      <c r="D41" s="17">
        <v>914</v>
      </c>
      <c r="E41" s="17">
        <v>15</v>
      </c>
      <c r="F41" s="17">
        <v>228</v>
      </c>
      <c r="G41" s="17">
        <v>670</v>
      </c>
      <c r="H41" s="17">
        <v>36189</v>
      </c>
      <c r="I41" s="17">
        <v>520</v>
      </c>
      <c r="J41" s="17">
        <v>9</v>
      </c>
      <c r="K41" s="17">
        <v>63</v>
      </c>
      <c r="L41" s="17">
        <v>447</v>
      </c>
      <c r="M41" s="17">
        <v>23161</v>
      </c>
      <c r="N41" s="17">
        <v>394</v>
      </c>
      <c r="O41" s="17">
        <v>6</v>
      </c>
      <c r="P41" s="17">
        <v>165</v>
      </c>
      <c r="Q41" s="17">
        <v>223</v>
      </c>
      <c r="R41" s="17">
        <v>13028</v>
      </c>
    </row>
    <row r="42" spans="1:18">
      <c r="A42" s="21" t="s">
        <v>818</v>
      </c>
      <c r="B42" s="10"/>
      <c r="C42" s="11" t="s">
        <v>25</v>
      </c>
      <c r="D42" s="18">
        <v>852</v>
      </c>
      <c r="E42" s="18">
        <v>25</v>
      </c>
      <c r="F42" s="18">
        <v>227</v>
      </c>
      <c r="G42" s="18">
        <v>599</v>
      </c>
      <c r="H42" s="18">
        <v>33872</v>
      </c>
      <c r="I42" s="18">
        <v>521</v>
      </c>
      <c r="J42" s="18">
        <v>21</v>
      </c>
      <c r="K42" s="18">
        <v>79</v>
      </c>
      <c r="L42" s="18">
        <v>420</v>
      </c>
      <c r="M42" s="18">
        <v>22855</v>
      </c>
      <c r="N42" s="18">
        <v>331</v>
      </c>
      <c r="O42" s="18">
        <v>4</v>
      </c>
      <c r="P42" s="18">
        <v>148</v>
      </c>
      <c r="Q42" s="18">
        <v>179</v>
      </c>
      <c r="R42" s="18">
        <v>11017</v>
      </c>
    </row>
    <row r="43" spans="1:18">
      <c r="A43" s="21" t="s">
        <v>819</v>
      </c>
      <c r="B43" s="10"/>
      <c r="C43" s="11" t="s">
        <v>25</v>
      </c>
      <c r="D43" s="17">
        <v>919</v>
      </c>
      <c r="E43" s="17">
        <v>16</v>
      </c>
      <c r="F43" s="17">
        <v>243</v>
      </c>
      <c r="G43" s="17">
        <v>660</v>
      </c>
      <c r="H43" s="17">
        <v>37033</v>
      </c>
      <c r="I43" s="17">
        <v>547</v>
      </c>
      <c r="J43" s="17">
        <v>10</v>
      </c>
      <c r="K43" s="17">
        <v>68</v>
      </c>
      <c r="L43" s="17">
        <v>469</v>
      </c>
      <c r="M43" s="17">
        <v>24880</v>
      </c>
      <c r="N43" s="17">
        <v>372</v>
      </c>
      <c r="O43" s="17">
        <v>6</v>
      </c>
      <c r="P43" s="17">
        <v>175</v>
      </c>
      <c r="Q43" s="17">
        <v>191</v>
      </c>
      <c r="R43" s="17">
        <v>12153</v>
      </c>
    </row>
    <row r="44" spans="1:18">
      <c r="A44" s="21" t="s">
        <v>820</v>
      </c>
      <c r="B44" s="10"/>
      <c r="C44" s="11" t="s">
        <v>25</v>
      </c>
      <c r="D44" s="17">
        <v>248</v>
      </c>
      <c r="E44" s="18">
        <v>6</v>
      </c>
      <c r="F44" s="17">
        <v>60</v>
      </c>
      <c r="G44" s="17">
        <v>182</v>
      </c>
      <c r="H44" s="17">
        <v>10177</v>
      </c>
      <c r="I44" s="17">
        <v>151</v>
      </c>
      <c r="J44" s="18">
        <v>5</v>
      </c>
      <c r="K44" s="17">
        <v>14</v>
      </c>
      <c r="L44" s="17">
        <v>132</v>
      </c>
      <c r="M44" s="17">
        <v>7039</v>
      </c>
      <c r="N44" s="17">
        <v>97</v>
      </c>
      <c r="O44" s="18">
        <v>1</v>
      </c>
      <c r="P44" s="17">
        <v>46</v>
      </c>
      <c r="Q44" s="17">
        <v>50</v>
      </c>
      <c r="R44" s="17">
        <v>3138</v>
      </c>
    </row>
    <row r="45" spans="1:18">
      <c r="A45" s="21" t="s">
        <v>821</v>
      </c>
      <c r="B45" s="10"/>
      <c r="C45" s="11" t="s">
        <v>25</v>
      </c>
      <c r="D45" s="17">
        <v>671</v>
      </c>
      <c r="E45" s="17">
        <v>10</v>
      </c>
      <c r="F45" s="17">
        <v>183</v>
      </c>
      <c r="G45" s="17">
        <v>478</v>
      </c>
      <c r="H45" s="17">
        <v>26856</v>
      </c>
      <c r="I45" s="17">
        <v>396</v>
      </c>
      <c r="J45" s="17">
        <v>5</v>
      </c>
      <c r="K45" s="17">
        <v>54</v>
      </c>
      <c r="L45" s="17">
        <v>337</v>
      </c>
      <c r="M45" s="17">
        <v>17841</v>
      </c>
      <c r="N45" s="17">
        <v>275</v>
      </c>
      <c r="O45" s="17">
        <v>5</v>
      </c>
      <c r="P45" s="17">
        <v>129</v>
      </c>
      <c r="Q45" s="17">
        <v>141</v>
      </c>
      <c r="R45" s="17">
        <v>9015</v>
      </c>
    </row>
    <row r="46" spans="1:18">
      <c r="A46" s="21" t="s">
        <v>822</v>
      </c>
      <c r="B46" s="10"/>
      <c r="C46" s="11" t="s">
        <v>25</v>
      </c>
      <c r="D46" s="17">
        <v>3343</v>
      </c>
      <c r="E46" s="17">
        <v>66</v>
      </c>
      <c r="F46" s="17">
        <v>848</v>
      </c>
      <c r="G46" s="17">
        <v>2424</v>
      </c>
      <c r="H46" s="17">
        <v>134817</v>
      </c>
      <c r="I46" s="17">
        <v>2024</v>
      </c>
      <c r="J46" s="17">
        <v>44</v>
      </c>
      <c r="K46" s="17">
        <v>294</v>
      </c>
      <c r="L46" s="17">
        <v>1681</v>
      </c>
      <c r="M46" s="17">
        <v>89860</v>
      </c>
      <c r="N46" s="17">
        <v>1319</v>
      </c>
      <c r="O46" s="17">
        <v>22</v>
      </c>
      <c r="P46" s="17">
        <v>554</v>
      </c>
      <c r="Q46" s="17">
        <v>743</v>
      </c>
      <c r="R46" s="17">
        <v>44957</v>
      </c>
    </row>
    <row r="47" spans="1:18">
      <c r="A47" s="21" t="s">
        <v>823</v>
      </c>
      <c r="B47" s="10"/>
      <c r="C47" s="11" t="s">
        <v>25</v>
      </c>
      <c r="D47" s="17">
        <v>395</v>
      </c>
      <c r="E47" s="17">
        <v>4</v>
      </c>
      <c r="F47" s="17">
        <v>88</v>
      </c>
      <c r="G47" s="17">
        <v>303</v>
      </c>
      <c r="H47" s="17">
        <v>16017</v>
      </c>
      <c r="I47" s="17">
        <v>271</v>
      </c>
      <c r="J47" s="17">
        <v>4</v>
      </c>
      <c r="K47" s="17">
        <v>31</v>
      </c>
      <c r="L47" s="17">
        <v>236</v>
      </c>
      <c r="M47" s="17">
        <v>12018</v>
      </c>
      <c r="N47" s="17">
        <v>124</v>
      </c>
      <c r="O47" s="17" t="s">
        <v>35</v>
      </c>
      <c r="P47" s="17">
        <v>57</v>
      </c>
      <c r="Q47" s="17">
        <v>67</v>
      </c>
      <c r="R47" s="17">
        <v>3999</v>
      </c>
    </row>
    <row r="48" spans="1:18">
      <c r="A48" s="21" t="s">
        <v>824</v>
      </c>
      <c r="B48" s="10"/>
      <c r="C48" s="11" t="s">
        <v>25</v>
      </c>
      <c r="D48" s="17">
        <v>783</v>
      </c>
      <c r="E48" s="18">
        <v>21</v>
      </c>
      <c r="F48" s="17">
        <v>208</v>
      </c>
      <c r="G48" s="17">
        <v>554</v>
      </c>
      <c r="H48" s="17">
        <v>30841</v>
      </c>
      <c r="I48" s="17">
        <v>459</v>
      </c>
      <c r="J48" s="18">
        <v>14</v>
      </c>
      <c r="K48" s="17">
        <v>76</v>
      </c>
      <c r="L48" s="17">
        <v>369</v>
      </c>
      <c r="M48" s="17">
        <v>19849</v>
      </c>
      <c r="N48" s="17">
        <v>324</v>
      </c>
      <c r="O48" s="18">
        <v>7</v>
      </c>
      <c r="P48" s="17">
        <v>132</v>
      </c>
      <c r="Q48" s="17">
        <v>185</v>
      </c>
      <c r="R48" s="17">
        <v>10992</v>
      </c>
    </row>
    <row r="49" spans="1:18">
      <c r="A49" s="21" t="s">
        <v>825</v>
      </c>
      <c r="B49" s="10"/>
      <c r="C49" s="11" t="s">
        <v>25</v>
      </c>
      <c r="D49" s="17">
        <v>712</v>
      </c>
      <c r="E49" s="18">
        <v>13</v>
      </c>
      <c r="F49" s="17">
        <v>172</v>
      </c>
      <c r="G49" s="17">
        <v>525</v>
      </c>
      <c r="H49" s="17">
        <v>28639</v>
      </c>
      <c r="I49" s="17">
        <v>429</v>
      </c>
      <c r="J49" s="18">
        <v>8</v>
      </c>
      <c r="K49" s="17">
        <v>57</v>
      </c>
      <c r="L49" s="17">
        <v>362</v>
      </c>
      <c r="M49" s="17">
        <v>18972</v>
      </c>
      <c r="N49" s="17">
        <v>283</v>
      </c>
      <c r="O49" s="18">
        <v>5</v>
      </c>
      <c r="P49" s="17">
        <v>115</v>
      </c>
      <c r="Q49" s="17">
        <v>163</v>
      </c>
      <c r="R49" s="17">
        <v>9667</v>
      </c>
    </row>
    <row r="50" spans="1:18">
      <c r="A50" s="21" t="s">
        <v>826</v>
      </c>
      <c r="B50" s="10"/>
      <c r="C50" s="11" t="s">
        <v>25</v>
      </c>
      <c r="D50" s="17">
        <v>947</v>
      </c>
      <c r="E50" s="18">
        <v>17</v>
      </c>
      <c r="F50" s="17">
        <v>252</v>
      </c>
      <c r="G50" s="17">
        <v>676</v>
      </c>
      <c r="H50" s="17">
        <v>38057</v>
      </c>
      <c r="I50" s="17">
        <v>563</v>
      </c>
      <c r="J50" s="18">
        <v>11</v>
      </c>
      <c r="K50" s="17">
        <v>90</v>
      </c>
      <c r="L50" s="17">
        <v>460</v>
      </c>
      <c r="M50" s="17">
        <v>24887</v>
      </c>
      <c r="N50" s="17">
        <v>384</v>
      </c>
      <c r="O50" s="18">
        <v>6</v>
      </c>
      <c r="P50" s="17">
        <v>162</v>
      </c>
      <c r="Q50" s="17">
        <v>216</v>
      </c>
      <c r="R50" s="17">
        <v>13170</v>
      </c>
    </row>
    <row r="51" spans="1:18">
      <c r="A51" s="21" t="s">
        <v>827</v>
      </c>
      <c r="B51" s="10"/>
      <c r="C51" s="11" t="s">
        <v>25</v>
      </c>
      <c r="D51" s="17">
        <v>506</v>
      </c>
      <c r="E51" s="17">
        <v>11</v>
      </c>
      <c r="F51" s="17">
        <v>128</v>
      </c>
      <c r="G51" s="17">
        <v>366</v>
      </c>
      <c r="H51" s="17">
        <v>21263</v>
      </c>
      <c r="I51" s="17">
        <v>302</v>
      </c>
      <c r="J51" s="18">
        <v>7</v>
      </c>
      <c r="K51" s="17">
        <v>40</v>
      </c>
      <c r="L51" s="17">
        <v>254</v>
      </c>
      <c r="M51" s="17">
        <v>14134</v>
      </c>
      <c r="N51" s="17">
        <v>204</v>
      </c>
      <c r="O51" s="17">
        <v>4</v>
      </c>
      <c r="P51" s="17">
        <v>88</v>
      </c>
      <c r="Q51" s="17">
        <v>112</v>
      </c>
      <c r="R51" s="17">
        <v>7129</v>
      </c>
    </row>
    <row r="52" spans="1:18">
      <c r="A52" s="21" t="s">
        <v>828</v>
      </c>
      <c r="B52" s="10"/>
      <c r="C52" s="11" t="s">
        <v>25</v>
      </c>
      <c r="D52" s="17">
        <v>2737</v>
      </c>
      <c r="E52" s="17">
        <v>46</v>
      </c>
      <c r="F52" s="17">
        <v>689</v>
      </c>
      <c r="G52" s="17">
        <v>1998</v>
      </c>
      <c r="H52" s="17">
        <v>110542</v>
      </c>
      <c r="I52" s="17">
        <v>1668</v>
      </c>
      <c r="J52" s="18">
        <v>35</v>
      </c>
      <c r="K52" s="17">
        <v>198</v>
      </c>
      <c r="L52" s="17">
        <v>1432</v>
      </c>
      <c r="M52" s="17">
        <v>75069</v>
      </c>
      <c r="N52" s="17">
        <v>1069</v>
      </c>
      <c r="O52" s="17">
        <v>11</v>
      </c>
      <c r="P52" s="17">
        <v>491</v>
      </c>
      <c r="Q52" s="17">
        <v>566</v>
      </c>
      <c r="R52" s="17">
        <v>35473</v>
      </c>
    </row>
    <row r="53" spans="1:18">
      <c r="A53" s="21" t="s">
        <v>829</v>
      </c>
      <c r="B53" s="10"/>
      <c r="C53" s="11" t="s">
        <v>25</v>
      </c>
      <c r="D53" s="17">
        <v>356</v>
      </c>
      <c r="E53" s="18">
        <v>7</v>
      </c>
      <c r="F53" s="17">
        <v>91</v>
      </c>
      <c r="G53" s="17">
        <v>258</v>
      </c>
      <c r="H53" s="17">
        <v>14476</v>
      </c>
      <c r="I53" s="17">
        <v>225</v>
      </c>
      <c r="J53" s="18">
        <v>6</v>
      </c>
      <c r="K53" s="17">
        <v>26</v>
      </c>
      <c r="L53" s="17">
        <v>193</v>
      </c>
      <c r="M53" s="17">
        <v>10317</v>
      </c>
      <c r="N53" s="17">
        <v>131</v>
      </c>
      <c r="O53" s="18">
        <v>1</v>
      </c>
      <c r="P53" s="17">
        <v>65</v>
      </c>
      <c r="Q53" s="17">
        <v>65</v>
      </c>
      <c r="R53" s="17">
        <v>4159</v>
      </c>
    </row>
    <row r="54" spans="1:18">
      <c r="A54" s="21" t="s">
        <v>830</v>
      </c>
      <c r="B54" s="10"/>
      <c r="C54" s="11" t="s">
        <v>25</v>
      </c>
      <c r="D54" s="17">
        <v>544</v>
      </c>
      <c r="E54" s="18">
        <v>10</v>
      </c>
      <c r="F54" s="17">
        <v>153</v>
      </c>
      <c r="G54" s="17">
        <v>380</v>
      </c>
      <c r="H54" s="17">
        <v>21189</v>
      </c>
      <c r="I54" s="17">
        <v>316</v>
      </c>
      <c r="J54" s="18">
        <v>7</v>
      </c>
      <c r="K54" s="17">
        <v>40</v>
      </c>
      <c r="L54" s="17">
        <v>268</v>
      </c>
      <c r="M54" s="17">
        <v>13889</v>
      </c>
      <c r="N54" s="17">
        <v>228</v>
      </c>
      <c r="O54" s="18">
        <v>3</v>
      </c>
      <c r="P54" s="17">
        <v>113</v>
      </c>
      <c r="Q54" s="17">
        <v>112</v>
      </c>
      <c r="R54" s="17">
        <v>7300</v>
      </c>
    </row>
    <row r="55" spans="1:18">
      <c r="A55" s="21" t="s">
        <v>831</v>
      </c>
      <c r="B55" s="10"/>
      <c r="C55" s="11" t="s">
        <v>25</v>
      </c>
      <c r="D55" s="17">
        <v>888</v>
      </c>
      <c r="E55" s="17">
        <v>16</v>
      </c>
      <c r="F55" s="17">
        <v>207</v>
      </c>
      <c r="G55" s="17">
        <v>665</v>
      </c>
      <c r="H55" s="17">
        <v>36760</v>
      </c>
      <c r="I55" s="17">
        <v>530</v>
      </c>
      <c r="J55" s="17">
        <v>10</v>
      </c>
      <c r="K55" s="17">
        <v>47</v>
      </c>
      <c r="L55" s="17">
        <v>473</v>
      </c>
      <c r="M55" s="17">
        <v>24655</v>
      </c>
      <c r="N55" s="17">
        <v>358</v>
      </c>
      <c r="O55" s="17">
        <v>6</v>
      </c>
      <c r="P55" s="17">
        <v>160</v>
      </c>
      <c r="Q55" s="17">
        <v>192</v>
      </c>
      <c r="R55" s="17">
        <v>12105</v>
      </c>
    </row>
    <row r="56" spans="1:18">
      <c r="A56" s="21" t="s">
        <v>832</v>
      </c>
      <c r="B56" s="10"/>
      <c r="C56" s="11" t="s">
        <v>25</v>
      </c>
      <c r="D56" s="17">
        <v>86</v>
      </c>
      <c r="E56" s="17">
        <v>1</v>
      </c>
      <c r="F56" s="17">
        <v>20</v>
      </c>
      <c r="G56" s="17">
        <v>65</v>
      </c>
      <c r="H56" s="17">
        <v>3525</v>
      </c>
      <c r="I56" s="17">
        <v>55</v>
      </c>
      <c r="J56" s="17">
        <v>1</v>
      </c>
      <c r="K56" s="17">
        <v>7</v>
      </c>
      <c r="L56" s="17">
        <v>47</v>
      </c>
      <c r="M56" s="17">
        <v>2511</v>
      </c>
      <c r="N56" s="17">
        <v>31</v>
      </c>
      <c r="O56" s="17" t="s">
        <v>35</v>
      </c>
      <c r="P56" s="17">
        <v>13</v>
      </c>
      <c r="Q56" s="17">
        <v>18</v>
      </c>
      <c r="R56" s="17">
        <v>1014</v>
      </c>
    </row>
    <row r="57" spans="1:18">
      <c r="A57" s="21" t="s">
        <v>833</v>
      </c>
      <c r="B57" s="10"/>
      <c r="C57" s="11" t="s">
        <v>25</v>
      </c>
      <c r="D57" s="17">
        <v>228</v>
      </c>
      <c r="E57" s="17">
        <v>5</v>
      </c>
      <c r="F57" s="17">
        <v>48</v>
      </c>
      <c r="G57" s="17">
        <v>175</v>
      </c>
      <c r="H57" s="17">
        <v>9424</v>
      </c>
      <c r="I57" s="17">
        <v>147</v>
      </c>
      <c r="J57" s="18">
        <v>5</v>
      </c>
      <c r="K57" s="17">
        <v>19</v>
      </c>
      <c r="L57" s="17">
        <v>123</v>
      </c>
      <c r="M57" s="17">
        <v>6488</v>
      </c>
      <c r="N57" s="17">
        <v>81</v>
      </c>
      <c r="O57" s="17" t="s">
        <v>35</v>
      </c>
      <c r="P57" s="17">
        <v>29</v>
      </c>
      <c r="Q57" s="17">
        <v>52</v>
      </c>
      <c r="R57" s="17">
        <v>2936</v>
      </c>
    </row>
    <row r="58" spans="1:18">
      <c r="A58" s="21" t="s">
        <v>834</v>
      </c>
      <c r="B58" s="10"/>
      <c r="C58" s="11" t="s">
        <v>25</v>
      </c>
      <c r="D58" s="17">
        <v>635</v>
      </c>
      <c r="E58" s="17">
        <v>7</v>
      </c>
      <c r="F58" s="17">
        <v>170</v>
      </c>
      <c r="G58" s="17">
        <v>455</v>
      </c>
      <c r="H58" s="17">
        <v>25168</v>
      </c>
      <c r="I58" s="17">
        <v>395</v>
      </c>
      <c r="J58" s="17">
        <v>6</v>
      </c>
      <c r="K58" s="17">
        <v>59</v>
      </c>
      <c r="L58" s="17">
        <v>328</v>
      </c>
      <c r="M58" s="17">
        <v>17209</v>
      </c>
      <c r="N58" s="17">
        <v>240</v>
      </c>
      <c r="O58" s="17">
        <v>1</v>
      </c>
      <c r="P58" s="17">
        <v>111</v>
      </c>
      <c r="Q58" s="17">
        <v>127</v>
      </c>
      <c r="R58" s="17">
        <v>7959</v>
      </c>
    </row>
    <row r="59" spans="1:18">
      <c r="A59" s="21" t="s">
        <v>835</v>
      </c>
      <c r="B59" s="10"/>
      <c r="C59" s="11" t="s">
        <v>25</v>
      </c>
      <c r="D59" s="17" t="s">
        <v>35</v>
      </c>
      <c r="E59" s="17" t="s">
        <v>35</v>
      </c>
      <c r="F59" s="17" t="s">
        <v>35</v>
      </c>
      <c r="G59" s="17" t="s">
        <v>35</v>
      </c>
      <c r="H59" s="17" t="s">
        <v>35</v>
      </c>
      <c r="I59" s="17" t="s">
        <v>35</v>
      </c>
      <c r="J59" s="17" t="s">
        <v>35</v>
      </c>
      <c r="K59" s="17" t="s">
        <v>35</v>
      </c>
      <c r="L59" s="17" t="s">
        <v>35</v>
      </c>
      <c r="M59" s="17" t="s">
        <v>35</v>
      </c>
      <c r="N59" s="17" t="s">
        <v>35</v>
      </c>
      <c r="O59" s="17" t="s">
        <v>35</v>
      </c>
      <c r="P59" s="17" t="s">
        <v>35</v>
      </c>
      <c r="Q59" s="17" t="s">
        <v>35</v>
      </c>
      <c r="R59" s="17" t="s">
        <v>35</v>
      </c>
    </row>
    <row r="60" spans="1:18">
      <c r="A60" s="21" t="s">
        <v>836</v>
      </c>
      <c r="B60" s="10"/>
      <c r="C60" s="11" t="s">
        <v>25</v>
      </c>
      <c r="D60" s="17">
        <v>3743</v>
      </c>
      <c r="E60" s="17">
        <v>58</v>
      </c>
      <c r="F60" s="17">
        <v>949</v>
      </c>
      <c r="G60" s="17">
        <v>2732</v>
      </c>
      <c r="H60" s="17">
        <v>149057</v>
      </c>
      <c r="I60" s="17">
        <v>2217</v>
      </c>
      <c r="J60" s="17">
        <v>30</v>
      </c>
      <c r="K60" s="17">
        <v>271</v>
      </c>
      <c r="L60" s="17">
        <v>1913</v>
      </c>
      <c r="M60" s="17">
        <v>98491</v>
      </c>
      <c r="N60" s="17">
        <v>1526</v>
      </c>
      <c r="O60" s="17">
        <v>28</v>
      </c>
      <c r="P60" s="17">
        <v>678</v>
      </c>
      <c r="Q60" s="17">
        <v>819</v>
      </c>
      <c r="R60" s="17">
        <v>50566</v>
      </c>
    </row>
    <row r="61" spans="1:18">
      <c r="A61" s="21" t="s">
        <v>837</v>
      </c>
      <c r="B61" s="10"/>
      <c r="C61" s="11" t="s">
        <v>25</v>
      </c>
      <c r="D61" s="17">
        <v>956</v>
      </c>
      <c r="E61" s="17">
        <v>18</v>
      </c>
      <c r="F61" s="17">
        <v>261</v>
      </c>
      <c r="G61" s="17">
        <v>675</v>
      </c>
      <c r="H61" s="17">
        <v>37401</v>
      </c>
      <c r="I61" s="17">
        <v>538</v>
      </c>
      <c r="J61" s="17">
        <v>8</v>
      </c>
      <c r="K61" s="17">
        <v>62</v>
      </c>
      <c r="L61" s="17">
        <v>467</v>
      </c>
      <c r="M61" s="17">
        <v>24015</v>
      </c>
      <c r="N61" s="17">
        <v>418</v>
      </c>
      <c r="O61" s="17">
        <v>10</v>
      </c>
      <c r="P61" s="17">
        <v>199</v>
      </c>
      <c r="Q61" s="17">
        <v>208</v>
      </c>
      <c r="R61" s="17">
        <v>13386</v>
      </c>
    </row>
    <row r="62" spans="1:18">
      <c r="A62" s="21" t="s">
        <v>838</v>
      </c>
      <c r="B62" s="10"/>
      <c r="C62" s="11" t="s">
        <v>25</v>
      </c>
      <c r="D62" s="17">
        <v>833</v>
      </c>
      <c r="E62" s="17">
        <v>11</v>
      </c>
      <c r="F62" s="17">
        <v>170</v>
      </c>
      <c r="G62" s="17">
        <v>651</v>
      </c>
      <c r="H62" s="17">
        <v>35235</v>
      </c>
      <c r="I62" s="17">
        <v>566</v>
      </c>
      <c r="J62" s="17">
        <v>6</v>
      </c>
      <c r="K62" s="17">
        <v>67</v>
      </c>
      <c r="L62" s="17">
        <v>492</v>
      </c>
      <c r="M62" s="17">
        <v>25714</v>
      </c>
      <c r="N62" s="17">
        <v>267</v>
      </c>
      <c r="O62" s="17">
        <v>5</v>
      </c>
      <c r="P62" s="17">
        <v>103</v>
      </c>
      <c r="Q62" s="17">
        <v>159</v>
      </c>
      <c r="R62" s="17">
        <v>9521</v>
      </c>
    </row>
    <row r="63" spans="1:18">
      <c r="A63" s="21" t="s">
        <v>839</v>
      </c>
      <c r="B63" s="10"/>
      <c r="C63" s="11" t="s">
        <v>25</v>
      </c>
      <c r="D63" s="17">
        <v>1030</v>
      </c>
      <c r="E63" s="17">
        <v>17</v>
      </c>
      <c r="F63" s="17">
        <v>267</v>
      </c>
      <c r="G63" s="17">
        <v>746</v>
      </c>
      <c r="H63" s="17">
        <v>40658</v>
      </c>
      <c r="I63" s="17">
        <v>593</v>
      </c>
      <c r="J63" s="17">
        <v>9</v>
      </c>
      <c r="K63" s="17">
        <v>71</v>
      </c>
      <c r="L63" s="17">
        <v>513</v>
      </c>
      <c r="M63" s="17">
        <v>26325</v>
      </c>
      <c r="N63" s="17">
        <v>437</v>
      </c>
      <c r="O63" s="17">
        <v>8</v>
      </c>
      <c r="P63" s="17">
        <v>196</v>
      </c>
      <c r="Q63" s="17">
        <v>233</v>
      </c>
      <c r="R63" s="17">
        <v>14333</v>
      </c>
    </row>
    <row r="64" spans="1:18">
      <c r="A64" s="21" t="s">
        <v>840</v>
      </c>
      <c r="B64" s="10" t="s">
        <v>52</v>
      </c>
      <c r="C64" s="11" t="s">
        <v>53</v>
      </c>
      <c r="D64" s="17">
        <v>924</v>
      </c>
      <c r="E64" s="17">
        <v>12</v>
      </c>
      <c r="F64" s="17">
        <v>251</v>
      </c>
      <c r="G64" s="17">
        <v>660</v>
      </c>
      <c r="H64" s="17">
        <v>35763</v>
      </c>
      <c r="I64" s="17">
        <v>520</v>
      </c>
      <c r="J64" s="17">
        <v>7</v>
      </c>
      <c r="K64" s="17">
        <v>71</v>
      </c>
      <c r="L64" s="17">
        <v>441</v>
      </c>
      <c r="M64" s="17">
        <v>22437</v>
      </c>
      <c r="N64" s="17">
        <v>404</v>
      </c>
      <c r="O64" s="18">
        <v>5</v>
      </c>
      <c r="P64" s="17">
        <v>180</v>
      </c>
      <c r="Q64" s="17">
        <v>219</v>
      </c>
      <c r="R64" s="17">
        <v>13326</v>
      </c>
    </row>
    <row r="65" spans="1:18">
      <c r="A65" s="21" t="s">
        <v>841</v>
      </c>
      <c r="B65" s="10" t="s">
        <v>58</v>
      </c>
      <c r="C65" s="11" t="s">
        <v>53</v>
      </c>
      <c r="D65" s="36" t="s">
        <v>59</v>
      </c>
      <c r="E65" s="36" t="s">
        <v>59</v>
      </c>
      <c r="F65" s="36" t="s">
        <v>59</v>
      </c>
      <c r="G65" s="36" t="s">
        <v>59</v>
      </c>
      <c r="H65" s="36" t="s">
        <v>59</v>
      </c>
      <c r="I65" s="36" t="s">
        <v>59</v>
      </c>
      <c r="J65" s="36" t="s">
        <v>59</v>
      </c>
      <c r="K65" s="36" t="s">
        <v>59</v>
      </c>
      <c r="L65" s="36" t="s">
        <v>59</v>
      </c>
      <c r="M65" s="36" t="s">
        <v>59</v>
      </c>
      <c r="N65" s="36" t="s">
        <v>59</v>
      </c>
      <c r="O65" s="36" t="s">
        <v>59</v>
      </c>
      <c r="P65" s="36" t="s">
        <v>59</v>
      </c>
      <c r="Q65" s="36" t="s">
        <v>59</v>
      </c>
      <c r="R65" s="36" t="s">
        <v>59</v>
      </c>
    </row>
    <row r="66" spans="1:18">
      <c r="A66" s="21" t="s">
        <v>842</v>
      </c>
      <c r="B66" s="10"/>
      <c r="C66" s="11" t="s">
        <v>25</v>
      </c>
      <c r="D66" s="17" t="s">
        <v>35</v>
      </c>
      <c r="E66" s="17" t="s">
        <v>35</v>
      </c>
      <c r="F66" s="17" t="s">
        <v>35</v>
      </c>
      <c r="G66" s="17" t="s">
        <v>35</v>
      </c>
      <c r="H66" s="17" t="s">
        <v>35</v>
      </c>
      <c r="I66" s="17" t="s">
        <v>35</v>
      </c>
      <c r="J66" s="17" t="s">
        <v>35</v>
      </c>
      <c r="K66" s="17" t="s">
        <v>35</v>
      </c>
      <c r="L66" s="17" t="s">
        <v>35</v>
      </c>
      <c r="M66" s="17" t="s">
        <v>35</v>
      </c>
      <c r="N66" s="17" t="s">
        <v>35</v>
      </c>
      <c r="O66" s="17" t="s">
        <v>35</v>
      </c>
      <c r="P66" s="17" t="s">
        <v>35</v>
      </c>
      <c r="Q66" s="17" t="s">
        <v>35</v>
      </c>
      <c r="R66" s="17" t="s">
        <v>35</v>
      </c>
    </row>
    <row r="67" spans="1:18">
      <c r="A67" s="21" t="s">
        <v>843</v>
      </c>
      <c r="B67" s="10"/>
      <c r="C67" s="11" t="s">
        <v>25</v>
      </c>
      <c r="D67" s="17" t="s">
        <v>35</v>
      </c>
      <c r="E67" s="17" t="s">
        <v>35</v>
      </c>
      <c r="F67" s="17" t="s">
        <v>35</v>
      </c>
      <c r="G67" s="17" t="s">
        <v>35</v>
      </c>
      <c r="H67" s="17" t="s">
        <v>35</v>
      </c>
      <c r="I67" s="17" t="s">
        <v>35</v>
      </c>
      <c r="J67" s="17" t="s">
        <v>35</v>
      </c>
      <c r="K67" s="17" t="s">
        <v>35</v>
      </c>
      <c r="L67" s="17" t="s">
        <v>35</v>
      </c>
      <c r="M67" s="17" t="s">
        <v>35</v>
      </c>
      <c r="N67" s="17" t="s">
        <v>35</v>
      </c>
      <c r="O67" s="17" t="s">
        <v>35</v>
      </c>
      <c r="P67" s="17" t="s">
        <v>35</v>
      </c>
      <c r="Q67" s="17" t="s">
        <v>35</v>
      </c>
      <c r="R67" s="17" t="s">
        <v>35</v>
      </c>
    </row>
    <row r="68" spans="1:18">
      <c r="A68" s="21" t="s">
        <v>844</v>
      </c>
      <c r="B68" s="10"/>
      <c r="C68" s="11" t="s">
        <v>25</v>
      </c>
      <c r="D68" s="17" t="s">
        <v>35</v>
      </c>
      <c r="E68" s="17" t="s">
        <v>35</v>
      </c>
      <c r="F68" s="17" t="s">
        <v>35</v>
      </c>
      <c r="G68" s="17" t="s">
        <v>35</v>
      </c>
      <c r="H68" s="17" t="s">
        <v>35</v>
      </c>
      <c r="I68" s="17" t="s">
        <v>35</v>
      </c>
      <c r="J68" s="17" t="s">
        <v>35</v>
      </c>
      <c r="K68" s="17" t="s">
        <v>35</v>
      </c>
      <c r="L68" s="17" t="s">
        <v>35</v>
      </c>
      <c r="M68" s="17" t="s">
        <v>35</v>
      </c>
      <c r="N68" s="17" t="s">
        <v>35</v>
      </c>
      <c r="O68" s="17" t="s">
        <v>35</v>
      </c>
      <c r="P68" s="17" t="s">
        <v>35</v>
      </c>
      <c r="Q68" s="17" t="s">
        <v>35</v>
      </c>
      <c r="R68" s="17" t="s">
        <v>35</v>
      </c>
    </row>
    <row r="69" spans="1:18">
      <c r="A69" s="21" t="s">
        <v>375</v>
      </c>
      <c r="B69" s="10"/>
      <c r="C69" s="11" t="s">
        <v>25</v>
      </c>
      <c r="D69" s="17" t="s">
        <v>35</v>
      </c>
      <c r="E69" s="17" t="s">
        <v>35</v>
      </c>
      <c r="F69" s="17" t="s">
        <v>35</v>
      </c>
      <c r="G69" s="17" t="s">
        <v>35</v>
      </c>
      <c r="H69" s="17" t="s">
        <v>35</v>
      </c>
      <c r="I69" s="17" t="s">
        <v>35</v>
      </c>
      <c r="J69" s="17" t="s">
        <v>35</v>
      </c>
      <c r="K69" s="17" t="s">
        <v>35</v>
      </c>
      <c r="L69" s="17" t="s">
        <v>35</v>
      </c>
      <c r="M69" s="17" t="s">
        <v>35</v>
      </c>
      <c r="N69" s="17" t="s">
        <v>35</v>
      </c>
      <c r="O69" s="17" t="s">
        <v>35</v>
      </c>
      <c r="P69" s="17" t="s">
        <v>35</v>
      </c>
      <c r="Q69" s="17" t="s">
        <v>35</v>
      </c>
      <c r="R69" s="17" t="s">
        <v>35</v>
      </c>
    </row>
    <row r="70" spans="1:18">
      <c r="A70" s="21"/>
      <c r="B70" s="10"/>
      <c r="C70" s="11"/>
      <c r="D70" s="27"/>
      <c r="E70" s="27"/>
      <c r="F70" s="27"/>
      <c r="G70" s="27"/>
      <c r="H70" s="27"/>
      <c r="I70" s="27"/>
      <c r="J70" s="27"/>
      <c r="K70" s="27"/>
      <c r="L70" s="27"/>
      <c r="M70" s="27"/>
      <c r="N70" s="27"/>
      <c r="O70" s="27"/>
      <c r="P70" s="27"/>
      <c r="Q70" s="27"/>
      <c r="R70" s="27"/>
    </row>
    <row r="71" spans="1:18">
      <c r="B71" s="28"/>
      <c r="C71" s="28"/>
    </row>
    <row r="72" spans="1:18">
      <c r="B72" s="28"/>
      <c r="C72" s="28"/>
    </row>
    <row r="73" spans="1:18">
      <c r="B73" s="28"/>
      <c r="C73" s="28"/>
    </row>
    <row r="74" spans="1:18">
      <c r="B74" s="28"/>
      <c r="C74" s="28"/>
    </row>
    <row r="75" spans="1:18">
      <c r="B75" s="28"/>
      <c r="C75" s="28"/>
    </row>
    <row r="76" spans="1:18">
      <c r="B76" s="28"/>
      <c r="C76" s="28"/>
    </row>
    <row r="77" spans="1:18">
      <c r="B77" s="28"/>
      <c r="C77" s="28"/>
    </row>
    <row r="78" spans="1:18">
      <c r="B78" s="28"/>
      <c r="C78" s="28"/>
    </row>
    <row r="79" spans="1:18">
      <c r="B79" s="28"/>
      <c r="C79" s="28"/>
    </row>
    <row r="80" spans="1:18">
      <c r="B80" s="28"/>
      <c r="C80" s="28"/>
    </row>
    <row r="81" spans="2:3">
      <c r="B81" s="28"/>
      <c r="C81" s="28"/>
    </row>
  </sheetData>
  <mergeCells count="7">
    <mergeCell ref="A1:D1"/>
    <mergeCell ref="A3:R3"/>
    <mergeCell ref="A6:A7"/>
    <mergeCell ref="B6:C7"/>
    <mergeCell ref="D6:H6"/>
    <mergeCell ref="I6:M6"/>
    <mergeCell ref="N6:R6"/>
  </mergeCells>
  <phoneticPr fontId="3"/>
  <hyperlinks>
    <hyperlink ref="A1" location="目次!A1" display="＜＜目次"/>
  </hyperlinks>
  <printOptions horizontalCentered="1"/>
  <pageMargins left="0.23622047244094491" right="0.23622047244094491" top="0.74803149606299213" bottom="0.74803149606299213" header="0.31496062992125984" footer="0.31496062992125984"/>
  <pageSetup paperSize="8" scale="65" fitToHeight="0" pageOrder="overThenDown" orientation="landscape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5</vt:i4>
      </vt:variant>
      <vt:variant>
        <vt:lpstr>名前付き一覧</vt:lpstr>
      </vt:variant>
      <vt:variant>
        <vt:i4>47</vt:i4>
      </vt:variant>
    </vt:vector>
  </HeadingPairs>
  <TitlesOfParts>
    <vt:vector size="72" baseType="lpstr">
      <vt:lpstr>目次</vt:lpstr>
      <vt:lpstr>北区　抽出結果</vt:lpstr>
      <vt:lpstr>都島区　抽出結果</vt:lpstr>
      <vt:lpstr>福島区　抽出結果</vt:lpstr>
      <vt:lpstr>此花区　抽出結果</vt:lpstr>
      <vt:lpstr>中央区　抽出結果</vt:lpstr>
      <vt:lpstr>西区　抽出結果</vt:lpstr>
      <vt:lpstr>港区　抽出結果</vt:lpstr>
      <vt:lpstr>大正区　抽出結果</vt:lpstr>
      <vt:lpstr>天王寺区　抽出結果</vt:lpstr>
      <vt:lpstr>浪速区　抽出結果</vt:lpstr>
      <vt:lpstr>西淀川区　抽出結果</vt:lpstr>
      <vt:lpstr>淀川区　抽出結果</vt:lpstr>
      <vt:lpstr>東淀川区　抽出結果</vt:lpstr>
      <vt:lpstr>東成区　抽出結果</vt:lpstr>
      <vt:lpstr>生野区　抽出結果</vt:lpstr>
      <vt:lpstr>旭区　抽出結果</vt:lpstr>
      <vt:lpstr>城東区　抽出結果</vt:lpstr>
      <vt:lpstr>鶴見区　抽出結果</vt:lpstr>
      <vt:lpstr>阿倍野区　抽出結果</vt:lpstr>
      <vt:lpstr>住之江区　抽出結果</vt:lpstr>
      <vt:lpstr>住吉区　抽出結果</vt:lpstr>
      <vt:lpstr>東住吉区　抽出結果</vt:lpstr>
      <vt:lpstr>平野区　抽出結果</vt:lpstr>
      <vt:lpstr>西成区　抽出結果</vt:lpstr>
      <vt:lpstr>'阿倍野区　抽出結果'!Print_Area</vt:lpstr>
      <vt:lpstr>'旭区　抽出結果'!Print_Area</vt:lpstr>
      <vt:lpstr>'港区　抽出結果'!Print_Area</vt:lpstr>
      <vt:lpstr>'此花区　抽出結果'!Print_Area</vt:lpstr>
      <vt:lpstr>'住吉区　抽出結果'!Print_Area</vt:lpstr>
      <vt:lpstr>'住之江区　抽出結果'!Print_Area</vt:lpstr>
      <vt:lpstr>'城東区　抽出結果'!Print_Area</vt:lpstr>
      <vt:lpstr>'生野区　抽出結果'!Print_Area</vt:lpstr>
      <vt:lpstr>'西区　抽出結果'!Print_Area</vt:lpstr>
      <vt:lpstr>'西成区　抽出結果'!Print_Area</vt:lpstr>
      <vt:lpstr>'大正区　抽出結果'!Print_Area</vt:lpstr>
      <vt:lpstr>'中央区　抽出結果'!Print_Area</vt:lpstr>
      <vt:lpstr>'鶴見区　抽出結果'!Print_Area</vt:lpstr>
      <vt:lpstr>'天王寺区　抽出結果'!Print_Area</vt:lpstr>
      <vt:lpstr>'都島区　抽出結果'!Print_Area</vt:lpstr>
      <vt:lpstr>'東住吉区　抽出結果'!Print_Area</vt:lpstr>
      <vt:lpstr>'東成区　抽出結果'!Print_Area</vt:lpstr>
      <vt:lpstr>'東淀川区　抽出結果'!Print_Area</vt:lpstr>
      <vt:lpstr>'福島区　抽出結果'!Print_Area</vt:lpstr>
      <vt:lpstr>'平野区　抽出結果'!Print_Area</vt:lpstr>
      <vt:lpstr>'北区　抽出結果'!Print_Area</vt:lpstr>
      <vt:lpstr>'淀川区　抽出結果'!Print_Area</vt:lpstr>
      <vt:lpstr>'浪速区　抽出結果'!Print_Area</vt:lpstr>
      <vt:lpstr>'阿倍野区　抽出結果'!Print_Titles</vt:lpstr>
      <vt:lpstr>'旭区　抽出結果'!Print_Titles</vt:lpstr>
      <vt:lpstr>'港区　抽出結果'!Print_Titles</vt:lpstr>
      <vt:lpstr>'此花区　抽出結果'!Print_Titles</vt:lpstr>
      <vt:lpstr>'住吉区　抽出結果'!Print_Titles</vt:lpstr>
      <vt:lpstr>'住之江区　抽出結果'!Print_Titles</vt:lpstr>
      <vt:lpstr>'城東区　抽出結果'!Print_Titles</vt:lpstr>
      <vt:lpstr>'生野区　抽出結果'!Print_Titles</vt:lpstr>
      <vt:lpstr>'西区　抽出結果'!Print_Titles</vt:lpstr>
      <vt:lpstr>'西成区　抽出結果'!Print_Titles</vt:lpstr>
      <vt:lpstr>'西淀川区　抽出結果'!Print_Titles</vt:lpstr>
      <vt:lpstr>'大正区　抽出結果'!Print_Titles</vt:lpstr>
      <vt:lpstr>'中央区　抽出結果'!Print_Titles</vt:lpstr>
      <vt:lpstr>'鶴見区　抽出結果'!Print_Titles</vt:lpstr>
      <vt:lpstr>'天王寺区　抽出結果'!Print_Titles</vt:lpstr>
      <vt:lpstr>'都島区　抽出結果'!Print_Titles</vt:lpstr>
      <vt:lpstr>'東住吉区　抽出結果'!Print_Titles</vt:lpstr>
      <vt:lpstr>'東成区　抽出結果'!Print_Titles</vt:lpstr>
      <vt:lpstr>'東淀川区　抽出結果'!Print_Titles</vt:lpstr>
      <vt:lpstr>'福島区　抽出結果'!Print_Titles</vt:lpstr>
      <vt:lpstr>'平野区　抽出結果'!Print_Titles</vt:lpstr>
      <vt:lpstr>'北区　抽出結果'!Print_Titles</vt:lpstr>
      <vt:lpstr>'淀川区　抽出結果'!Print_Titles</vt:lpstr>
      <vt:lpstr>'浪速区　抽出結果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林　美幸</dc:creator>
  <cp:lastModifiedBy>林　美幸</cp:lastModifiedBy>
  <cp:lastPrinted>2021-07-20T05:45:18Z</cp:lastPrinted>
  <dcterms:created xsi:type="dcterms:W3CDTF">1998-12-03T12:17:56Z</dcterms:created>
  <dcterms:modified xsi:type="dcterms:W3CDTF">2021-08-31T07:01:08Z</dcterms:modified>
</cp:coreProperties>
</file>